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filterPrivacy="1" defaultThemeVersion="166925"/>
  <xr:revisionPtr revIDLastSave="0" documentId="13_ncr:1_{7FBBE845-1559-45AF-BEDC-B1CBE7DB17EF}" xr6:coauthVersionLast="47" xr6:coauthVersionMax="47" xr10:uidLastSave="{00000000-0000-0000-0000-000000000000}"/>
  <bookViews>
    <workbookView xWindow="-108" yWindow="-108" windowWidth="23256" windowHeight="12456" tabRatio="781" xr2:uid="{FAC0CF69-3B1C-4BB0-A367-89558A3EADCA}"/>
  </bookViews>
  <sheets>
    <sheet name="予算事業一覧" sheetId="1" r:id="rId1"/>
    <sheet name="事業概要説明資料" sheetId="2" r:id="rId2"/>
  </sheets>
  <externalReferences>
    <externalReference r:id="rId3"/>
    <externalReference r:id="rId4"/>
    <externalReference r:id="rId5"/>
    <externalReference r:id="rId6"/>
  </externalReferences>
  <definedNames>
    <definedName name="①">#REF!</definedName>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N_053eac93c3b6821054207c677a0131fa">[1]様式4付属①!#REF!</definedName>
    <definedName name="N_113eec93c3b6821054207c677a01314b">[1]様式4付属①!#REF!</definedName>
    <definedName name="N_283eac93c3b6821054207c677a013174">[1]様式4付属①!#REF!</definedName>
    <definedName name="N_293eec93c3b6821054207c677a01316e">[1]様式4付属①!#REF!</definedName>
    <definedName name="N_343eac93c3b6821054207c677a0131cd">[1]様式4付属①!#REF!</definedName>
    <definedName name="N_553eec93c3b6821054207c677a013114">[1]様式4付属①!#REF!</definedName>
    <definedName name="N_553eec93c3b6821054207c677a013142">[1]様式4付属①!#REF!</definedName>
    <definedName name="N_683eac93c3b6821054207c677a01316b">[1]様式4付属①!#REF!</definedName>
    <definedName name="N_693eec93c3b6821054207c677a013165">[1]様式4付属①!#REF!</definedName>
    <definedName name="N_743eac93c3b6821054207c677a013196">[1]様式4付属①!#REF!</definedName>
    <definedName name="N_743eac93c3b6821054207c677a0131c4">[1]様式4付属①!#REF!</definedName>
    <definedName name="N_893eec93c3b6821054207c677a01310b">[1]様式4付属①!#REF!</definedName>
    <definedName name="N_a93eec93c3b6821054207c677a01315c">[1]様式4付属①!#REF!</definedName>
    <definedName name="N_b83eac93c3b6821054207c677a0131e4">[1]様式4付属①!#REF!</definedName>
    <definedName name="N_cd3eec93c3b6821054207c677a013102">[1]様式4付属①!#REF!</definedName>
    <definedName name="N_d03eac93c3b6821054207c677a01315a">[1]様式4付属①!#REF!</definedName>
    <definedName name="N_dd3eec93c3b6821054207c677a013153">[1]様式4付属①!#REF!</definedName>
    <definedName name="print">#REF!</definedName>
    <definedName name="_xlnm.Print_Area" localSheetId="1">事業概要説明資料!$A$1:$AY$1225</definedName>
    <definedName name="_xlnm.Print_Area" localSheetId="0">予算事業一覧!$A$1:$I$107</definedName>
    <definedName name="_xlnm.Print_Titles" localSheetId="0">予算事業一覧!$3:$7</definedName>
    <definedName name="rrr">'[2]様式16（見直しチェックシート）'!$U$53:$V$53</definedName>
    <definedName name="こども・子育て支援">#REF!</definedName>
    <definedName name="メッセージ出力">#REF!</definedName>
    <definedName name="一般・河川">#REF!</definedName>
    <definedName name="一般・高校">#REF!</definedName>
    <definedName name="一般事業">#REF!</definedName>
    <definedName name="一般廃棄物">#REF!</definedName>
    <definedName name="一般補助">#REF!</definedName>
    <definedName name="下水道">#REF!</definedName>
    <definedName name="介護サービス">#REF!</definedName>
    <definedName name="学校教育">#REF!</definedName>
    <definedName name="起債の方法">'[3]事業区分等（シートを削除しないこと）'!$AG$3:$AG$5</definedName>
    <definedName name="緊急自然対策">#REF!</definedName>
    <definedName name="緊急防災・減災">#REF!</definedName>
    <definedName name="緊急浚渫推進">#REF!</definedName>
    <definedName name="公営住宅">#REF!</definedName>
    <definedName name="公共事業等">#REF!</definedName>
    <definedName name="公共用先">#REF!</definedName>
    <definedName name="公適・ユニバ">#REF!</definedName>
    <definedName name="公適・集約複合">#REF!</definedName>
    <definedName name="公適・除却">#REF!</definedName>
    <definedName name="公適・長寿命化">#REF!</definedName>
    <definedName name="港湾">#REF!</definedName>
    <definedName name="国の予算等貸付">#REF!</definedName>
    <definedName name="国土強靭化">#REF!</definedName>
    <definedName name="災害復旧">#REF!</definedName>
    <definedName name="市場">#REF!</definedName>
    <definedName name="事業区分">'[3]事業区分等（シートを削除しないこと）'!$A$1:$AE$1</definedName>
    <definedName name="社会福祉">#REF!</definedName>
    <definedName name="水道">#REF!</definedName>
    <definedName name="脱炭素">#REF!</definedName>
    <definedName name="地域開発">#REF!</definedName>
    <definedName name="地域活性化">#REF!</definedName>
    <definedName name="地方道路">#REF!</definedName>
    <definedName name="都市高速">#REF!</definedName>
    <definedName name="特別転貸債">#REF!</definedName>
    <definedName name="病院">#REF!</definedName>
    <definedName name="分類">'[4]様式17(見直し一覧)'!$A$38:$A$47</definedName>
    <definedName name="防災対策">#REF!</definedName>
    <definedName name="臨時財政対策債">#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J1085" i="2" l="1"/>
  <c r="AA1085" i="2"/>
  <c r="AJ630" i="2"/>
  <c r="AA630" i="2"/>
  <c r="AJ665" i="2"/>
  <c r="AA665" i="2"/>
  <c r="AJ454" i="2"/>
  <c r="AA454" i="2"/>
  <c r="AJ174" i="2"/>
  <c r="AA174" i="2"/>
  <c r="AJ104" i="2"/>
  <c r="AA104" i="2"/>
  <c r="AJ1225" i="2"/>
  <c r="AA1225" i="2"/>
  <c r="AJ1190" i="2"/>
  <c r="AA1190" i="2"/>
  <c r="AJ1155" i="2"/>
  <c r="AA1155" i="2"/>
  <c r="AJ1120" i="2"/>
  <c r="AA1120" i="2"/>
  <c r="AJ1050" i="2"/>
  <c r="AA1050" i="2"/>
  <c r="AJ1015" i="2"/>
  <c r="AA1015" i="2"/>
  <c r="AJ980" i="2"/>
  <c r="AA980" i="2"/>
  <c r="AJ945" i="2"/>
  <c r="AA945" i="2"/>
  <c r="AJ910" i="2"/>
  <c r="AA910" i="2"/>
  <c r="AJ875" i="2"/>
  <c r="AA875" i="2"/>
  <c r="AJ840" i="2"/>
  <c r="AA840" i="2"/>
  <c r="AJ805" i="2"/>
  <c r="AA805" i="2"/>
  <c r="AJ770" i="2"/>
  <c r="AA770" i="2"/>
  <c r="AJ735" i="2"/>
  <c r="AA735" i="2"/>
  <c r="AJ700" i="2"/>
  <c r="AA700" i="2"/>
  <c r="AJ595" i="2"/>
  <c r="AA595" i="2"/>
  <c r="AJ560" i="2"/>
  <c r="AA560" i="2"/>
  <c r="AJ525" i="2"/>
  <c r="AA525" i="2"/>
  <c r="AJ490" i="2"/>
  <c r="AA490" i="2"/>
  <c r="AJ419" i="2"/>
  <c r="AA419" i="2"/>
  <c r="AJ384" i="2"/>
  <c r="AA384" i="2"/>
  <c r="AJ349" i="2"/>
  <c r="AA349" i="2"/>
  <c r="AJ314" i="2"/>
  <c r="AA314" i="2"/>
  <c r="AJ279" i="2"/>
  <c r="AA279" i="2"/>
  <c r="AJ244" i="2"/>
  <c r="AA244" i="2"/>
  <c r="AJ209" i="2"/>
  <c r="AA209" i="2"/>
  <c r="AJ139" i="2"/>
  <c r="AA139" i="2"/>
  <c r="AJ69" i="2"/>
  <c r="AA69" i="2"/>
  <c r="AJ34" i="2"/>
  <c r="AA34" i="2"/>
  <c r="G88" i="1"/>
  <c r="G52" i="1" l="1"/>
  <c r="G40" i="1"/>
  <c r="G42" i="1"/>
  <c r="G16" i="1"/>
  <c r="G14" i="1"/>
  <c r="G20" i="1"/>
  <c r="G54" i="1" l="1"/>
  <c r="G50" i="1"/>
  <c r="G106" i="1"/>
  <c r="G104" i="1"/>
  <c r="G102" i="1"/>
  <c r="G100" i="1"/>
  <c r="G98" i="1"/>
  <c r="G96" i="1"/>
  <c r="G94" i="1"/>
  <c r="G92" i="1"/>
  <c r="G90" i="1"/>
  <c r="G86" i="1"/>
  <c r="G84" i="1"/>
  <c r="G82" i="1"/>
  <c r="G80" i="1"/>
  <c r="G78" i="1"/>
  <c r="G76" i="1"/>
  <c r="G74" i="1"/>
  <c r="G72" i="1"/>
  <c r="G70" i="1"/>
  <c r="G66" i="1"/>
  <c r="G64" i="1"/>
  <c r="G62" i="1"/>
  <c r="G60" i="1"/>
  <c r="G58" i="1"/>
  <c r="G56" i="1"/>
  <c r="G48" i="1"/>
  <c r="G46" i="1"/>
  <c r="G44" i="1"/>
  <c r="G38" i="1"/>
  <c r="G36" i="1"/>
  <c r="G34" i="1"/>
  <c r="G32" i="1"/>
  <c r="G30" i="1"/>
  <c r="G28" i="1"/>
  <c r="G26" i="1"/>
  <c r="G24" i="1"/>
  <c r="G22" i="1"/>
  <c r="G18" i="1"/>
  <c r="G12" i="1"/>
  <c r="G10" i="1"/>
</calcChain>
</file>

<file path=xl/sharedStrings.xml><?xml version="1.0" encoding="utf-8"?>
<sst xmlns="http://schemas.openxmlformats.org/spreadsheetml/2006/main" count="695" uniqueCount="209">
  <si>
    <t>予算事業一覧</t>
    <rPh sb="0" eb="2">
      <t>ヨサン</t>
    </rPh>
    <rPh sb="2" eb="4">
      <t>ジギョウ</t>
    </rPh>
    <rPh sb="4" eb="6">
      <t>イチラン</t>
    </rPh>
    <phoneticPr fontId="5"/>
  </si>
  <si>
    <t>会計名　　港営事業会計　　</t>
    <rPh sb="0" eb="2">
      <t>カイケイ</t>
    </rPh>
    <rPh sb="2" eb="3">
      <t>メイ</t>
    </rPh>
    <rPh sb="5" eb="7">
      <t>ミナトエ</t>
    </rPh>
    <rPh sb="7" eb="9">
      <t>ジギョウ</t>
    </rPh>
    <rPh sb="9" eb="11">
      <t>カイケイ</t>
    </rPh>
    <phoneticPr fontId="8"/>
  </si>
  <si>
    <t>(単位：千円)</t>
    <phoneticPr fontId="8"/>
  </si>
  <si>
    <t>通し</t>
    <phoneticPr fontId="8"/>
  </si>
  <si>
    <t>科 目</t>
    <rPh sb="0" eb="1">
      <t>カ</t>
    </rPh>
    <rPh sb="2" eb="3">
      <t>メ</t>
    </rPh>
    <phoneticPr fontId="8"/>
  </si>
  <si>
    <t>事  業  名</t>
    <phoneticPr fontId="8"/>
  </si>
  <si>
    <t>担 当 課</t>
    <rPh sb="0" eb="1">
      <t>タン</t>
    </rPh>
    <rPh sb="2" eb="3">
      <t>トウ</t>
    </rPh>
    <rPh sb="4" eb="5">
      <t>カ</t>
    </rPh>
    <phoneticPr fontId="8"/>
  </si>
  <si>
    <t>増  減</t>
    <rPh sb="0" eb="1">
      <t>ゾウ</t>
    </rPh>
    <rPh sb="3" eb="4">
      <t>ゲン</t>
    </rPh>
    <phoneticPr fontId="8"/>
  </si>
  <si>
    <t>備  考</t>
    <phoneticPr fontId="8"/>
  </si>
  <si>
    <t>番号</t>
    <phoneticPr fontId="8"/>
  </si>
  <si>
    <t>当 初 ①</t>
    <phoneticPr fontId="8"/>
  </si>
  <si>
    <t>（② - ①）</t>
    <phoneticPr fontId="8"/>
  </si>
  <si>
    <t>収益的支出</t>
    <rPh sb="0" eb="2">
      <t>シュウエキ</t>
    </rPh>
    <rPh sb="2" eb="3">
      <t>テキ</t>
    </rPh>
    <rPh sb="3" eb="5">
      <t>シシュツ</t>
    </rPh>
    <phoneticPr fontId="8"/>
  </si>
  <si>
    <t>1-1</t>
  </si>
  <si>
    <t>荷役機械運営費
（港湾施設提供事業）</t>
    <rPh sb="0" eb="2">
      <t>ニヤク</t>
    </rPh>
    <rPh sb="2" eb="4">
      <t>キカイ</t>
    </rPh>
    <rPh sb="4" eb="7">
      <t>ウンエイヒ</t>
    </rPh>
    <rPh sb="9" eb="11">
      <t>コウワン</t>
    </rPh>
    <rPh sb="11" eb="13">
      <t>シセツ</t>
    </rPh>
    <rPh sb="13" eb="15">
      <t>テイキョウ</t>
    </rPh>
    <rPh sb="15" eb="17">
      <t>ジギョウ</t>
    </rPh>
    <phoneticPr fontId="11"/>
  </si>
  <si>
    <t>上屋倉庫運営費
（港湾施設提供事業）</t>
    <rPh sb="0" eb="2">
      <t>ウワヤ</t>
    </rPh>
    <rPh sb="2" eb="4">
      <t>ソウコ</t>
    </rPh>
    <rPh sb="4" eb="7">
      <t>ウンエイヒ</t>
    </rPh>
    <rPh sb="9" eb="11">
      <t>コウワン</t>
    </rPh>
    <rPh sb="11" eb="13">
      <t>シセツ</t>
    </rPh>
    <rPh sb="13" eb="15">
      <t>テイキョウ</t>
    </rPh>
    <rPh sb="15" eb="17">
      <t>ジギョウ</t>
    </rPh>
    <phoneticPr fontId="11"/>
  </si>
  <si>
    <t>減価償却費
（港湾施設提供事業）</t>
    <rPh sb="0" eb="2">
      <t>ゲンカ</t>
    </rPh>
    <rPh sb="2" eb="4">
      <t>ショウキャク</t>
    </rPh>
    <rPh sb="4" eb="5">
      <t>ヒ</t>
    </rPh>
    <rPh sb="7" eb="15">
      <t>コウワンシセツテイキョウジギョウ</t>
    </rPh>
    <phoneticPr fontId="11"/>
  </si>
  <si>
    <t>賞与引当金
（港湾施設提供事業）</t>
    <rPh sb="0" eb="2">
      <t>ショウヨ</t>
    </rPh>
    <rPh sb="2" eb="4">
      <t>ヒキアテ</t>
    </rPh>
    <rPh sb="4" eb="5">
      <t>キン</t>
    </rPh>
    <rPh sb="7" eb="15">
      <t>コウワンシセツテイキョウジギョウ</t>
    </rPh>
    <phoneticPr fontId="11"/>
  </si>
  <si>
    <t>退職給付引当金
（港湾施設提供事業）</t>
    <rPh sb="0" eb="7">
      <t>タイショクキュウフヒキアテキン</t>
    </rPh>
    <rPh sb="9" eb="17">
      <t>コウワンシセツテイキョウジギョウ</t>
    </rPh>
    <phoneticPr fontId="11"/>
  </si>
  <si>
    <t>資産減耗費
（港湾施設提供事業）</t>
    <rPh sb="0" eb="2">
      <t>シサン</t>
    </rPh>
    <rPh sb="2" eb="4">
      <t>ゲンモウ</t>
    </rPh>
    <rPh sb="4" eb="5">
      <t>ヒ</t>
    </rPh>
    <rPh sb="7" eb="15">
      <t>コウワンシセツテイキョウジギョウ</t>
    </rPh>
    <phoneticPr fontId="11"/>
  </si>
  <si>
    <t>営業費用（港湾施設提供事業）計</t>
    <rPh sb="0" eb="2">
      <t>エイギョウ</t>
    </rPh>
    <rPh sb="2" eb="4">
      <t>ヒヨウ</t>
    </rPh>
    <rPh sb="5" eb="7">
      <t>コウワン</t>
    </rPh>
    <rPh sb="7" eb="9">
      <t>シセツ</t>
    </rPh>
    <rPh sb="9" eb="11">
      <t>テイキョウ</t>
    </rPh>
    <rPh sb="11" eb="13">
      <t>ジギョウ</t>
    </rPh>
    <rPh sb="14" eb="15">
      <t>ケイ</t>
    </rPh>
    <phoneticPr fontId="8"/>
  </si>
  <si>
    <t>1-2</t>
  </si>
  <si>
    <t>企業債支払利息等
（港湾施設提供事業）</t>
    <rPh sb="0" eb="2">
      <t>キギョウ</t>
    </rPh>
    <rPh sb="2" eb="3">
      <t>サイ</t>
    </rPh>
    <rPh sb="3" eb="5">
      <t>シハライ</t>
    </rPh>
    <rPh sb="5" eb="7">
      <t>リソク</t>
    </rPh>
    <rPh sb="7" eb="8">
      <t>トウ</t>
    </rPh>
    <rPh sb="10" eb="18">
      <t>コウワンシセツテイキョウジギョウ</t>
    </rPh>
    <phoneticPr fontId="11"/>
  </si>
  <si>
    <t>消費税及び地方消費税納付額（港湾施設提供事業）</t>
    <rPh sb="0" eb="3">
      <t>ショウヒゼイ</t>
    </rPh>
    <rPh sb="3" eb="4">
      <t>オヨ</t>
    </rPh>
    <rPh sb="5" eb="7">
      <t>チホウ</t>
    </rPh>
    <rPh sb="7" eb="10">
      <t>ショウヒゼイ</t>
    </rPh>
    <rPh sb="10" eb="12">
      <t>ノウフ</t>
    </rPh>
    <rPh sb="12" eb="13">
      <t>ガク</t>
    </rPh>
    <rPh sb="14" eb="16">
      <t>コウワン</t>
    </rPh>
    <rPh sb="16" eb="18">
      <t>シセツ</t>
    </rPh>
    <rPh sb="18" eb="20">
      <t>テイキョウ</t>
    </rPh>
    <rPh sb="20" eb="22">
      <t>ジギョウ</t>
    </rPh>
    <phoneticPr fontId="11"/>
  </si>
  <si>
    <t>雑支出
（港湾施設提供事業）</t>
    <rPh sb="0" eb="1">
      <t>ザツ</t>
    </rPh>
    <rPh sb="1" eb="3">
      <t>シシュツ</t>
    </rPh>
    <rPh sb="5" eb="7">
      <t>コウワン</t>
    </rPh>
    <rPh sb="7" eb="9">
      <t>シセツ</t>
    </rPh>
    <rPh sb="9" eb="11">
      <t>テイキョウ</t>
    </rPh>
    <rPh sb="11" eb="13">
      <t>ジギョウ</t>
    </rPh>
    <phoneticPr fontId="11"/>
  </si>
  <si>
    <t>営業外費用（港湾施設提供事業）計</t>
    <rPh sb="0" eb="2">
      <t>エイギョウ</t>
    </rPh>
    <rPh sb="2" eb="3">
      <t>ガイ</t>
    </rPh>
    <rPh sb="3" eb="5">
      <t>ヒヨウ</t>
    </rPh>
    <rPh sb="6" eb="14">
      <t>コウワンシセツテイキョウジギョウ</t>
    </rPh>
    <rPh sb="15" eb="16">
      <t>ケイ</t>
    </rPh>
    <phoneticPr fontId="12"/>
  </si>
  <si>
    <t>1-3</t>
  </si>
  <si>
    <t>予備費
（港湾施設提供事業）</t>
    <rPh sb="0" eb="3">
      <t>ヨビヒ</t>
    </rPh>
    <rPh sb="5" eb="7">
      <t>コウワン</t>
    </rPh>
    <rPh sb="7" eb="9">
      <t>シセツ</t>
    </rPh>
    <rPh sb="9" eb="11">
      <t>テイキョウ</t>
    </rPh>
    <rPh sb="11" eb="13">
      <t>ジギョウ</t>
    </rPh>
    <phoneticPr fontId="11"/>
  </si>
  <si>
    <t>予備費（港湾施設提供事業）計</t>
    <rPh sb="0" eb="3">
      <t>ヨビヒ</t>
    </rPh>
    <rPh sb="4" eb="6">
      <t>コウワン</t>
    </rPh>
    <rPh sb="6" eb="8">
      <t>シセツ</t>
    </rPh>
    <rPh sb="8" eb="10">
      <t>テイキョウ</t>
    </rPh>
    <rPh sb="10" eb="12">
      <t>ジギョウ</t>
    </rPh>
    <rPh sb="13" eb="14">
      <t>ケイ</t>
    </rPh>
    <phoneticPr fontId="12"/>
  </si>
  <si>
    <t>2-1</t>
  </si>
  <si>
    <t>土地売却原価
（大阪港埋立事業）</t>
    <rPh sb="0" eb="2">
      <t>トチ</t>
    </rPh>
    <rPh sb="2" eb="4">
      <t>バイキャク</t>
    </rPh>
    <rPh sb="4" eb="6">
      <t>ゲンカ</t>
    </rPh>
    <rPh sb="8" eb="11">
      <t>オオサカコウ</t>
    </rPh>
    <rPh sb="11" eb="13">
      <t>ウメタテ</t>
    </rPh>
    <rPh sb="13" eb="15">
      <t>ジギョウ</t>
    </rPh>
    <phoneticPr fontId="11"/>
  </si>
  <si>
    <t>土地売却等に伴う経費
（大阪港埋立事業）</t>
    <rPh sb="0" eb="2">
      <t>トチ</t>
    </rPh>
    <rPh sb="2" eb="4">
      <t>バイキャク</t>
    </rPh>
    <rPh sb="4" eb="5">
      <t>トウ</t>
    </rPh>
    <rPh sb="6" eb="7">
      <t>トモナ</t>
    </rPh>
    <rPh sb="8" eb="10">
      <t>ケイヒ</t>
    </rPh>
    <rPh sb="12" eb="14">
      <t>オオサカ</t>
    </rPh>
    <rPh sb="14" eb="15">
      <t>コウ</t>
    </rPh>
    <rPh sb="15" eb="17">
      <t>ウメタテ</t>
    </rPh>
    <rPh sb="17" eb="19">
      <t>ジギョウ</t>
    </rPh>
    <phoneticPr fontId="11"/>
  </si>
  <si>
    <t>基盤施設等の維持管理
（大阪港埋立事業）</t>
    <rPh sb="0" eb="2">
      <t>キバン</t>
    </rPh>
    <rPh sb="2" eb="4">
      <t>シセツ</t>
    </rPh>
    <rPh sb="4" eb="5">
      <t>トウ</t>
    </rPh>
    <rPh sb="6" eb="8">
      <t>イジ</t>
    </rPh>
    <rPh sb="8" eb="10">
      <t>カンリ</t>
    </rPh>
    <rPh sb="12" eb="14">
      <t>オオサカ</t>
    </rPh>
    <rPh sb="14" eb="15">
      <t>コウ</t>
    </rPh>
    <rPh sb="15" eb="17">
      <t>ウメタテ</t>
    </rPh>
    <rPh sb="17" eb="19">
      <t>ジギョウ</t>
    </rPh>
    <phoneticPr fontId="11"/>
  </si>
  <si>
    <t>その他一般管理費
（大阪港埋立事業）</t>
    <rPh sb="2" eb="3">
      <t>タ</t>
    </rPh>
    <rPh sb="3" eb="5">
      <t>イッパン</t>
    </rPh>
    <rPh sb="5" eb="8">
      <t>カンリヒ</t>
    </rPh>
    <rPh sb="10" eb="12">
      <t>オオサカ</t>
    </rPh>
    <rPh sb="12" eb="13">
      <t>コウ</t>
    </rPh>
    <rPh sb="13" eb="15">
      <t>ウメタテ</t>
    </rPh>
    <rPh sb="15" eb="17">
      <t>ジギョウ</t>
    </rPh>
    <phoneticPr fontId="11"/>
  </si>
  <si>
    <t>減価償却費
（大阪港埋立事業）</t>
    <rPh sb="0" eb="2">
      <t>ゲンカ</t>
    </rPh>
    <rPh sb="2" eb="4">
      <t>ショウキャク</t>
    </rPh>
    <rPh sb="4" eb="5">
      <t>ヒ</t>
    </rPh>
    <rPh sb="7" eb="14">
      <t>オオサカコウウメタテジギョウ</t>
    </rPh>
    <phoneticPr fontId="11"/>
  </si>
  <si>
    <t>賞与引当金
（大阪港埋立事業）</t>
    <rPh sb="0" eb="2">
      <t>ショウヨ</t>
    </rPh>
    <rPh sb="2" eb="4">
      <t>ヒキアテ</t>
    </rPh>
    <rPh sb="4" eb="5">
      <t>キン</t>
    </rPh>
    <rPh sb="7" eb="14">
      <t>オオサカコウウメタテジギョウ</t>
    </rPh>
    <phoneticPr fontId="11"/>
  </si>
  <si>
    <t>退職給付引当金
（大阪港埋立事業）</t>
    <rPh sb="0" eb="7">
      <t>タイショクキュウフヒキアテキン</t>
    </rPh>
    <rPh sb="9" eb="11">
      <t>オオサカ</t>
    </rPh>
    <rPh sb="11" eb="12">
      <t>コウ</t>
    </rPh>
    <rPh sb="12" eb="14">
      <t>ウメタテ</t>
    </rPh>
    <rPh sb="14" eb="16">
      <t>ジギョウ</t>
    </rPh>
    <phoneticPr fontId="11"/>
  </si>
  <si>
    <t>営業費用（大阪港埋立事業）計</t>
    <phoneticPr fontId="12"/>
  </si>
  <si>
    <t>2-2</t>
  </si>
  <si>
    <t>企業債支払利息等
（大阪港埋立事業）</t>
    <rPh sb="0" eb="2">
      <t>キギョウ</t>
    </rPh>
    <rPh sb="2" eb="3">
      <t>サイ</t>
    </rPh>
    <rPh sb="3" eb="5">
      <t>シハライ</t>
    </rPh>
    <rPh sb="5" eb="7">
      <t>リソク</t>
    </rPh>
    <rPh sb="7" eb="8">
      <t>トウ</t>
    </rPh>
    <rPh sb="10" eb="12">
      <t>オオサカ</t>
    </rPh>
    <rPh sb="12" eb="13">
      <t>コウ</t>
    </rPh>
    <rPh sb="13" eb="15">
      <t>ウメタテ</t>
    </rPh>
    <rPh sb="15" eb="17">
      <t>ジギョウ</t>
    </rPh>
    <phoneticPr fontId="1"/>
  </si>
  <si>
    <t>企業債支払利息等
（大阪港埋立事業）</t>
    <rPh sb="0" eb="2">
      <t>キギョウ</t>
    </rPh>
    <rPh sb="2" eb="3">
      <t>サイ</t>
    </rPh>
    <rPh sb="3" eb="5">
      <t>シハライ</t>
    </rPh>
    <rPh sb="5" eb="7">
      <t>リソク</t>
    </rPh>
    <rPh sb="7" eb="8">
      <t>トウ</t>
    </rPh>
    <rPh sb="10" eb="12">
      <t>オオサカ</t>
    </rPh>
    <rPh sb="12" eb="13">
      <t>コウ</t>
    </rPh>
    <rPh sb="13" eb="15">
      <t>ウメタテ</t>
    </rPh>
    <rPh sb="15" eb="17">
      <t>ジギョウ</t>
    </rPh>
    <phoneticPr fontId="11"/>
  </si>
  <si>
    <t>雑支出
（大阪港埋立事業）</t>
    <rPh sb="0" eb="1">
      <t>ザツ</t>
    </rPh>
    <rPh sb="1" eb="3">
      <t>シシュツ</t>
    </rPh>
    <rPh sb="5" eb="10">
      <t>オオサカコウウメタテ</t>
    </rPh>
    <rPh sb="10" eb="12">
      <t>ジギョウ</t>
    </rPh>
    <phoneticPr fontId="11"/>
  </si>
  <si>
    <t>営業外費用（大阪港埋立事業）計</t>
    <rPh sb="0" eb="3">
      <t>エイギョウガイ</t>
    </rPh>
    <rPh sb="3" eb="5">
      <t>ヒヨウ</t>
    </rPh>
    <rPh sb="6" eb="8">
      <t>オオサカ</t>
    </rPh>
    <rPh sb="8" eb="9">
      <t>コウ</t>
    </rPh>
    <rPh sb="9" eb="11">
      <t>ウメタテ</t>
    </rPh>
    <rPh sb="11" eb="13">
      <t>ジギョウ</t>
    </rPh>
    <rPh sb="14" eb="15">
      <t>ケイ</t>
    </rPh>
    <phoneticPr fontId="12"/>
  </si>
  <si>
    <t>2-3</t>
  </si>
  <si>
    <t>予備費
（大阪港埋立事業）</t>
    <rPh sb="0" eb="3">
      <t>ヨビヒ</t>
    </rPh>
    <rPh sb="5" eb="10">
      <t>オオサカコウウメタテ</t>
    </rPh>
    <rPh sb="10" eb="12">
      <t>ジギョウ</t>
    </rPh>
    <phoneticPr fontId="11"/>
  </si>
  <si>
    <t>予備費（大阪港埋立事業）計</t>
    <rPh sb="0" eb="3">
      <t>ヨビヒ</t>
    </rPh>
    <rPh sb="4" eb="6">
      <t>オオサカ</t>
    </rPh>
    <rPh sb="6" eb="7">
      <t>コウ</t>
    </rPh>
    <rPh sb="7" eb="9">
      <t>ウメタテ</t>
    </rPh>
    <rPh sb="9" eb="11">
      <t>ジギョウ</t>
    </rPh>
    <rPh sb="12" eb="13">
      <t>ケイ</t>
    </rPh>
    <phoneticPr fontId="8"/>
  </si>
  <si>
    <t>荷役機械整備費
（港湾施設提供事業）</t>
    <rPh sb="0" eb="2">
      <t>ニヤク</t>
    </rPh>
    <rPh sb="2" eb="4">
      <t>キカイ</t>
    </rPh>
    <rPh sb="4" eb="7">
      <t>セイビヒ</t>
    </rPh>
    <rPh sb="9" eb="11">
      <t>コウワン</t>
    </rPh>
    <rPh sb="11" eb="13">
      <t>シセツ</t>
    </rPh>
    <rPh sb="13" eb="15">
      <t>テイキョウ</t>
    </rPh>
    <rPh sb="15" eb="17">
      <t>ジギョウ</t>
    </rPh>
    <phoneticPr fontId="11"/>
  </si>
  <si>
    <t>上屋倉庫整備費
（港湾施設提供事業）</t>
    <rPh sb="0" eb="2">
      <t>ウワヤ</t>
    </rPh>
    <rPh sb="2" eb="4">
      <t>ソウコ</t>
    </rPh>
    <rPh sb="4" eb="7">
      <t>セイビヒ</t>
    </rPh>
    <rPh sb="9" eb="11">
      <t>コウワン</t>
    </rPh>
    <rPh sb="11" eb="13">
      <t>シセツ</t>
    </rPh>
    <rPh sb="13" eb="15">
      <t>テイキョウ</t>
    </rPh>
    <rPh sb="15" eb="17">
      <t>ジギョウ</t>
    </rPh>
    <phoneticPr fontId="11"/>
  </si>
  <si>
    <t>所属計</t>
    <rPh sb="0" eb="2">
      <t>ショゾク</t>
    </rPh>
    <phoneticPr fontId="8"/>
  </si>
  <si>
    <t>建設改良費（港湾施設提供事業）計</t>
    <rPh sb="0" eb="2">
      <t>ケンセツ</t>
    </rPh>
    <rPh sb="2" eb="4">
      <t>カイリョウ</t>
    </rPh>
    <rPh sb="4" eb="5">
      <t>ヒ</t>
    </rPh>
    <rPh sb="6" eb="8">
      <t>コウワン</t>
    </rPh>
    <rPh sb="8" eb="10">
      <t>シセツ</t>
    </rPh>
    <rPh sb="10" eb="12">
      <t>テイキョウ</t>
    </rPh>
    <rPh sb="12" eb="14">
      <t>ジギョウ</t>
    </rPh>
    <rPh sb="15" eb="16">
      <t>ケイ</t>
    </rPh>
    <phoneticPr fontId="8"/>
  </si>
  <si>
    <t>企業債償還金
（港湾施設提供事業）</t>
    <rPh sb="0" eb="2">
      <t>キギョウ</t>
    </rPh>
    <rPh sb="2" eb="3">
      <t>サイ</t>
    </rPh>
    <rPh sb="3" eb="6">
      <t>ショウカンキン</t>
    </rPh>
    <rPh sb="8" eb="10">
      <t>コウワン</t>
    </rPh>
    <rPh sb="10" eb="12">
      <t>シセツ</t>
    </rPh>
    <rPh sb="12" eb="14">
      <t>テイキョウ</t>
    </rPh>
    <rPh sb="14" eb="16">
      <t>ジギョウ</t>
    </rPh>
    <phoneticPr fontId="1"/>
  </si>
  <si>
    <t>企業債償還金（港湾施設提供事業）計</t>
    <rPh sb="0" eb="2">
      <t>キギョウ</t>
    </rPh>
    <rPh sb="2" eb="3">
      <t>サイ</t>
    </rPh>
    <rPh sb="3" eb="5">
      <t>ショウカン</t>
    </rPh>
    <rPh sb="5" eb="6">
      <t>キン</t>
    </rPh>
    <rPh sb="7" eb="9">
      <t>コウワン</t>
    </rPh>
    <rPh sb="9" eb="11">
      <t>シセツ</t>
    </rPh>
    <rPh sb="11" eb="13">
      <t>テイキョウ</t>
    </rPh>
    <rPh sb="13" eb="15">
      <t>ジギョウ</t>
    </rPh>
    <rPh sb="16" eb="17">
      <t>ケイ</t>
    </rPh>
    <phoneticPr fontId="8"/>
  </si>
  <si>
    <t>咲洲整備事業
（大阪港埋立事業）</t>
    <rPh sb="0" eb="2">
      <t>サキシマ</t>
    </rPh>
    <rPh sb="2" eb="4">
      <t>セイビ</t>
    </rPh>
    <rPh sb="4" eb="6">
      <t>ジギョウ</t>
    </rPh>
    <rPh sb="8" eb="10">
      <t>オオサカ</t>
    </rPh>
    <rPh sb="10" eb="11">
      <t>コウ</t>
    </rPh>
    <rPh sb="11" eb="13">
      <t>ウメタテ</t>
    </rPh>
    <rPh sb="13" eb="15">
      <t>ジギョウ</t>
    </rPh>
    <phoneticPr fontId="1"/>
  </si>
  <si>
    <t>舞洲整備事業
（大阪港埋立事業）</t>
    <rPh sb="0" eb="2">
      <t>マイシマ</t>
    </rPh>
    <rPh sb="2" eb="4">
      <t>セイビ</t>
    </rPh>
    <rPh sb="4" eb="6">
      <t>ジギョウ</t>
    </rPh>
    <rPh sb="8" eb="10">
      <t>オオサカ</t>
    </rPh>
    <rPh sb="10" eb="11">
      <t>コウ</t>
    </rPh>
    <rPh sb="11" eb="13">
      <t>ウメタテ</t>
    </rPh>
    <rPh sb="13" eb="15">
      <t>ジギョウ</t>
    </rPh>
    <phoneticPr fontId="1"/>
  </si>
  <si>
    <t>鶴浜整備事業
（大阪港埋立事業）</t>
    <rPh sb="0" eb="1">
      <t>ツル</t>
    </rPh>
    <rPh sb="1" eb="2">
      <t>ハマ</t>
    </rPh>
    <rPh sb="2" eb="4">
      <t>セイビ</t>
    </rPh>
    <rPh sb="4" eb="6">
      <t>ジギョウ</t>
    </rPh>
    <rPh sb="8" eb="10">
      <t>オオサカ</t>
    </rPh>
    <rPh sb="10" eb="11">
      <t>コウ</t>
    </rPh>
    <rPh sb="11" eb="13">
      <t>ウメタテ</t>
    </rPh>
    <rPh sb="13" eb="15">
      <t>ジギョウ</t>
    </rPh>
    <phoneticPr fontId="1"/>
  </si>
  <si>
    <t>夢洲整備事業
（大阪港埋立事業）</t>
    <rPh sb="0" eb="2">
      <t>ユメシマ</t>
    </rPh>
    <rPh sb="2" eb="4">
      <t>セイビ</t>
    </rPh>
    <rPh sb="4" eb="6">
      <t>ジギョウ</t>
    </rPh>
    <rPh sb="8" eb="10">
      <t>オオサカ</t>
    </rPh>
    <rPh sb="10" eb="11">
      <t>コウ</t>
    </rPh>
    <rPh sb="11" eb="13">
      <t>ウメタテ</t>
    </rPh>
    <rPh sb="13" eb="15">
      <t>ジギョウ</t>
    </rPh>
    <phoneticPr fontId="1"/>
  </si>
  <si>
    <t>開発調整課</t>
  </si>
  <si>
    <t>埋立事業費（大阪港埋立事業）計</t>
    <rPh sb="0" eb="2">
      <t>ウメタテ</t>
    </rPh>
    <rPh sb="2" eb="4">
      <t>ジギョウ</t>
    </rPh>
    <rPh sb="4" eb="5">
      <t>ヒ</t>
    </rPh>
    <rPh sb="6" eb="8">
      <t>オオサカ</t>
    </rPh>
    <rPh sb="8" eb="9">
      <t>コウ</t>
    </rPh>
    <rPh sb="9" eb="11">
      <t>ウメタテ</t>
    </rPh>
    <rPh sb="11" eb="13">
      <t>ジギョウ</t>
    </rPh>
    <rPh sb="14" eb="15">
      <t>ケイ</t>
    </rPh>
    <phoneticPr fontId="8"/>
  </si>
  <si>
    <t>大阪港振興基金積立金
（大阪港埋立事業）</t>
    <rPh sb="0" eb="3">
      <t>オオサカコウ</t>
    </rPh>
    <rPh sb="3" eb="7">
      <t>シンコウキキン</t>
    </rPh>
    <rPh sb="7" eb="10">
      <t>ツミタテキン</t>
    </rPh>
    <rPh sb="12" eb="17">
      <t>オオサカコウウメタテ</t>
    </rPh>
    <rPh sb="17" eb="19">
      <t>ジギョウ</t>
    </rPh>
    <phoneticPr fontId="1"/>
  </si>
  <si>
    <t>積立金（大阪港埋立事業）計</t>
    <rPh sb="0" eb="2">
      <t>ツミタテ</t>
    </rPh>
    <rPh sb="2" eb="3">
      <t>キン</t>
    </rPh>
    <rPh sb="4" eb="6">
      <t>オオサカ</t>
    </rPh>
    <rPh sb="6" eb="7">
      <t>コウ</t>
    </rPh>
    <rPh sb="7" eb="9">
      <t>ウメタテ</t>
    </rPh>
    <rPh sb="9" eb="11">
      <t>ジギョウ</t>
    </rPh>
    <rPh sb="12" eb="13">
      <t>ケイ</t>
    </rPh>
    <phoneticPr fontId="8"/>
  </si>
  <si>
    <t>企業債償還金（大阪港埋立事業）計</t>
    <rPh sb="0" eb="2">
      <t>キギョウ</t>
    </rPh>
    <rPh sb="2" eb="3">
      <t>サイ</t>
    </rPh>
    <rPh sb="3" eb="6">
      <t>ショウカンキン</t>
    </rPh>
    <rPh sb="7" eb="9">
      <t>オオサカ</t>
    </rPh>
    <rPh sb="9" eb="10">
      <t>コウ</t>
    </rPh>
    <rPh sb="10" eb="12">
      <t>ウメタテ</t>
    </rPh>
    <rPh sb="12" eb="14">
      <t>ジギョウ</t>
    </rPh>
    <rPh sb="15" eb="16">
      <t>ケイ</t>
    </rPh>
    <phoneticPr fontId="8"/>
  </si>
  <si>
    <t>企業債償還金
（大阪港埋立事業）</t>
    <rPh sb="0" eb="2">
      <t>キギョウ</t>
    </rPh>
    <rPh sb="2" eb="3">
      <t>サイ</t>
    </rPh>
    <rPh sb="3" eb="6">
      <t>ショウカンキン</t>
    </rPh>
    <rPh sb="8" eb="10">
      <t>オオサカ</t>
    </rPh>
    <rPh sb="10" eb="11">
      <t>コウ</t>
    </rPh>
    <rPh sb="11" eb="13">
      <t>ウメタテ</t>
    </rPh>
    <rPh sb="13" eb="15">
      <t>ジギョウ</t>
    </rPh>
    <phoneticPr fontId="1"/>
  </si>
  <si>
    <t>2-4</t>
  </si>
  <si>
    <t>企業債諸費（大阪港埋立事業）計</t>
    <rPh sb="0" eb="2">
      <t>キギョウ</t>
    </rPh>
    <rPh sb="2" eb="3">
      <t>サイ</t>
    </rPh>
    <rPh sb="3" eb="5">
      <t>ショヒ</t>
    </rPh>
    <rPh sb="6" eb="8">
      <t>オオサカ</t>
    </rPh>
    <rPh sb="8" eb="9">
      <t>コウ</t>
    </rPh>
    <rPh sb="9" eb="11">
      <t>ウメタテ</t>
    </rPh>
    <rPh sb="11" eb="13">
      <t>ジギョウ</t>
    </rPh>
    <rPh sb="14" eb="15">
      <t>ケイ</t>
    </rPh>
    <phoneticPr fontId="8"/>
  </si>
  <si>
    <t>資本的支出</t>
    <phoneticPr fontId="8"/>
  </si>
  <si>
    <t>(款-項)</t>
    <rPh sb="1" eb="2">
      <t>カン</t>
    </rPh>
    <rPh sb="3" eb="4">
      <t>コウ</t>
    </rPh>
    <phoneticPr fontId="8"/>
  </si>
  <si>
    <t>７ 年 度</t>
    <phoneticPr fontId="8"/>
  </si>
  <si>
    <t>８  年 度</t>
    <rPh sb="3" eb="4">
      <t>ネン</t>
    </rPh>
    <rPh sb="5" eb="6">
      <t>ド</t>
    </rPh>
    <phoneticPr fontId="5"/>
  </si>
  <si>
    <t>海務課　他</t>
    <rPh sb="0" eb="2">
      <t>カイム</t>
    </rPh>
    <rPh sb="2" eb="3">
      <t>カ</t>
    </rPh>
    <rPh sb="4" eb="5">
      <t>ホカ</t>
    </rPh>
    <phoneticPr fontId="3"/>
  </si>
  <si>
    <t>経理課</t>
  </si>
  <si>
    <t>消費税及び地方消費税納付額（大阪港埋立事業）</t>
  </si>
  <si>
    <t>事業戦略課　他</t>
    <rPh sb="0" eb="4">
      <t>ジギョウセンリャク</t>
    </rPh>
    <rPh sb="4" eb="5">
      <t>カ</t>
    </rPh>
    <rPh sb="6" eb="7">
      <t>ホカ</t>
    </rPh>
    <phoneticPr fontId="3"/>
  </si>
  <si>
    <t>開発調整課　他</t>
    <rPh sb="0" eb="2">
      <t>カイハツ</t>
    </rPh>
    <rPh sb="2" eb="4">
      <t>チョウセイ</t>
    </rPh>
    <rPh sb="4" eb="5">
      <t>カ</t>
    </rPh>
    <rPh sb="6" eb="7">
      <t>ホカ</t>
    </rPh>
    <phoneticPr fontId="3"/>
  </si>
  <si>
    <t>総務課　他</t>
    <rPh sb="0" eb="3">
      <t>ソウムカ</t>
    </rPh>
    <rPh sb="4" eb="5">
      <t>ホカ</t>
    </rPh>
    <phoneticPr fontId="3"/>
  </si>
  <si>
    <t>振興課　他</t>
    <rPh sb="0" eb="3">
      <t>シンコウカ</t>
    </rPh>
    <rPh sb="4" eb="5">
      <t>ホカ</t>
    </rPh>
    <phoneticPr fontId="3"/>
  </si>
  <si>
    <t>工務課　他</t>
    <rPh sb="0" eb="3">
      <t>コウムカ</t>
    </rPh>
    <rPh sb="4" eb="5">
      <t>ホカ</t>
    </rPh>
    <phoneticPr fontId="3"/>
  </si>
  <si>
    <t>国際観光拠点の形成及び国際物流拠点の機能強化に向けた夢洲地区の基盤整備事業</t>
  </si>
  <si>
    <t>所属名　大阪港湾局　</t>
    <rPh sb="0" eb="2">
      <t>ショゾク</t>
    </rPh>
    <rPh sb="2" eb="3">
      <t>メイ</t>
    </rPh>
    <rPh sb="4" eb="9">
      <t>オオサカコウワンキョク</t>
    </rPh>
    <phoneticPr fontId="8"/>
  </si>
  <si>
    <t>ＩＲ用地にかかる土地改良事業</t>
    <phoneticPr fontId="4"/>
  </si>
  <si>
    <t>集客施設等地区の活性化に係る業務（大阪港埋立事業）</t>
    <rPh sb="0" eb="2">
      <t>シュウキャク</t>
    </rPh>
    <rPh sb="2" eb="4">
      <t>シセツ</t>
    </rPh>
    <rPh sb="4" eb="5">
      <t>トウ</t>
    </rPh>
    <rPh sb="5" eb="7">
      <t>チク</t>
    </rPh>
    <rPh sb="8" eb="11">
      <t>カッセイカ</t>
    </rPh>
    <rPh sb="12" eb="13">
      <t>カカ</t>
    </rPh>
    <rPh sb="14" eb="16">
      <t>ギョウム</t>
    </rPh>
    <rPh sb="17" eb="24">
      <t>オオサカコウウメタテジギョウ</t>
    </rPh>
    <phoneticPr fontId="11"/>
  </si>
  <si>
    <t>工務課　他</t>
    <rPh sb="0" eb="2">
      <t>コウム</t>
    </rPh>
    <rPh sb="2" eb="3">
      <t>カ</t>
    </rPh>
    <rPh sb="4" eb="5">
      <t>ホカ</t>
    </rPh>
    <phoneticPr fontId="3"/>
  </si>
  <si>
    <t>計画課</t>
    <rPh sb="0" eb="3">
      <t>ケイカクカ</t>
    </rPh>
    <phoneticPr fontId="3"/>
  </si>
  <si>
    <t>貸倒引当金
（大阪港埋立事業）</t>
    <rPh sb="0" eb="2">
      <t>カシダオレ</t>
    </rPh>
    <rPh sb="2" eb="4">
      <t>ヒキアテ</t>
    </rPh>
    <rPh sb="4" eb="5">
      <t>キン</t>
    </rPh>
    <rPh sb="7" eb="9">
      <t>オオサカ</t>
    </rPh>
    <rPh sb="9" eb="10">
      <t>コウ</t>
    </rPh>
    <rPh sb="10" eb="12">
      <t>ウメタテ</t>
    </rPh>
    <rPh sb="12" eb="14">
      <t>ジギョウ</t>
    </rPh>
    <phoneticPr fontId="16"/>
  </si>
  <si>
    <t>販売促進課・管財課</t>
    <rPh sb="0" eb="2">
      <t>ハンバイ</t>
    </rPh>
    <rPh sb="2" eb="5">
      <t>ソクシンカ</t>
    </rPh>
    <rPh sb="6" eb="9">
      <t>カンザイカ</t>
    </rPh>
    <phoneticPr fontId="13"/>
  </si>
  <si>
    <t>予算案 ②</t>
    <rPh sb="0" eb="3">
      <t>ヨサンアン</t>
    </rPh>
    <phoneticPr fontId="8"/>
  </si>
  <si>
    <t>2-2</t>
    <phoneticPr fontId="4"/>
  </si>
  <si>
    <t>事業概要説明資料</t>
    <rPh sb="0" eb="2">
      <t>ジギョウ</t>
    </rPh>
    <rPh sb="2" eb="4">
      <t>ガイヨウ</t>
    </rPh>
    <rPh sb="4" eb="6">
      <t>セツメイ</t>
    </rPh>
    <rPh sb="6" eb="8">
      <t>シリョウ</t>
    </rPh>
    <phoneticPr fontId="5"/>
  </si>
  <si>
    <t>所属名　大阪港湾局　</t>
    <phoneticPr fontId="8"/>
  </si>
  <si>
    <t>事業の通し番号</t>
    <rPh sb="0" eb="2">
      <t>ジギョウ</t>
    </rPh>
    <rPh sb="3" eb="4">
      <t>トオ</t>
    </rPh>
    <rPh sb="5" eb="7">
      <t>バンゴウ</t>
    </rPh>
    <phoneticPr fontId="5"/>
  </si>
  <si>
    <t>事業名</t>
    <rPh sb="0" eb="2">
      <t>ジギョウ</t>
    </rPh>
    <rPh sb="2" eb="3">
      <t>メイ</t>
    </rPh>
    <phoneticPr fontId="5"/>
  </si>
  <si>
    <t>荷役機械運営費</t>
    <rPh sb="0" eb="2">
      <t>ニヤク</t>
    </rPh>
    <rPh sb="2" eb="4">
      <t>キカイ</t>
    </rPh>
    <rPh sb="4" eb="7">
      <t>ウンエイヒ</t>
    </rPh>
    <phoneticPr fontId="5"/>
  </si>
  <si>
    <t>〔事業目的〕</t>
    <rPh sb="1" eb="3">
      <t>ジギョウ</t>
    </rPh>
    <rPh sb="3" eb="5">
      <t>モクテキ</t>
    </rPh>
    <phoneticPr fontId="5"/>
  </si>
  <si>
    <t>　船舶から荷さばき地へ貨物を積み下ろしするために必要な荷役機械を良好な使用状況に保つための維持管理・補修の経費をはじめとした、荷役機械運営に要する経費。</t>
    <rPh sb="53" eb="55">
      <t>ケイヒ</t>
    </rPh>
    <phoneticPr fontId="5"/>
  </si>
  <si>
    <t>〔事業内容・金額〕</t>
    <rPh sb="1" eb="3">
      <t>ジギョウ</t>
    </rPh>
    <rPh sb="3" eb="5">
      <t>ナイヨウ</t>
    </rPh>
    <rPh sb="6" eb="8">
      <t>キンガク</t>
    </rPh>
    <phoneticPr fontId="5"/>
  </si>
  <si>
    <t>（単位：千円）</t>
    <rPh sb="1" eb="3">
      <t>タンイ</t>
    </rPh>
    <rPh sb="4" eb="6">
      <t>センエン</t>
    </rPh>
    <phoneticPr fontId="5"/>
  </si>
  <si>
    <t>事業内容</t>
    <rPh sb="0" eb="2">
      <t>ジギョウ</t>
    </rPh>
    <rPh sb="2" eb="4">
      <t>ナイヨウ</t>
    </rPh>
    <phoneticPr fontId="5"/>
  </si>
  <si>
    <t>7年度当初</t>
    <rPh sb="1" eb="3">
      <t>ネンド</t>
    </rPh>
    <rPh sb="3" eb="5">
      <t>トウショ</t>
    </rPh>
    <phoneticPr fontId="4"/>
  </si>
  <si>
    <t>8年度算定</t>
    <rPh sb="1" eb="3">
      <t>ネンド</t>
    </rPh>
    <rPh sb="3" eb="5">
      <t>サンテイ</t>
    </rPh>
    <phoneticPr fontId="3"/>
  </si>
  <si>
    <t>備　考</t>
    <rPh sb="0" eb="1">
      <t>ビン</t>
    </rPh>
    <rPh sb="2" eb="3">
      <t>コウ</t>
    </rPh>
    <phoneticPr fontId="5"/>
  </si>
  <si>
    <t>港湾局職員の人件費</t>
    <rPh sb="0" eb="2">
      <t>コウワン</t>
    </rPh>
    <rPh sb="2" eb="3">
      <t>キョク</t>
    </rPh>
    <rPh sb="3" eb="5">
      <t>ショクイン</t>
    </rPh>
    <rPh sb="6" eb="9">
      <t>ジンケンヒ</t>
    </rPh>
    <phoneticPr fontId="5"/>
  </si>
  <si>
    <t>荷役機械事業管理費</t>
    <rPh sb="0" eb="2">
      <t>ニヤク</t>
    </rPh>
    <rPh sb="2" eb="4">
      <t>キカイ</t>
    </rPh>
    <rPh sb="4" eb="6">
      <t>ジギョウ</t>
    </rPh>
    <rPh sb="6" eb="9">
      <t>カンリヒ</t>
    </rPh>
    <phoneticPr fontId="5"/>
  </si>
  <si>
    <t>荷役機械事業補修費</t>
    <rPh sb="0" eb="2">
      <t>ニヤク</t>
    </rPh>
    <rPh sb="2" eb="4">
      <t>キカイ</t>
    </rPh>
    <rPh sb="4" eb="6">
      <t>ジギョウ</t>
    </rPh>
    <rPh sb="6" eb="8">
      <t>ホシュウ</t>
    </rPh>
    <rPh sb="8" eb="9">
      <t>ヒ</t>
    </rPh>
    <phoneticPr fontId="5"/>
  </si>
  <si>
    <t>事業実施に伴う経費等</t>
    <rPh sb="0" eb="2">
      <t>ジギョウ</t>
    </rPh>
    <rPh sb="2" eb="4">
      <t>ジッシ</t>
    </rPh>
    <rPh sb="5" eb="6">
      <t>トモナ</t>
    </rPh>
    <rPh sb="7" eb="9">
      <t>ケイヒ</t>
    </rPh>
    <rPh sb="9" eb="10">
      <t>トウ</t>
    </rPh>
    <phoneticPr fontId="16"/>
  </si>
  <si>
    <t>庁舎・事務所関係経費</t>
    <rPh sb="0" eb="2">
      <t>チョウシャ</t>
    </rPh>
    <rPh sb="3" eb="5">
      <t>ジム</t>
    </rPh>
    <rPh sb="5" eb="6">
      <t>ショ</t>
    </rPh>
    <rPh sb="6" eb="8">
      <t>カンケイ</t>
    </rPh>
    <rPh sb="8" eb="10">
      <t>ケイヒ</t>
    </rPh>
    <phoneticPr fontId="16"/>
  </si>
  <si>
    <t>システム関係経費</t>
    <rPh sb="4" eb="6">
      <t>カンケイ</t>
    </rPh>
    <rPh sb="6" eb="8">
      <t>ケイヒ</t>
    </rPh>
    <phoneticPr fontId="16"/>
  </si>
  <si>
    <t>合　　　　計</t>
    <rPh sb="0" eb="1">
      <t>ゴウ</t>
    </rPh>
    <rPh sb="5" eb="6">
      <t>ケイ</t>
    </rPh>
    <phoneticPr fontId="5"/>
  </si>
  <si>
    <t>上屋倉庫運営費</t>
    <rPh sb="0" eb="2">
      <t>ウワヤ</t>
    </rPh>
    <rPh sb="2" eb="4">
      <t>ソウコ</t>
    </rPh>
    <rPh sb="4" eb="7">
      <t>ウンエイヒ</t>
    </rPh>
    <phoneticPr fontId="5"/>
  </si>
  <si>
    <t>　　上屋倉庫運営費は、上屋・荷さばき地等の港湾施設を良好な状態に保つための維持管理・補修の経費をはじめとした、上屋倉庫運営に要する経費。　
　なお上屋とは岸壁または物揚場に面した水際第一線に設置され、輸移出入貨物の荷さばきと一時保管を行う施設であり、荷さばき地とは、船舶から積み下ろしする港湾貨物を仕分け・整理する港湾施設である。</t>
    <phoneticPr fontId="5"/>
  </si>
  <si>
    <t>7年度当初</t>
    <rPh sb="1" eb="3">
      <t>ネンド</t>
    </rPh>
    <rPh sb="3" eb="5">
      <t>トウショ</t>
    </rPh>
    <phoneticPr fontId="5"/>
  </si>
  <si>
    <t>8年度算定</t>
    <phoneticPr fontId="16"/>
  </si>
  <si>
    <t>上屋倉庫事業管理費</t>
    <rPh sb="0" eb="2">
      <t>ウワヤ</t>
    </rPh>
    <rPh sb="2" eb="4">
      <t>ソウコ</t>
    </rPh>
    <rPh sb="4" eb="6">
      <t>ジギョウ</t>
    </rPh>
    <rPh sb="6" eb="9">
      <t>カンリヒ</t>
    </rPh>
    <phoneticPr fontId="5"/>
  </si>
  <si>
    <t>上屋倉庫事業補修費</t>
    <rPh sb="0" eb="2">
      <t>ウワヤ</t>
    </rPh>
    <rPh sb="2" eb="4">
      <t>ソウコ</t>
    </rPh>
    <rPh sb="4" eb="6">
      <t>ジギョウ</t>
    </rPh>
    <rPh sb="6" eb="8">
      <t>ホシュウ</t>
    </rPh>
    <rPh sb="8" eb="9">
      <t>ヒ</t>
    </rPh>
    <phoneticPr fontId="5"/>
  </si>
  <si>
    <t>事業実施に伴う経費等</t>
    <rPh sb="0" eb="4">
      <t>ジギョウジッシ</t>
    </rPh>
    <rPh sb="5" eb="6">
      <t>トモナ</t>
    </rPh>
    <rPh sb="7" eb="9">
      <t>ケイヒ</t>
    </rPh>
    <rPh sb="9" eb="10">
      <t>トウ</t>
    </rPh>
    <phoneticPr fontId="16"/>
  </si>
  <si>
    <t>システム関係経費</t>
    <rPh sb="4" eb="8">
      <t>カンケイケイヒ</t>
    </rPh>
    <phoneticPr fontId="16"/>
  </si>
  <si>
    <t>減価償却費</t>
    <phoneticPr fontId="5"/>
  </si>
  <si>
    <t>　地方公営企業法の規定に基づき、港営事業会計の固定資産の減価償却費を計上するものである。</t>
    <rPh sb="28" eb="33">
      <t>ゲンカショウキャクヒ</t>
    </rPh>
    <phoneticPr fontId="16"/>
  </si>
  <si>
    <t>7年度当初</t>
    <rPh sb="1" eb="3">
      <t>ネンド</t>
    </rPh>
    <rPh sb="3" eb="5">
      <t>トウショ</t>
    </rPh>
    <phoneticPr fontId="3"/>
  </si>
  <si>
    <t>8年度算定</t>
  </si>
  <si>
    <t>有形固定資産</t>
    <rPh sb="0" eb="2">
      <t>ユウケイ</t>
    </rPh>
    <rPh sb="2" eb="4">
      <t>コテイ</t>
    </rPh>
    <rPh sb="4" eb="6">
      <t>シサン</t>
    </rPh>
    <phoneticPr fontId="5"/>
  </si>
  <si>
    <t>無形固定資産</t>
    <rPh sb="0" eb="2">
      <t>ムケイ</t>
    </rPh>
    <rPh sb="2" eb="4">
      <t>コテイ</t>
    </rPh>
    <rPh sb="4" eb="6">
      <t>シサン</t>
    </rPh>
    <phoneticPr fontId="5"/>
  </si>
  <si>
    <t>賞与引当金</t>
    <phoneticPr fontId="5"/>
  </si>
  <si>
    <t>　翌年度に支払われる予定の期末・勤勉手当のうち当年度負担相当分について引当金を計上するものである。</t>
    <rPh sb="35" eb="38">
      <t>ヒキアテキン</t>
    </rPh>
    <rPh sb="39" eb="41">
      <t>ケイジョウ</t>
    </rPh>
    <phoneticPr fontId="16"/>
  </si>
  <si>
    <t>賞与引当金</t>
    <rPh sb="0" eb="2">
      <t>ショウヨ</t>
    </rPh>
    <rPh sb="2" eb="4">
      <t>ヒキアテ</t>
    </rPh>
    <rPh sb="4" eb="5">
      <t>キン</t>
    </rPh>
    <phoneticPr fontId="5"/>
  </si>
  <si>
    <t>退職給付引当金</t>
    <phoneticPr fontId="5"/>
  </si>
  <si>
    <t>　退職給付のために要する費用の発生に備えて、会計基準に従って引当金を計上するものである。</t>
    <phoneticPr fontId="5"/>
  </si>
  <si>
    <t>退職給付引当金</t>
    <rPh sb="0" eb="2">
      <t>タイショク</t>
    </rPh>
    <rPh sb="2" eb="4">
      <t>キュウフ</t>
    </rPh>
    <rPh sb="4" eb="6">
      <t>ヒキアテ</t>
    </rPh>
    <rPh sb="6" eb="7">
      <t>キン</t>
    </rPh>
    <phoneticPr fontId="5"/>
  </si>
  <si>
    <t>資産減耗費</t>
    <phoneticPr fontId="5"/>
  </si>
  <si>
    <t>　地方公営企業法の規定に基づき、港営事業会計の固定資産の除却に伴う費用を計上するものである。</t>
    <phoneticPr fontId="16"/>
  </si>
  <si>
    <t>資産減耗費</t>
    <rPh sb="0" eb="2">
      <t>シサン</t>
    </rPh>
    <rPh sb="2" eb="4">
      <t>ゲンモウ</t>
    </rPh>
    <rPh sb="4" eb="5">
      <t>ヒ</t>
    </rPh>
    <phoneticPr fontId="5"/>
  </si>
  <si>
    <t>企業債支払利息等</t>
    <phoneticPr fontId="5"/>
  </si>
  <si>
    <t>　港営事業会計において発行済みの企業債に係る利息等を支出するものである。</t>
    <phoneticPr fontId="16"/>
  </si>
  <si>
    <t>企業債等の利子支払額</t>
    <rPh sb="0" eb="2">
      <t>キギョウ</t>
    </rPh>
    <rPh sb="2" eb="3">
      <t>サイ</t>
    </rPh>
    <rPh sb="3" eb="4">
      <t>トウ</t>
    </rPh>
    <rPh sb="5" eb="7">
      <t>リシ</t>
    </rPh>
    <rPh sb="7" eb="9">
      <t>シハライ</t>
    </rPh>
    <rPh sb="9" eb="10">
      <t>ガク</t>
    </rPh>
    <phoneticPr fontId="5"/>
  </si>
  <si>
    <t>企業債発行等の手数料等</t>
    <rPh sb="0" eb="2">
      <t>キギョウ</t>
    </rPh>
    <rPh sb="2" eb="3">
      <t>サイ</t>
    </rPh>
    <rPh sb="3" eb="5">
      <t>ハッコウ</t>
    </rPh>
    <rPh sb="5" eb="6">
      <t>トウ</t>
    </rPh>
    <rPh sb="7" eb="10">
      <t>テスウリョウ</t>
    </rPh>
    <rPh sb="10" eb="11">
      <t>トウ</t>
    </rPh>
    <phoneticPr fontId="5"/>
  </si>
  <si>
    <t>消費税及び地方消費税納付額</t>
    <phoneticPr fontId="5"/>
  </si>
  <si>
    <t>　消費税法の規定に基づき、港営事業会計に係る消費税及び地方消費税を納付するものである。</t>
    <phoneticPr fontId="16"/>
  </si>
  <si>
    <t>消費税額</t>
    <rPh sb="0" eb="3">
      <t>ショウヒゼイ</t>
    </rPh>
    <rPh sb="3" eb="4">
      <t>ガク</t>
    </rPh>
    <phoneticPr fontId="5"/>
  </si>
  <si>
    <t>地方消費税額</t>
    <rPh sb="0" eb="2">
      <t>チホウ</t>
    </rPh>
    <rPh sb="2" eb="5">
      <t>ショウヒゼイ</t>
    </rPh>
    <rPh sb="5" eb="6">
      <t>ガク</t>
    </rPh>
    <phoneticPr fontId="5"/>
  </si>
  <si>
    <t>雑支出</t>
    <phoneticPr fontId="5"/>
  </si>
  <si>
    <t>　その他の営業外費用を計上するものである。</t>
    <phoneticPr fontId="16"/>
  </si>
  <si>
    <t>雑支出</t>
    <rPh sb="0" eb="1">
      <t>ザツ</t>
    </rPh>
    <rPh sb="1" eb="3">
      <t>シシュツ</t>
    </rPh>
    <phoneticPr fontId="5"/>
  </si>
  <si>
    <t>予備費</t>
    <phoneticPr fontId="5"/>
  </si>
  <si>
    <t>　予定外の経費に充てるため、予備費を計上するものである。</t>
    <phoneticPr fontId="16"/>
  </si>
  <si>
    <t>予備費</t>
    <rPh sb="0" eb="3">
      <t>ヨビヒ</t>
    </rPh>
    <phoneticPr fontId="5"/>
  </si>
  <si>
    <t>土地売却原価</t>
    <phoneticPr fontId="5"/>
  </si>
  <si>
    <t>　当年度売却予定の埋立土地について、その造成にかかった経費（原価）を費用計上するものである。</t>
    <phoneticPr fontId="5"/>
  </si>
  <si>
    <t>土地売却原価</t>
    <rPh sb="0" eb="2">
      <t>トチ</t>
    </rPh>
    <rPh sb="2" eb="4">
      <t>バイキャク</t>
    </rPh>
    <rPh sb="4" eb="6">
      <t>ゲンカ</t>
    </rPh>
    <phoneticPr fontId="5"/>
  </si>
  <si>
    <t>土地売却等に伴う経費</t>
    <phoneticPr fontId="5"/>
  </si>
  <si>
    <t>　埋立造成によってできた埋立地等について、売却や貸付にあたり、適切な土地の商品化業務（鑑定、除草清掃、土壌調査等）を実施するものである。</t>
    <phoneticPr fontId="5"/>
  </si>
  <si>
    <t>土地売却等に伴う経費</t>
    <rPh sb="0" eb="2">
      <t>トチ</t>
    </rPh>
    <rPh sb="2" eb="4">
      <t>バイキャク</t>
    </rPh>
    <rPh sb="4" eb="5">
      <t>トウ</t>
    </rPh>
    <rPh sb="6" eb="7">
      <t>トモナ</t>
    </rPh>
    <rPh sb="8" eb="10">
      <t>ケイヒ</t>
    </rPh>
    <phoneticPr fontId="5"/>
  </si>
  <si>
    <t>集客施設等地区の活性化に係る業務</t>
    <phoneticPr fontId="5"/>
  </si>
  <si>
    <t>　大阪港スポーツアイランド施設等の集客施設は、市民の健康増進等に寄与するとともに、地区の活性化に寄与している。
　これらの施設の運営にかかる維持管理経費を計上する。
　また、南港ポートタウンの安全で快適な住環境維持を図るため、管理センターや駐車場などの維持管理経費を計上するものである。</t>
    <rPh sb="70" eb="76">
      <t>イジカンリケイヒ</t>
    </rPh>
    <rPh sb="77" eb="79">
      <t>ケイジョウ</t>
    </rPh>
    <phoneticPr fontId="16"/>
  </si>
  <si>
    <t>大阪港スポーツアイランド施設にかかる経費</t>
    <phoneticPr fontId="5"/>
  </si>
  <si>
    <t>南港ポートタウン維持管理等にかかる経費</t>
    <rPh sb="17" eb="19">
      <t>ケイヒ</t>
    </rPh>
    <phoneticPr fontId="5"/>
  </si>
  <si>
    <t>コスモスクエア地区の活性化</t>
    <phoneticPr fontId="5"/>
  </si>
  <si>
    <t>その他集客施設等にかかる経費</t>
  </si>
  <si>
    <t>基盤施設等の維持管理</t>
    <phoneticPr fontId="5"/>
  </si>
  <si>
    <t>　港湾施設等の状態把握のために沈下観測を行うものであり、現況における地盤の安定を確認するとともに、不等沈下による埋設管等のインフラへの影響の有無及び沈下の収束時期の予測等に利用するものである。</t>
    <phoneticPr fontId="16"/>
  </si>
  <si>
    <t>その他基盤施設維持管理</t>
    <rPh sb="2" eb="3">
      <t>タ</t>
    </rPh>
    <rPh sb="3" eb="5">
      <t>キバン</t>
    </rPh>
    <rPh sb="5" eb="7">
      <t>シセツ</t>
    </rPh>
    <rPh sb="7" eb="9">
      <t>イジ</t>
    </rPh>
    <rPh sb="9" eb="11">
      <t>カンリ</t>
    </rPh>
    <phoneticPr fontId="5"/>
  </si>
  <si>
    <t>その他一般管理費</t>
    <phoneticPr fontId="5"/>
  </si>
  <si>
    <t>　咲洲をはじめとする臨海部の活性化、資産の有効活用といった観点からＡＴＣ（ＩＴＭ棟）を庁舎として使用するものなどATC庁舎の管理経費や、各種システムの維持管理運営を行っていくうえで必要不可欠な機器賃貸料や回線使用料の維持経費等を計上するものである。</t>
    <rPh sb="68" eb="70">
      <t>カクシュ</t>
    </rPh>
    <rPh sb="75" eb="77">
      <t>イジ</t>
    </rPh>
    <rPh sb="77" eb="81">
      <t>カンリウンエイ</t>
    </rPh>
    <rPh sb="82" eb="83">
      <t>オコナ</t>
    </rPh>
    <rPh sb="90" eb="95">
      <t>ヒツヨウフカケツ</t>
    </rPh>
    <rPh sb="96" eb="98">
      <t>キキ</t>
    </rPh>
    <rPh sb="98" eb="101">
      <t>チンタイリョウ</t>
    </rPh>
    <rPh sb="102" eb="104">
      <t>カイセン</t>
    </rPh>
    <rPh sb="104" eb="107">
      <t>シヨウリョウ</t>
    </rPh>
    <phoneticPr fontId="5"/>
  </si>
  <si>
    <t>事業実施に伴う経費等</t>
    <rPh sb="0" eb="2">
      <t>ジギョウ</t>
    </rPh>
    <rPh sb="2" eb="4">
      <t>ジッシ</t>
    </rPh>
    <rPh sb="5" eb="6">
      <t>トモナ</t>
    </rPh>
    <rPh sb="7" eb="9">
      <t>ケイヒ</t>
    </rPh>
    <rPh sb="9" eb="10">
      <t>トウ</t>
    </rPh>
    <phoneticPr fontId="5"/>
  </si>
  <si>
    <t>庁舎・事務所関係経費</t>
    <rPh sb="0" eb="2">
      <t>チョウシャ</t>
    </rPh>
    <rPh sb="3" eb="5">
      <t>ジム</t>
    </rPh>
    <rPh sb="5" eb="6">
      <t>ショ</t>
    </rPh>
    <rPh sb="6" eb="8">
      <t>カンケイ</t>
    </rPh>
    <rPh sb="8" eb="10">
      <t>ケイヒ</t>
    </rPh>
    <phoneticPr fontId="5"/>
  </si>
  <si>
    <t>システム関係経費</t>
    <rPh sb="4" eb="6">
      <t>カンケイ</t>
    </rPh>
    <rPh sb="6" eb="8">
      <t>ケイヒ</t>
    </rPh>
    <phoneticPr fontId="5"/>
  </si>
  <si>
    <t>　地方公営企業法の規定に基づき、港営事業会計の固定資産の価値減少を費用計上するものである。</t>
    <phoneticPr fontId="16"/>
  </si>
  <si>
    <t>　翌年度に支払われる予定の期末・勤勉手当のうち当年度負担相当分について引当金を計上するものである。</t>
    <phoneticPr fontId="16"/>
  </si>
  <si>
    <t>　退職給付のために要する費用の発生に備えて、会計基準に従って引当金を計上するものである。</t>
    <phoneticPr fontId="16"/>
  </si>
  <si>
    <t>企業債等の利子支払額</t>
    <phoneticPr fontId="5"/>
  </si>
  <si>
    <t>企業債発行等の手数料等</t>
    <phoneticPr fontId="5"/>
  </si>
  <si>
    <t>合計</t>
    <rPh sb="0" eb="2">
      <t>ゴウケイ</t>
    </rPh>
    <phoneticPr fontId="5"/>
  </si>
  <si>
    <t>地方消費税額</t>
    <phoneticPr fontId="5"/>
  </si>
  <si>
    <t>荷役機械整備費</t>
    <rPh sb="0" eb="2">
      <t>ニヤク</t>
    </rPh>
    <rPh sb="2" eb="4">
      <t>キカイ</t>
    </rPh>
    <rPh sb="4" eb="7">
      <t>セイビヒ</t>
    </rPh>
    <phoneticPr fontId="5"/>
  </si>
  <si>
    <t>　コンテナ物流に必要不可欠な荷役機械（ガントリークレーン）において、経年劣化等の進んだ設備等を更新し、適切な状態で供用することにより、大阪港でのコンテナ物流の発展に寄与するものである。</t>
    <phoneticPr fontId="16"/>
  </si>
  <si>
    <t>荷役機械整備</t>
    <rPh sb="0" eb="2">
      <t>ニヤク</t>
    </rPh>
    <rPh sb="2" eb="4">
      <t>キカイ</t>
    </rPh>
    <rPh sb="4" eb="6">
      <t>セイビ</t>
    </rPh>
    <phoneticPr fontId="5"/>
  </si>
  <si>
    <t>上屋倉庫整備費</t>
    <rPh sb="0" eb="2">
      <t>ウワヤ</t>
    </rPh>
    <rPh sb="2" eb="4">
      <t>ソウコ</t>
    </rPh>
    <rPh sb="4" eb="7">
      <t>セイビヒ</t>
    </rPh>
    <phoneticPr fontId="5"/>
  </si>
  <si>
    <t>　既存ストックの有効活用という観点から、埠頭の利用転換や再編・集約の進捗を図る。また、老朽化が顕著化している施設等の補修・設備更新等を行い、既存施設の延命化を図る。</t>
    <phoneticPr fontId="16"/>
  </si>
  <si>
    <t>埠頭用地整備</t>
    <phoneticPr fontId="5"/>
  </si>
  <si>
    <t>システム関係経費</t>
    <phoneticPr fontId="5"/>
  </si>
  <si>
    <t>施設改良工事</t>
    <rPh sb="2" eb="4">
      <t>カイリョウ</t>
    </rPh>
    <rPh sb="4" eb="6">
      <t>コウジ</t>
    </rPh>
    <phoneticPr fontId="5"/>
  </si>
  <si>
    <t>企業債償還金</t>
    <rPh sb="0" eb="2">
      <t>キギョウ</t>
    </rPh>
    <rPh sb="2" eb="3">
      <t>サイ</t>
    </rPh>
    <rPh sb="3" eb="6">
      <t>ショウカンキン</t>
    </rPh>
    <phoneticPr fontId="5"/>
  </si>
  <si>
    <t>　港営事業会計において発行済みの企業債に係る元金償還金を計上するものである。</t>
    <phoneticPr fontId="16"/>
  </si>
  <si>
    <t>企業債の元金償還金</t>
    <phoneticPr fontId="5"/>
  </si>
  <si>
    <t>咲洲整備事業</t>
    <rPh sb="0" eb="2">
      <t>サキシマ</t>
    </rPh>
    <rPh sb="2" eb="4">
      <t>セイビ</t>
    </rPh>
    <rPh sb="4" eb="6">
      <t>ジギョウ</t>
    </rPh>
    <phoneticPr fontId="5"/>
  </si>
  <si>
    <t>　咲洲地区では、居住等の生活利便機能の充実及び国際交流・交易機能や研究開発・研修機能の強化により、魅力ある複合市街地の形成をめざすとともに、アジア諸港と大阪・関西を結ぶ国際物流機能の強化をめざしており、それに向けた基盤整備等を行うものである。</t>
    <phoneticPr fontId="16"/>
  </si>
  <si>
    <t>埋立造成</t>
    <rPh sb="0" eb="2">
      <t>ウメタテ</t>
    </rPh>
    <rPh sb="2" eb="4">
      <t>ゾウセイ</t>
    </rPh>
    <phoneticPr fontId="5"/>
  </si>
  <si>
    <t>システム関係経費</t>
    <rPh sb="4" eb="8">
      <t>カンケイケイヒ</t>
    </rPh>
    <phoneticPr fontId="5"/>
  </si>
  <si>
    <t>基盤整備</t>
    <rPh sb="0" eb="2">
      <t>キバン</t>
    </rPh>
    <rPh sb="2" eb="4">
      <t>セイビ</t>
    </rPh>
    <phoneticPr fontId="5"/>
  </si>
  <si>
    <t>舞洲整備事業</t>
    <rPh sb="0" eb="2">
      <t>マイシマ</t>
    </rPh>
    <rPh sb="2" eb="4">
      <t>セイビ</t>
    </rPh>
    <rPh sb="4" eb="6">
      <t>ジギョウ</t>
    </rPh>
    <phoneticPr fontId="5"/>
  </si>
  <si>
    <t>　舞洲地区では、物流・環境等の大阪市の発展を支える機能の集積を図るとともに、市民の多様化するスポーツ・レクリエーションの需要にも対応できるよう、まちづくりを進めており、そのための基盤整備等を行うものである。</t>
    <phoneticPr fontId="16"/>
  </si>
  <si>
    <t>鶴浜整備事業</t>
    <rPh sb="0" eb="1">
      <t>ツル</t>
    </rPh>
    <rPh sb="1" eb="2">
      <t>ハマ</t>
    </rPh>
    <rPh sb="2" eb="4">
      <t>セイビ</t>
    </rPh>
    <rPh sb="4" eb="6">
      <t>ジギョウ</t>
    </rPh>
    <phoneticPr fontId="5"/>
  </si>
  <si>
    <t>　鶴浜地区では、住宅地に近く、海に面した特性を活かして、防災性の向上を図るとともに、魅力ある商業・住宅を導入する複合開発を目指すための基盤整備等を行うものである。</t>
    <phoneticPr fontId="16"/>
  </si>
  <si>
    <t>基盤整備</t>
    <rPh sb="0" eb="4">
      <t>キバンセイビ</t>
    </rPh>
    <phoneticPr fontId="5"/>
  </si>
  <si>
    <t>夢洲整備事業</t>
    <rPh sb="0" eb="2">
      <t>ユメシマ</t>
    </rPh>
    <rPh sb="2" eb="4">
      <t>セイビ</t>
    </rPh>
    <rPh sb="4" eb="6">
      <t>ジギョウ</t>
    </rPh>
    <phoneticPr fontId="5"/>
  </si>
  <si>
    <t>　夢洲地区において建設発生土による埋立造成や基盤整備等を実施するものである。</t>
    <rPh sb="22" eb="26">
      <t>キバンセイビ</t>
    </rPh>
    <rPh sb="26" eb="27">
      <t>トウ</t>
    </rPh>
    <phoneticPr fontId="16"/>
  </si>
  <si>
    <t>国際観光拠点の形成及び国際物流拠点の機能強化に向けた夢洲地区の基盤整備事業</t>
    <phoneticPr fontId="5"/>
  </si>
  <si>
    <t>　夢洲における国際観光拠点の形成及び国際物流拠点の更なる機能強化に向け、夢洲の基盤整備を推進する。</t>
    <phoneticPr fontId="16"/>
  </si>
  <si>
    <t>ＩＲ用地にかかる土地改良事業</t>
    <rPh sb="2" eb="4">
      <t>ヨウチ</t>
    </rPh>
    <rPh sb="8" eb="10">
      <t>トチ</t>
    </rPh>
    <rPh sb="10" eb="12">
      <t>カイリョウ</t>
    </rPh>
    <rPh sb="12" eb="14">
      <t>ジギョウ</t>
    </rPh>
    <phoneticPr fontId="5"/>
  </si>
  <si>
    <t xml:space="preserve">　ＩＲ事業用地内の土壌汚染対策、地中障害物撤去、液状化対策にかかる費用について、土地に起因する所有者としての責任に加え、大阪臨海部のまちづくりなどの政策的な観点も踏まえ、本市が負担し、ＩＲ事業用地としての適性を確保する。
</t>
    <rPh sb="5" eb="8">
      <t>ヨウチナイ</t>
    </rPh>
    <rPh sb="85" eb="87">
      <t>ホンシ</t>
    </rPh>
    <rPh sb="103" eb="104">
      <t>セイ</t>
    </rPh>
    <phoneticPr fontId="16"/>
  </si>
  <si>
    <t>所属名　大阪港湾局　</t>
    <rPh sb="0" eb="1">
      <t>ショ</t>
    </rPh>
    <rPh sb="1" eb="2">
      <t>ゾク</t>
    </rPh>
    <rPh sb="2" eb="3">
      <t>メイ</t>
    </rPh>
    <rPh sb="4" eb="6">
      <t>オオサカ</t>
    </rPh>
    <rPh sb="6" eb="8">
      <t>コウワン</t>
    </rPh>
    <rPh sb="8" eb="9">
      <t>キョク</t>
    </rPh>
    <phoneticPr fontId="8"/>
  </si>
  <si>
    <t>大阪港振興基金積立金</t>
    <rPh sb="0" eb="10">
      <t>オオサカコウシンコウキキンツミタテキン</t>
    </rPh>
    <phoneticPr fontId="5"/>
  </si>
  <si>
    <t>　基金の運用利子収入について、基金へ積み立てるものである。</t>
    <phoneticPr fontId="16"/>
  </si>
  <si>
    <t>7年度当初</t>
    <rPh sb="3" eb="5">
      <t>トウショ</t>
    </rPh>
    <phoneticPr fontId="3"/>
  </si>
  <si>
    <t>大阪港振興基金への積立金</t>
    <rPh sb="0" eb="3">
      <t>オオサカコウ</t>
    </rPh>
    <rPh sb="3" eb="5">
      <t>シンコウ</t>
    </rPh>
    <rPh sb="5" eb="7">
      <t>キキン</t>
    </rPh>
    <rPh sb="9" eb="11">
      <t>ツミタテ</t>
    </rPh>
    <rPh sb="11" eb="12">
      <t>キン</t>
    </rPh>
    <phoneticPr fontId="5"/>
  </si>
  <si>
    <t>企業債の元金償還金</t>
    <rPh sb="0" eb="2">
      <t>キギョウ</t>
    </rPh>
    <rPh sb="2" eb="3">
      <t>サイ</t>
    </rPh>
    <rPh sb="4" eb="6">
      <t>ガンキン</t>
    </rPh>
    <rPh sb="6" eb="9">
      <t>ショウカンキン</t>
    </rPh>
    <phoneticPr fontId="5"/>
  </si>
  <si>
    <t>企業債支払利息等</t>
    <rPh sb="0" eb="8">
      <t>キギョウサイシハライリソクトウ</t>
    </rPh>
    <phoneticPr fontId="5"/>
  </si>
  <si>
    <t>　港営事業会計において発行済みの企業債に係る利息等を計上するものである。</t>
    <phoneticPr fontId="16"/>
  </si>
  <si>
    <t>企業債等の利子支払額</t>
  </si>
  <si>
    <t>企業債発行等の手数料等</t>
  </si>
  <si>
    <t>貸倒引当金</t>
    <rPh sb="0" eb="5">
      <t>カシダオレヒキアテキン</t>
    </rPh>
    <phoneticPr fontId="5"/>
  </si>
  <si>
    <t xml:space="preserve">  債権の不納欠損による損失に備えるため、会計基準に従って引当金を計上するものである。</t>
    <phoneticPr fontId="1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 "/>
    <numFmt numFmtId="177" formatCode="#,##0;&quot;△ &quot;#,##0"/>
    <numFmt numFmtId="178" formatCode="\(#,##0\)_);\(#,##0\)"/>
  </numFmts>
  <fonts count="23">
    <font>
      <sz val="11"/>
      <color theme="1"/>
      <name val="游ゴシック"/>
      <family val="2"/>
      <charset val="128"/>
      <scheme val="minor"/>
    </font>
    <font>
      <b/>
      <sz val="15"/>
      <color theme="3"/>
      <name val="游ゴシック"/>
      <family val="2"/>
      <charset val="128"/>
      <scheme val="minor"/>
    </font>
    <font>
      <sz val="10.5"/>
      <name val="明朝体"/>
      <family val="3"/>
      <charset val="128"/>
    </font>
    <font>
      <sz val="12"/>
      <name val="ＭＳ Ｐゴシック"/>
      <family val="3"/>
      <charset val="128"/>
    </font>
    <font>
      <sz val="6"/>
      <name val="游ゴシック"/>
      <family val="2"/>
      <charset val="128"/>
      <scheme val="minor"/>
    </font>
    <font>
      <sz val="6"/>
      <name val="ＭＳ Ｐゴシック"/>
      <family val="3"/>
      <charset val="128"/>
    </font>
    <font>
      <sz val="10.5"/>
      <name val="ＭＳ Ｐゴシック"/>
      <family val="3"/>
      <charset val="128"/>
    </font>
    <font>
      <u/>
      <sz val="10.5"/>
      <name val="ＭＳ Ｐゴシック"/>
      <family val="3"/>
      <charset val="128"/>
    </font>
    <font>
      <sz val="6"/>
      <name val="明朝体"/>
      <family val="3"/>
      <charset val="128"/>
    </font>
    <font>
      <sz val="9"/>
      <name val="ＭＳ Ｐゴシック"/>
      <family val="3"/>
      <charset val="128"/>
    </font>
    <font>
      <sz val="10"/>
      <name val="ＭＳ Ｐゴシック"/>
      <family val="3"/>
      <charset val="128"/>
    </font>
    <font>
      <sz val="6"/>
      <name val="游ゴシック"/>
      <family val="3"/>
      <charset val="128"/>
      <scheme val="minor"/>
    </font>
    <font>
      <b/>
      <sz val="14"/>
      <color theme="1"/>
      <name val="Meiryo UI"/>
      <family val="3"/>
      <charset val="128"/>
    </font>
    <font>
      <sz val="11"/>
      <name val="ＭＳ Ｐゴシック"/>
      <family val="3"/>
      <charset val="128"/>
    </font>
    <font>
      <strike/>
      <sz val="10.5"/>
      <name val="ＭＳ Ｐゴシック"/>
      <family val="3"/>
      <charset val="128"/>
    </font>
    <font>
      <u/>
      <sz val="11"/>
      <name val="ＭＳ Ｐゴシック"/>
      <family val="3"/>
      <charset val="128"/>
    </font>
    <font>
      <sz val="6"/>
      <name val="Meiryo UI"/>
      <family val="2"/>
      <charset val="128"/>
    </font>
    <font>
      <u/>
      <sz val="11"/>
      <color theme="10"/>
      <name val="游ゴシック"/>
      <family val="2"/>
      <charset val="128"/>
      <scheme val="minor"/>
    </font>
    <font>
      <b/>
      <sz val="16"/>
      <name val="ＭＳ Ｐゴシック"/>
      <family val="3"/>
      <charset val="128"/>
    </font>
    <font>
      <sz val="10"/>
      <color theme="0"/>
      <name val="ＭＳ Ｐゴシック"/>
      <family val="3"/>
      <charset val="128"/>
    </font>
    <font>
      <sz val="8"/>
      <name val="ＭＳ Ｐゴシック"/>
      <family val="3"/>
      <charset val="128"/>
    </font>
    <font>
      <u/>
      <sz val="11"/>
      <color theme="1"/>
      <name val="游ゴシック"/>
      <family val="2"/>
      <scheme val="minor"/>
    </font>
    <font>
      <u/>
      <sz val="10"/>
      <color theme="10"/>
      <name val="ＭＳ Ｐゴシック"/>
      <family val="3"/>
      <charset val="128"/>
    </font>
  </fonts>
  <fills count="3">
    <fill>
      <patternFill patternType="none"/>
    </fill>
    <fill>
      <patternFill patternType="gray125"/>
    </fill>
    <fill>
      <patternFill patternType="solid">
        <fgColor theme="0"/>
        <bgColor indexed="64"/>
      </patternFill>
    </fill>
  </fills>
  <borders count="55">
    <border>
      <left/>
      <right/>
      <top/>
      <bottom/>
      <diagonal/>
    </border>
    <border>
      <left/>
      <right/>
      <top/>
      <bottom style="medium">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style="thin">
        <color indexed="64"/>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bottom/>
      <diagonal/>
    </border>
    <border>
      <left/>
      <right style="thin">
        <color indexed="64"/>
      </right>
      <top style="thin">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diagonal/>
    </border>
    <border>
      <left style="medium">
        <color indexed="64"/>
      </left>
      <right/>
      <top style="medium">
        <color indexed="64"/>
      </top>
      <bottom/>
      <diagonal/>
    </border>
    <border>
      <left style="medium">
        <color indexed="64"/>
      </left>
      <right/>
      <top/>
      <bottom/>
      <diagonal/>
    </border>
    <border>
      <left/>
      <right style="medium">
        <color indexed="64"/>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right style="medium">
        <color indexed="64"/>
      </right>
      <top style="thin">
        <color indexed="64"/>
      </top>
      <bottom style="double">
        <color indexed="64"/>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s>
  <cellStyleXfs count="7">
    <xf numFmtId="0" fontId="0" fillId="0" borderId="0">
      <alignment vertical="center"/>
    </xf>
    <xf numFmtId="0" fontId="2" fillId="0" borderId="0"/>
    <xf numFmtId="0" fontId="13" fillId="0" borderId="0"/>
    <xf numFmtId="38" fontId="13" fillId="0" borderId="0" applyFont="0" applyFill="0" applyBorder="0" applyAlignment="0" applyProtection="0"/>
    <xf numFmtId="0" fontId="17" fillId="0" borderId="0" applyNumberFormat="0" applyFill="0" applyBorder="0" applyAlignment="0" applyProtection="0">
      <alignment vertical="center"/>
    </xf>
    <xf numFmtId="0" fontId="13" fillId="0" borderId="0"/>
    <xf numFmtId="0" fontId="2" fillId="0" borderId="0"/>
  </cellStyleXfs>
  <cellXfs count="230">
    <xf numFmtId="0" fontId="0" fillId="0" borderId="0" xfId="0">
      <alignment vertical="center"/>
    </xf>
    <xf numFmtId="0" fontId="6" fillId="0" borderId="0" xfId="1" applyFont="1" applyAlignment="1">
      <alignment vertical="center"/>
    </xf>
    <xf numFmtId="0" fontId="6" fillId="0" borderId="0" xfId="1" applyFont="1" applyAlignment="1">
      <alignment horizontal="center" vertical="center"/>
    </xf>
    <xf numFmtId="0" fontId="7" fillId="0" borderId="0" xfId="1" applyFont="1" applyAlignment="1">
      <alignment horizontal="left" vertical="center"/>
    </xf>
    <xf numFmtId="0" fontId="7" fillId="0" borderId="0" xfId="1" applyFont="1" applyAlignment="1">
      <alignment horizontal="right" vertical="center"/>
    </xf>
    <xf numFmtId="0" fontId="9" fillId="0" borderId="0" xfId="1" applyFont="1" applyAlignment="1">
      <alignment horizontal="right" vertical="center" wrapText="1"/>
    </xf>
    <xf numFmtId="0" fontId="9" fillId="0" borderId="0" xfId="1" applyFont="1" applyAlignment="1">
      <alignment horizontal="right" vertical="center"/>
    </xf>
    <xf numFmtId="0" fontId="10" fillId="0" borderId="2" xfId="1" applyFont="1" applyBorder="1" applyAlignment="1">
      <alignment horizontal="center" vertical="center"/>
    </xf>
    <xf numFmtId="0" fontId="10" fillId="0" borderId="3" xfId="1" applyFont="1" applyBorder="1" applyAlignment="1">
      <alignment horizontal="center" vertical="center"/>
    </xf>
    <xf numFmtId="0" fontId="10" fillId="0" borderId="4" xfId="1" applyFont="1" applyBorder="1" applyAlignment="1">
      <alignment horizontal="center" vertical="center"/>
    </xf>
    <xf numFmtId="0" fontId="10" fillId="0" borderId="7" xfId="1" applyFont="1" applyBorder="1" applyAlignment="1">
      <alignment horizontal="center" vertical="center"/>
    </xf>
    <xf numFmtId="0" fontId="10" fillId="0" borderId="9" xfId="1" applyFont="1" applyBorder="1" applyAlignment="1">
      <alignment horizontal="center" vertical="center"/>
    </xf>
    <xf numFmtId="0" fontId="6" fillId="0" borderId="0" xfId="1" applyFont="1" applyAlignment="1">
      <alignment horizontal="right" vertical="center"/>
    </xf>
    <xf numFmtId="0" fontId="6" fillId="0" borderId="0" xfId="1" applyFont="1" applyAlignment="1">
      <alignment horizontal="left" vertical="center"/>
    </xf>
    <xf numFmtId="0" fontId="13" fillId="0" borderId="0" xfId="2" applyAlignment="1">
      <alignment horizontal="center"/>
    </xf>
    <xf numFmtId="0" fontId="14" fillId="0" borderId="0" xfId="1" applyFont="1" applyAlignment="1">
      <alignment vertical="center"/>
    </xf>
    <xf numFmtId="0" fontId="13" fillId="0" borderId="0" xfId="2" applyAlignment="1">
      <alignment horizontal="center" vertical="center"/>
    </xf>
    <xf numFmtId="0" fontId="13" fillId="0" borderId="0" xfId="2"/>
    <xf numFmtId="0" fontId="10" fillId="0" borderId="8" xfId="1" applyFont="1" applyBorder="1" applyAlignment="1">
      <alignment horizontal="center" vertical="center"/>
    </xf>
    <xf numFmtId="0" fontId="15" fillId="0" borderId="0" xfId="2" applyFont="1" applyAlignment="1">
      <alignment horizontal="left" vertical="center"/>
    </xf>
    <xf numFmtId="0" fontId="13" fillId="0" borderId="0" xfId="2" applyFont="1"/>
    <xf numFmtId="0" fontId="10" fillId="0" borderId="9" xfId="1" applyFont="1" applyBorder="1" applyAlignment="1">
      <alignment horizontal="center" vertical="center"/>
    </xf>
    <xf numFmtId="0" fontId="18" fillId="0" borderId="0" xfId="5" applyFont="1"/>
    <xf numFmtId="0" fontId="6" fillId="0" borderId="0" xfId="2" applyFont="1"/>
    <xf numFmtId="0" fontId="6" fillId="0" borderId="0" xfId="6" applyFont="1" applyAlignment="1">
      <alignment horizontal="right" vertical="center"/>
    </xf>
    <xf numFmtId="0" fontId="6" fillId="0" borderId="0" xfId="2" applyFont="1" applyAlignment="1">
      <alignment horizontal="right"/>
    </xf>
    <xf numFmtId="0" fontId="6" fillId="0" borderId="0" xfId="5" applyFont="1"/>
    <xf numFmtId="0" fontId="7" fillId="0" borderId="0" xfId="6" applyFont="1" applyAlignment="1">
      <alignment horizontal="left" vertical="center"/>
    </xf>
    <xf numFmtId="0" fontId="19" fillId="0" borderId="0" xfId="1" applyFont="1" applyAlignment="1">
      <alignment horizontal="center" vertical="center"/>
    </xf>
    <xf numFmtId="0" fontId="6" fillId="0" borderId="35" xfId="2" applyFont="1" applyBorder="1" applyAlignment="1">
      <alignment horizontal="left" vertical="center"/>
    </xf>
    <xf numFmtId="0" fontId="3" fillId="0" borderId="35" xfId="2" applyFont="1" applyBorder="1" applyAlignment="1">
      <alignment vertical="center"/>
    </xf>
    <xf numFmtId="0" fontId="3" fillId="0" borderId="35" xfId="2" applyFont="1" applyBorder="1" applyAlignment="1">
      <alignment horizontal="left" vertical="center"/>
    </xf>
    <xf numFmtId="0" fontId="13" fillId="0" borderId="0" xfId="2" applyAlignment="1">
      <alignment horizontal="left" vertical="center"/>
    </xf>
    <xf numFmtId="0" fontId="3" fillId="0" borderId="0" xfId="2" applyFont="1" applyAlignment="1">
      <alignment horizontal="left" vertical="center"/>
    </xf>
    <xf numFmtId="0" fontId="6" fillId="0" borderId="0" xfId="2" applyFont="1" applyAlignment="1">
      <alignment horizontal="left" vertical="center"/>
    </xf>
    <xf numFmtId="0" fontId="3" fillId="0" borderId="0" xfId="2" applyFont="1" applyAlignment="1">
      <alignment vertical="center"/>
    </xf>
    <xf numFmtId="0" fontId="6" fillId="0" borderId="36" xfId="2" applyFont="1" applyBorder="1" applyAlignment="1">
      <alignment horizontal="left" vertical="center"/>
    </xf>
    <xf numFmtId="0" fontId="3" fillId="0" borderId="6" xfId="2" applyFont="1" applyBorder="1" applyAlignment="1">
      <alignment horizontal="left" vertical="center"/>
    </xf>
    <xf numFmtId="0" fontId="6" fillId="0" borderId="0" xfId="2" applyFont="1" applyAlignment="1">
      <alignment vertical="center" wrapText="1"/>
    </xf>
    <xf numFmtId="0" fontId="3" fillId="0" borderId="22" xfId="2" applyFont="1" applyBorder="1" applyAlignment="1">
      <alignment vertical="top" wrapText="1"/>
    </xf>
    <xf numFmtId="0" fontId="3" fillId="0" borderId="1" xfId="2" applyFont="1" applyBorder="1" applyAlignment="1">
      <alignment vertical="top" wrapText="1"/>
    </xf>
    <xf numFmtId="0" fontId="3" fillId="0" borderId="26" xfId="2" applyFont="1" applyBorder="1" applyAlignment="1">
      <alignment vertical="top" wrapText="1"/>
    </xf>
    <xf numFmtId="0" fontId="6" fillId="0" borderId="0" xfId="6" applyFont="1" applyAlignment="1">
      <alignment vertical="center"/>
    </xf>
    <xf numFmtId="0" fontId="20" fillId="0" borderId="0" xfId="5" applyFont="1" applyAlignment="1">
      <alignment horizontal="right" vertical="center"/>
    </xf>
    <xf numFmtId="0" fontId="13" fillId="0" borderId="0" xfId="2" applyAlignment="1">
      <alignment vertical="center"/>
    </xf>
    <xf numFmtId="0" fontId="6" fillId="0" borderId="0" xfId="2" applyFont="1" applyAlignment="1">
      <alignment vertical="center"/>
    </xf>
    <xf numFmtId="0" fontId="3" fillId="0" borderId="12" xfId="2" applyFont="1" applyBorder="1" applyAlignment="1">
      <alignment vertical="center"/>
    </xf>
    <xf numFmtId="0" fontId="3" fillId="0" borderId="43" xfId="2" applyFont="1" applyBorder="1" applyAlignment="1">
      <alignment vertical="center"/>
    </xf>
    <xf numFmtId="0" fontId="3" fillId="0" borderId="15" xfId="2" applyFont="1" applyBorder="1" applyAlignment="1">
      <alignment vertical="center"/>
    </xf>
    <xf numFmtId="0" fontId="3" fillId="0" borderId="12" xfId="2" applyFont="1" applyBorder="1" applyAlignment="1">
      <alignment horizontal="center" vertical="center"/>
    </xf>
    <xf numFmtId="0" fontId="13" fillId="0" borderId="0" xfId="0" applyFont="1" applyAlignment="1"/>
    <xf numFmtId="178" fontId="3" fillId="0" borderId="13" xfId="2" applyNumberFormat="1" applyFont="1" applyBorder="1" applyAlignment="1">
      <alignment vertical="center"/>
    </xf>
    <xf numFmtId="178" fontId="3" fillId="0" borderId="39" xfId="2" applyNumberFormat="1" applyFont="1" applyBorder="1" applyAlignment="1">
      <alignment vertical="center"/>
    </xf>
    <xf numFmtId="178" fontId="3" fillId="0" borderId="16" xfId="2" applyNumberFormat="1" applyFont="1" applyBorder="1" applyAlignment="1">
      <alignment vertical="center"/>
    </xf>
    <xf numFmtId="0" fontId="6" fillId="0" borderId="16" xfId="2" applyFont="1" applyBorder="1"/>
    <xf numFmtId="0" fontId="3" fillId="0" borderId="13" xfId="2" applyFont="1" applyBorder="1" applyAlignment="1">
      <alignment horizontal="center" vertical="center"/>
    </xf>
    <xf numFmtId="0" fontId="13" fillId="0" borderId="0" xfId="2" applyAlignment="1">
      <alignment vertical="top" wrapText="1"/>
    </xf>
    <xf numFmtId="177" fontId="10" fillId="0" borderId="18" xfId="1" applyNumberFormat="1" applyFont="1" applyBorder="1" applyAlignment="1">
      <alignment horizontal="center" vertical="center" wrapText="1"/>
    </xf>
    <xf numFmtId="177" fontId="10" fillId="0" borderId="9" xfId="1" applyNumberFormat="1" applyFont="1" applyBorder="1" applyAlignment="1">
      <alignment horizontal="center" vertical="center" wrapText="1"/>
    </xf>
    <xf numFmtId="177" fontId="6" fillId="0" borderId="18" xfId="1" applyNumberFormat="1" applyFont="1" applyBorder="1" applyAlignment="1">
      <alignment vertical="center" shrinkToFit="1"/>
    </xf>
    <xf numFmtId="177" fontId="6" fillId="0" borderId="9" xfId="1" applyNumberFormat="1" applyFont="1" applyBorder="1" applyAlignment="1">
      <alignment vertical="center" shrinkToFit="1"/>
    </xf>
    <xf numFmtId="0" fontId="6" fillId="0" borderId="19" xfId="1" applyFont="1" applyBorder="1" applyAlignment="1">
      <alignment horizontal="center" vertical="center"/>
    </xf>
    <xf numFmtId="0" fontId="6" fillId="0" borderId="14" xfId="1" applyFont="1" applyBorder="1" applyAlignment="1">
      <alignment horizontal="center" vertical="center"/>
    </xf>
    <xf numFmtId="0" fontId="6" fillId="0" borderId="10" xfId="1" applyFont="1" applyBorder="1" applyAlignment="1">
      <alignment horizontal="center" vertical="center"/>
    </xf>
    <xf numFmtId="0" fontId="6" fillId="0" borderId="11" xfId="1" applyFont="1" applyBorder="1" applyAlignment="1">
      <alignment horizontal="center" vertical="center"/>
    </xf>
    <xf numFmtId="176" fontId="10" fillId="0" borderId="12" xfId="1" applyNumberFormat="1" applyFont="1" applyBorder="1" applyAlignment="1">
      <alignment horizontal="left" vertical="center"/>
    </xf>
    <xf numFmtId="176" fontId="10" fillId="0" borderId="13" xfId="1" applyNumberFormat="1" applyFont="1" applyBorder="1" applyAlignment="1">
      <alignment horizontal="left" vertical="center"/>
    </xf>
    <xf numFmtId="176" fontId="10" fillId="0" borderId="14" xfId="1" applyNumberFormat="1" applyFont="1" applyBorder="1" applyAlignment="1">
      <alignment horizontal="left" vertical="center"/>
    </xf>
    <xf numFmtId="176" fontId="10" fillId="0" borderId="15" xfId="1" applyNumberFormat="1" applyFont="1" applyBorder="1" applyAlignment="1">
      <alignment horizontal="left" vertical="center"/>
    </xf>
    <xf numFmtId="176" fontId="10" fillId="0" borderId="16" xfId="1" applyNumberFormat="1" applyFont="1" applyBorder="1" applyAlignment="1">
      <alignment horizontal="left" vertical="center"/>
    </xf>
    <xf numFmtId="176" fontId="10" fillId="0" borderId="11" xfId="1" applyNumberFormat="1" applyFont="1" applyBorder="1" applyAlignment="1">
      <alignment horizontal="left" vertical="center"/>
    </xf>
    <xf numFmtId="177" fontId="10" fillId="0" borderId="17" xfId="1" applyNumberFormat="1" applyFont="1" applyBorder="1" applyAlignment="1">
      <alignment horizontal="center" vertical="center" wrapText="1"/>
    </xf>
    <xf numFmtId="177" fontId="10" fillId="0" borderId="7" xfId="1" applyNumberFormat="1" applyFont="1" applyBorder="1" applyAlignment="1">
      <alignment horizontal="center" vertical="center" wrapText="1"/>
    </xf>
    <xf numFmtId="176" fontId="10" fillId="0" borderId="18" xfId="1" applyNumberFormat="1" applyFont="1" applyBorder="1" applyAlignment="1">
      <alignment horizontal="center" vertical="center"/>
    </xf>
    <xf numFmtId="176" fontId="10" fillId="0" borderId="9" xfId="1" applyNumberFormat="1" applyFont="1" applyBorder="1" applyAlignment="1">
      <alignment horizontal="center" vertical="center"/>
    </xf>
    <xf numFmtId="0" fontId="22" fillId="0" borderId="20" xfId="4" applyFont="1" applyFill="1" applyBorder="1" applyAlignment="1">
      <alignment horizontal="left" vertical="center" wrapText="1"/>
    </xf>
    <xf numFmtId="0" fontId="22" fillId="0" borderId="18" xfId="4" applyFont="1" applyBorder="1" applyAlignment="1">
      <alignment horizontal="left" vertical="center" wrapText="1"/>
    </xf>
    <xf numFmtId="0" fontId="22" fillId="0" borderId="9" xfId="4" applyFont="1" applyBorder="1" applyAlignment="1">
      <alignment horizontal="left" vertical="center" wrapText="1"/>
    </xf>
    <xf numFmtId="177" fontId="10" fillId="0" borderId="27" xfId="1" applyNumberFormat="1" applyFont="1" applyBorder="1" applyAlignment="1">
      <alignment horizontal="center" vertical="center" wrapText="1"/>
    </xf>
    <xf numFmtId="177" fontId="6" fillId="0" borderId="27" xfId="1" applyNumberFormat="1" applyFont="1" applyBorder="1" applyAlignment="1">
      <alignment vertical="center" shrinkToFit="1"/>
    </xf>
    <xf numFmtId="0" fontId="6" fillId="0" borderId="27" xfId="1" applyFont="1" applyBorder="1" applyAlignment="1">
      <alignment horizontal="center" vertical="center"/>
    </xf>
    <xf numFmtId="0" fontId="6" fillId="0" borderId="29" xfId="1" applyFont="1" applyBorder="1" applyAlignment="1">
      <alignment horizontal="center" vertical="center"/>
    </xf>
    <xf numFmtId="0" fontId="22" fillId="0" borderId="18" xfId="4" applyFont="1" applyFill="1" applyBorder="1" applyAlignment="1">
      <alignment horizontal="left" vertical="center" wrapText="1"/>
    </xf>
    <xf numFmtId="0" fontId="22" fillId="0" borderId="9" xfId="4" applyFont="1" applyFill="1" applyBorder="1" applyAlignment="1">
      <alignment horizontal="left" vertical="center" wrapText="1"/>
    </xf>
    <xf numFmtId="49" fontId="10" fillId="0" borderId="18" xfId="1" applyNumberFormat="1" applyFont="1" applyBorder="1" applyAlignment="1">
      <alignment horizontal="center" vertical="center"/>
    </xf>
    <xf numFmtId="49" fontId="10" fillId="0" borderId="9" xfId="1" applyNumberFormat="1" applyFont="1" applyBorder="1" applyAlignment="1">
      <alignment horizontal="center" vertical="center"/>
    </xf>
    <xf numFmtId="176" fontId="10" fillId="0" borderId="12" xfId="1" applyNumberFormat="1" applyFont="1" applyBorder="1" applyAlignment="1">
      <alignment horizontal="center" vertical="center"/>
    </xf>
    <xf numFmtId="176" fontId="10" fillId="0" borderId="13" xfId="1" applyNumberFormat="1" applyFont="1" applyBorder="1" applyAlignment="1">
      <alignment horizontal="center" vertical="center"/>
    </xf>
    <xf numFmtId="176" fontId="10" fillId="0" borderId="21" xfId="1" applyNumberFormat="1" applyFont="1" applyBorder="1" applyAlignment="1">
      <alignment horizontal="center" vertical="center"/>
    </xf>
    <xf numFmtId="176" fontId="10" fillId="0" borderId="15" xfId="1" applyNumberFormat="1" applyFont="1" applyBorder="1" applyAlignment="1">
      <alignment horizontal="center" vertical="center"/>
    </xf>
    <xf numFmtId="176" fontId="10" fillId="0" borderId="16" xfId="1" applyNumberFormat="1" applyFont="1" applyBorder="1" applyAlignment="1">
      <alignment horizontal="center" vertical="center"/>
    </xf>
    <xf numFmtId="176" fontId="10" fillId="0" borderId="8" xfId="1" applyNumberFormat="1" applyFont="1" applyBorder="1" applyAlignment="1">
      <alignment horizontal="center" vertical="center"/>
    </xf>
    <xf numFmtId="0" fontId="3" fillId="0" borderId="0" xfId="1" applyFont="1" applyAlignment="1">
      <alignment vertical="center"/>
    </xf>
    <xf numFmtId="0" fontId="6" fillId="0" borderId="0" xfId="1" applyFont="1" applyAlignment="1">
      <alignment horizontal="right" vertical="center"/>
    </xf>
    <xf numFmtId="0" fontId="7" fillId="0" borderId="0" xfId="1" applyFont="1" applyAlignment="1">
      <alignment vertical="center"/>
    </xf>
    <xf numFmtId="0" fontId="9" fillId="0" borderId="1" xfId="1" applyFont="1" applyBorder="1" applyAlignment="1">
      <alignment horizontal="right" vertical="center" wrapText="1"/>
    </xf>
    <xf numFmtId="0" fontId="10" fillId="0" borderId="4" xfId="1" applyFont="1" applyBorder="1" applyAlignment="1">
      <alignment horizontal="center" vertical="center"/>
    </xf>
    <xf numFmtId="0" fontId="10" fillId="0" borderId="9" xfId="1" applyFont="1" applyBorder="1" applyAlignment="1">
      <alignment horizontal="center" vertical="center"/>
    </xf>
    <xf numFmtId="0" fontId="10" fillId="0" borderId="4" xfId="1" applyFont="1" applyBorder="1" applyAlignment="1">
      <alignment horizontal="center" vertical="center" wrapText="1"/>
    </xf>
    <xf numFmtId="0" fontId="10" fillId="0" borderId="5" xfId="1" applyFont="1" applyBorder="1" applyAlignment="1">
      <alignment horizontal="center" vertical="center"/>
    </xf>
    <xf numFmtId="0" fontId="10" fillId="0" borderId="6" xfId="1" applyFont="1" applyBorder="1" applyAlignment="1">
      <alignment horizontal="center" vertical="center"/>
    </xf>
    <xf numFmtId="0" fontId="10" fillId="0" borderId="10" xfId="1" applyFont="1" applyBorder="1" applyAlignment="1">
      <alignment horizontal="center" vertical="center"/>
    </xf>
    <xf numFmtId="0" fontId="10" fillId="0" borderId="11" xfId="1" applyFont="1" applyBorder="1" applyAlignment="1">
      <alignment horizontal="center" vertical="center"/>
    </xf>
    <xf numFmtId="0" fontId="10" fillId="0" borderId="12" xfId="1" applyFont="1" applyBorder="1" applyAlignment="1">
      <alignment horizontal="center" vertical="center"/>
    </xf>
    <xf numFmtId="0" fontId="10" fillId="0" borderId="13" xfId="1" applyFont="1" applyBorder="1" applyAlignment="1">
      <alignment horizontal="center" vertical="center"/>
    </xf>
    <xf numFmtId="0" fontId="10" fillId="0" borderId="21" xfId="1" applyFont="1" applyBorder="1" applyAlignment="1">
      <alignment horizontal="center" vertical="center"/>
    </xf>
    <xf numFmtId="0" fontId="10" fillId="0" borderId="22" xfId="1" applyFont="1" applyBorder="1" applyAlignment="1">
      <alignment horizontal="center" vertical="center"/>
    </xf>
    <xf numFmtId="0" fontId="10" fillId="0" borderId="1" xfId="1" applyFont="1" applyBorder="1" applyAlignment="1">
      <alignment horizontal="center" vertical="center"/>
    </xf>
    <xf numFmtId="0" fontId="10" fillId="0" borderId="23" xfId="1" applyFont="1" applyBorder="1" applyAlignment="1">
      <alignment horizontal="center" vertical="center"/>
    </xf>
    <xf numFmtId="177" fontId="6" fillId="0" borderId="24" xfId="1" applyNumberFormat="1" applyFont="1" applyBorder="1" applyAlignment="1">
      <alignment vertical="center" shrinkToFit="1"/>
    </xf>
    <xf numFmtId="0" fontId="6" fillId="0" borderId="25" xfId="1" applyFont="1" applyBorder="1" applyAlignment="1">
      <alignment horizontal="center" vertical="center"/>
    </xf>
    <xf numFmtId="0" fontId="6" fillId="0" borderId="26" xfId="1" applyFont="1" applyBorder="1" applyAlignment="1">
      <alignment horizontal="center" vertical="center"/>
    </xf>
    <xf numFmtId="177" fontId="10" fillId="0" borderId="28" xfId="1" applyNumberFormat="1" applyFont="1" applyBorder="1" applyAlignment="1">
      <alignment horizontal="center" vertical="center" wrapText="1"/>
    </xf>
    <xf numFmtId="176" fontId="10" fillId="0" borderId="27" xfId="1" applyNumberFormat="1" applyFont="1" applyBorder="1" applyAlignment="1">
      <alignment horizontal="center" vertical="center"/>
    </xf>
    <xf numFmtId="0" fontId="22" fillId="0" borderId="27" xfId="4" applyFont="1" applyBorder="1" applyAlignment="1">
      <alignment vertical="center" wrapText="1"/>
    </xf>
    <xf numFmtId="0" fontId="7" fillId="0" borderId="0" xfId="5" applyFont="1" applyAlignment="1">
      <alignment horizontal="right" shrinkToFit="1"/>
    </xf>
    <xf numFmtId="0" fontId="6" fillId="0" borderId="30" xfId="2" applyFont="1" applyBorder="1" applyAlignment="1">
      <alignment horizontal="center" vertical="center"/>
    </xf>
    <xf numFmtId="0" fontId="6" fillId="0" borderId="31" xfId="2" applyFont="1" applyBorder="1" applyAlignment="1">
      <alignment horizontal="center" vertical="center"/>
    </xf>
    <xf numFmtId="0" fontId="6" fillId="0" borderId="32" xfId="2" applyFont="1" applyBorder="1" applyAlignment="1">
      <alignment horizontal="center" vertical="center"/>
    </xf>
    <xf numFmtId="0" fontId="3" fillId="0" borderId="33" xfId="2" applyFont="1" applyBorder="1" applyAlignment="1">
      <alignment horizontal="center" vertical="center"/>
    </xf>
    <xf numFmtId="0" fontId="3" fillId="0" borderId="31" xfId="2" applyFont="1" applyBorder="1" applyAlignment="1">
      <alignment horizontal="center" vertical="center"/>
    </xf>
    <xf numFmtId="0" fontId="3" fillId="0" borderId="34" xfId="2" applyFont="1" applyBorder="1" applyAlignment="1">
      <alignment horizontal="center" vertical="center"/>
    </xf>
    <xf numFmtId="0" fontId="3" fillId="0" borderId="30" xfId="2" applyFont="1" applyBorder="1" applyAlignment="1">
      <alignment horizontal="center" vertical="center"/>
    </xf>
    <xf numFmtId="0" fontId="3" fillId="0" borderId="32" xfId="2" applyFont="1" applyBorder="1" applyAlignment="1">
      <alignment horizontal="center" vertical="center"/>
    </xf>
    <xf numFmtId="0" fontId="3" fillId="0" borderId="33" xfId="2" applyFont="1" applyBorder="1" applyAlignment="1">
      <alignment horizontal="left" vertical="center"/>
    </xf>
    <xf numFmtId="0" fontId="3" fillId="0" borderId="31" xfId="2" applyFont="1" applyBorder="1" applyAlignment="1">
      <alignment horizontal="left" vertical="center"/>
    </xf>
    <xf numFmtId="0" fontId="3" fillId="0" borderId="34" xfId="2" applyFont="1" applyBorder="1" applyAlignment="1">
      <alignment horizontal="left" vertical="center"/>
    </xf>
    <xf numFmtId="0" fontId="10" fillId="0" borderId="37" xfId="2" applyFont="1" applyBorder="1" applyAlignment="1">
      <alignment horizontal="left" vertical="top" wrapText="1"/>
    </xf>
    <xf numFmtId="0" fontId="10" fillId="0" borderId="0" xfId="2" applyFont="1" applyAlignment="1">
      <alignment horizontal="left" vertical="top" wrapText="1"/>
    </xf>
    <xf numFmtId="0" fontId="10" fillId="0" borderId="38" xfId="2" applyFont="1" applyBorder="1" applyAlignment="1">
      <alignment horizontal="left" vertical="top" wrapText="1"/>
    </xf>
    <xf numFmtId="0" fontId="3" fillId="0" borderId="39" xfId="2" applyFont="1" applyBorder="1" applyAlignment="1">
      <alignment vertical="center"/>
    </xf>
    <xf numFmtId="0" fontId="3" fillId="0" borderId="40" xfId="2" applyFont="1" applyBorder="1" applyAlignment="1">
      <alignment vertical="center"/>
    </xf>
    <xf numFmtId="177" fontId="3" fillId="0" borderId="41" xfId="2" applyNumberFormat="1" applyFont="1" applyBorder="1" applyAlignment="1">
      <alignment vertical="center"/>
    </xf>
    <xf numFmtId="177" fontId="3" fillId="0" borderId="39" xfId="2" applyNumberFormat="1" applyFont="1" applyBorder="1" applyAlignment="1">
      <alignment vertical="center"/>
    </xf>
    <xf numFmtId="177" fontId="3" fillId="0" borderId="40" xfId="2" applyNumberFormat="1" applyFont="1" applyBorder="1" applyAlignment="1">
      <alignment vertical="center"/>
    </xf>
    <xf numFmtId="177" fontId="3" fillId="0" borderId="42" xfId="2" applyNumberFormat="1" applyFont="1" applyBorder="1" applyAlignment="1">
      <alignment vertical="center"/>
    </xf>
    <xf numFmtId="177" fontId="3" fillId="0" borderId="41" xfId="2" applyNumberFormat="1" applyFont="1" applyBorder="1" applyAlignment="1">
      <alignment horizontal="center" vertical="center"/>
    </xf>
    <xf numFmtId="177" fontId="3" fillId="0" borderId="39" xfId="2" applyNumberFormat="1" applyFont="1" applyBorder="1" applyAlignment="1">
      <alignment horizontal="center" vertical="center"/>
    </xf>
    <xf numFmtId="177" fontId="3" fillId="0" borderId="42" xfId="2" applyNumberFormat="1" applyFont="1" applyBorder="1" applyAlignment="1">
      <alignment horizontal="center" vertical="center"/>
    </xf>
    <xf numFmtId="0" fontId="3" fillId="0" borderId="36" xfId="2" applyFont="1" applyBorder="1" applyAlignment="1">
      <alignment horizontal="center" vertical="center"/>
    </xf>
    <xf numFmtId="0" fontId="3" fillId="0" borderId="35" xfId="2" applyFont="1" applyBorder="1" applyAlignment="1">
      <alignment horizontal="center" vertical="center"/>
    </xf>
    <xf numFmtId="0" fontId="3" fillId="0" borderId="3" xfId="2" applyFont="1" applyBorder="1" applyAlignment="1">
      <alignment horizontal="center" vertical="center"/>
    </xf>
    <xf numFmtId="0" fontId="3" fillId="0" borderId="15" xfId="2" applyFont="1" applyBorder="1" applyAlignment="1">
      <alignment horizontal="center" vertical="center"/>
    </xf>
    <xf numFmtId="0" fontId="3" fillId="0" borderId="16" xfId="2" applyFont="1" applyBorder="1" applyAlignment="1">
      <alignment horizontal="center" vertical="center"/>
    </xf>
    <xf numFmtId="0" fontId="3" fillId="0" borderId="8" xfId="2" applyFont="1" applyBorder="1" applyAlignment="1">
      <alignment horizontal="center" vertical="center"/>
    </xf>
    <xf numFmtId="177" fontId="3" fillId="0" borderId="5" xfId="2" applyNumberFormat="1" applyFont="1" applyBorder="1" applyAlignment="1">
      <alignment horizontal="center" vertical="center"/>
    </xf>
    <xf numFmtId="177" fontId="3" fillId="0" borderId="35" xfId="2" applyNumberFormat="1" applyFont="1" applyBorder="1" applyAlignment="1">
      <alignment horizontal="center" vertical="center"/>
    </xf>
    <xf numFmtId="177" fontId="3" fillId="0" borderId="3" xfId="2" applyNumberFormat="1" applyFont="1" applyBorder="1" applyAlignment="1">
      <alignment horizontal="center" vertical="center"/>
    </xf>
    <xf numFmtId="177" fontId="3" fillId="0" borderId="10" xfId="2" applyNumberFormat="1" applyFont="1" applyBorder="1" applyAlignment="1">
      <alignment horizontal="center" vertical="center"/>
    </xf>
    <xf numFmtId="177" fontId="3" fillId="0" borderId="16" xfId="2" applyNumberFormat="1" applyFont="1" applyBorder="1" applyAlignment="1">
      <alignment horizontal="center" vertical="center"/>
    </xf>
    <xf numFmtId="177" fontId="3" fillId="0" borderId="8" xfId="2" applyNumberFormat="1" applyFont="1" applyBorder="1" applyAlignment="1">
      <alignment horizontal="center" vertical="center"/>
    </xf>
    <xf numFmtId="177" fontId="3" fillId="0" borderId="6" xfId="2" applyNumberFormat="1" applyFont="1" applyBorder="1" applyAlignment="1">
      <alignment horizontal="center" vertical="center"/>
    </xf>
    <xf numFmtId="177" fontId="3" fillId="0" borderId="11" xfId="2" applyNumberFormat="1" applyFont="1" applyBorder="1" applyAlignment="1">
      <alignment horizontal="center" vertical="center"/>
    </xf>
    <xf numFmtId="0" fontId="21" fillId="0" borderId="0" xfId="0" applyFont="1" applyAlignment="1">
      <alignment horizontal="right" shrinkToFit="1"/>
    </xf>
    <xf numFmtId="0" fontId="3" fillId="0" borderId="53" xfId="2" applyFont="1" applyBorder="1" applyAlignment="1">
      <alignment horizontal="center" vertical="center"/>
    </xf>
    <xf numFmtId="0" fontId="3" fillId="0" borderId="54" xfId="2" applyFont="1" applyBorder="1" applyAlignment="1">
      <alignment horizontal="center" vertical="center"/>
    </xf>
    <xf numFmtId="0" fontId="3" fillId="0" borderId="53" xfId="2" applyFont="1" applyBorder="1" applyAlignment="1">
      <alignment horizontal="left" vertical="center"/>
    </xf>
    <xf numFmtId="0" fontId="3" fillId="0" borderId="54" xfId="2" applyFont="1" applyBorder="1" applyAlignment="1">
      <alignment horizontal="left" vertical="center"/>
    </xf>
    <xf numFmtId="0" fontId="3" fillId="0" borderId="44" xfId="2" applyFont="1" applyBorder="1" applyAlignment="1">
      <alignment vertical="center"/>
    </xf>
    <xf numFmtId="0" fontId="3" fillId="0" borderId="45" xfId="2" applyFont="1" applyBorder="1" applyAlignment="1">
      <alignment vertical="center"/>
    </xf>
    <xf numFmtId="177" fontId="3" fillId="0" borderId="46" xfId="2" applyNumberFormat="1" applyFont="1" applyBorder="1" applyAlignment="1">
      <alignment vertical="center"/>
    </xf>
    <xf numFmtId="177" fontId="3" fillId="0" borderId="44" xfId="2" applyNumberFormat="1" applyFont="1" applyBorder="1" applyAlignment="1">
      <alignment vertical="center"/>
    </xf>
    <xf numFmtId="177" fontId="3" fillId="0" borderId="45" xfId="2" applyNumberFormat="1" applyFont="1" applyBorder="1" applyAlignment="1">
      <alignment vertical="center"/>
    </xf>
    <xf numFmtId="177" fontId="3" fillId="0" borderId="47" xfId="2" applyNumberFormat="1" applyFont="1" applyBorder="1" applyAlignment="1">
      <alignment vertical="center"/>
    </xf>
    <xf numFmtId="0" fontId="3" fillId="0" borderId="48" xfId="2" applyFont="1" applyBorder="1" applyAlignment="1">
      <alignment horizontal="center" vertical="center"/>
    </xf>
    <xf numFmtId="0" fontId="3" fillId="0" borderId="49" xfId="2" applyFont="1" applyBorder="1" applyAlignment="1">
      <alignment horizontal="center" vertical="center"/>
    </xf>
    <xf numFmtId="0" fontId="3" fillId="0" borderId="50" xfId="2" applyFont="1" applyBorder="1" applyAlignment="1">
      <alignment horizontal="center" vertical="center"/>
    </xf>
    <xf numFmtId="177" fontId="3" fillId="0" borderId="51" xfId="2" applyNumberFormat="1" applyFont="1" applyBorder="1" applyAlignment="1">
      <alignment vertical="center"/>
    </xf>
    <xf numFmtId="177" fontId="3" fillId="0" borderId="49" xfId="2" applyNumberFormat="1" applyFont="1" applyBorder="1" applyAlignment="1">
      <alignment vertical="center"/>
    </xf>
    <xf numFmtId="177" fontId="3" fillId="0" borderId="50" xfId="2" applyNumberFormat="1" applyFont="1" applyBorder="1" applyAlignment="1">
      <alignment vertical="center"/>
    </xf>
    <xf numFmtId="177" fontId="3" fillId="0" borderId="52" xfId="2" applyNumberFormat="1" applyFont="1" applyBorder="1" applyAlignment="1">
      <alignment vertical="center"/>
    </xf>
    <xf numFmtId="0" fontId="13" fillId="0" borderId="39" xfId="2" applyBorder="1"/>
    <xf numFmtId="0" fontId="13" fillId="0" borderId="40" xfId="2" applyBorder="1"/>
    <xf numFmtId="0" fontId="13" fillId="0" borderId="39" xfId="2" applyBorder="1" applyAlignment="1">
      <alignment vertical="center"/>
    </xf>
    <xf numFmtId="0" fontId="13" fillId="0" borderId="40" xfId="2" applyBorder="1" applyAlignment="1">
      <alignment vertical="center"/>
    </xf>
    <xf numFmtId="0" fontId="13" fillId="0" borderId="42" xfId="2" applyBorder="1" applyAlignment="1">
      <alignment vertical="center"/>
    </xf>
    <xf numFmtId="0" fontId="13" fillId="0" borderId="39" xfId="2" applyBorder="1" applyAlignment="1">
      <alignment horizontal="center" vertical="center"/>
    </xf>
    <xf numFmtId="0" fontId="13" fillId="0" borderId="42" xfId="2" applyBorder="1" applyAlignment="1">
      <alignment horizontal="center" vertical="center"/>
    </xf>
    <xf numFmtId="0" fontId="13" fillId="0" borderId="35" xfId="2" applyBorder="1" applyAlignment="1">
      <alignment horizontal="center" vertical="center"/>
    </xf>
    <xf numFmtId="0" fontId="13" fillId="0" borderId="3" xfId="2" applyBorder="1" applyAlignment="1">
      <alignment horizontal="center" vertical="center"/>
    </xf>
    <xf numFmtId="0" fontId="13" fillId="0" borderId="15" xfId="2" applyBorder="1" applyAlignment="1">
      <alignment horizontal="center" vertical="center"/>
    </xf>
    <xf numFmtId="0" fontId="13" fillId="0" borderId="16" xfId="2" applyBorder="1" applyAlignment="1">
      <alignment horizontal="center" vertical="center"/>
    </xf>
    <xf numFmtId="0" fontId="13" fillId="0" borderId="8" xfId="2" applyBorder="1" applyAlignment="1">
      <alignment horizontal="center" vertical="center"/>
    </xf>
    <xf numFmtId="0" fontId="13" fillId="0" borderId="10" xfId="2" applyBorder="1" applyAlignment="1">
      <alignment horizontal="center" vertical="center"/>
    </xf>
    <xf numFmtId="0" fontId="13" fillId="0" borderId="6" xfId="2" applyBorder="1" applyAlignment="1">
      <alignment horizontal="center" vertical="center"/>
    </xf>
    <xf numFmtId="0" fontId="13" fillId="0" borderId="11" xfId="2" applyBorder="1" applyAlignment="1">
      <alignment horizontal="center" vertical="center"/>
    </xf>
    <xf numFmtId="0" fontId="13" fillId="0" borderId="44" xfId="2" applyBorder="1" applyAlignment="1">
      <alignment vertical="center"/>
    </xf>
    <xf numFmtId="0" fontId="13" fillId="0" borderId="45" xfId="2" applyBorder="1" applyAlignment="1">
      <alignment vertical="center"/>
    </xf>
    <xf numFmtId="177" fontId="3" fillId="0" borderId="19" xfId="2" applyNumberFormat="1" applyFont="1" applyBorder="1" applyAlignment="1">
      <alignment vertical="center"/>
    </xf>
    <xf numFmtId="0" fontId="13" fillId="0" borderId="13" xfId="2" applyBorder="1" applyAlignment="1">
      <alignment vertical="center"/>
    </xf>
    <xf numFmtId="0" fontId="13" fillId="0" borderId="14" xfId="2" applyBorder="1" applyAlignment="1">
      <alignment vertical="center"/>
    </xf>
    <xf numFmtId="0" fontId="13" fillId="0" borderId="49" xfId="2" applyBorder="1" applyAlignment="1">
      <alignment horizontal="center" vertical="center"/>
    </xf>
    <xf numFmtId="0" fontId="13" fillId="0" borderId="50" xfId="2" applyBorder="1" applyAlignment="1">
      <alignment horizontal="center" vertical="center"/>
    </xf>
    <xf numFmtId="0" fontId="13" fillId="0" borderId="49" xfId="2" applyBorder="1" applyAlignment="1">
      <alignment vertical="center"/>
    </xf>
    <xf numFmtId="0" fontId="13" fillId="0" borderId="50" xfId="2" applyBorder="1" applyAlignment="1">
      <alignment vertical="center"/>
    </xf>
    <xf numFmtId="0" fontId="13" fillId="0" borderId="52" xfId="2" applyBorder="1" applyAlignment="1">
      <alignment vertical="center"/>
    </xf>
    <xf numFmtId="0" fontId="13" fillId="0" borderId="39" xfId="0" applyFont="1" applyBorder="1">
      <alignment vertical="center"/>
    </xf>
    <xf numFmtId="0" fontId="13" fillId="0" borderId="40" xfId="0" applyFont="1" applyBorder="1">
      <alignment vertical="center"/>
    </xf>
    <xf numFmtId="0" fontId="13" fillId="0" borderId="39" xfId="0" applyFont="1" applyBorder="1" applyAlignment="1">
      <alignment horizontal="center" vertical="center"/>
    </xf>
    <xf numFmtId="0" fontId="13" fillId="0" borderId="42" xfId="0" applyFont="1" applyBorder="1" applyAlignment="1">
      <alignment horizontal="center" vertical="center"/>
    </xf>
    <xf numFmtId="0" fontId="13" fillId="0" borderId="39" xfId="0" applyFont="1" applyBorder="1" applyAlignment="1"/>
    <xf numFmtId="0" fontId="13" fillId="0" borderId="40" xfId="0" applyFont="1" applyBorder="1" applyAlignment="1"/>
    <xf numFmtId="0" fontId="13" fillId="0" borderId="42" xfId="0" applyFont="1" applyBorder="1">
      <alignment vertical="center"/>
    </xf>
    <xf numFmtId="0" fontId="13" fillId="0" borderId="35" xfId="0" applyFont="1" applyBorder="1" applyAlignment="1">
      <alignment horizontal="center" vertical="center"/>
    </xf>
    <xf numFmtId="0" fontId="13" fillId="0" borderId="3" xfId="0" applyFont="1" applyBorder="1" applyAlignment="1">
      <alignment horizontal="center" vertical="center"/>
    </xf>
    <xf numFmtId="0" fontId="13" fillId="0" borderId="15" xfId="0" applyFont="1" applyBorder="1" applyAlignment="1">
      <alignment horizontal="center" vertical="center"/>
    </xf>
    <xf numFmtId="0" fontId="13" fillId="0" borderId="16" xfId="0" applyFont="1" applyBorder="1" applyAlignment="1">
      <alignment horizontal="center" vertical="center"/>
    </xf>
    <xf numFmtId="0" fontId="13" fillId="0" borderId="8" xfId="0" applyFont="1" applyBorder="1" applyAlignment="1">
      <alignment horizontal="center" vertical="center"/>
    </xf>
    <xf numFmtId="0" fontId="13" fillId="0" borderId="10" xfId="0" applyFont="1" applyBorder="1" applyAlignment="1">
      <alignment horizontal="center" vertical="center"/>
    </xf>
    <xf numFmtId="0" fontId="13" fillId="0" borderId="6" xfId="0" applyFont="1" applyBorder="1" applyAlignment="1">
      <alignment horizontal="center" vertical="center"/>
    </xf>
    <xf numFmtId="0" fontId="13" fillId="0" borderId="11" xfId="0" applyFont="1" applyBorder="1" applyAlignment="1">
      <alignment horizontal="center" vertical="center"/>
    </xf>
    <xf numFmtId="0" fontId="13" fillId="0" borderId="44" xfId="0" applyFont="1" applyBorder="1">
      <alignment vertical="center"/>
    </xf>
    <xf numFmtId="0" fontId="13" fillId="0" borderId="45" xfId="0" applyFont="1" applyBorder="1">
      <alignment vertical="center"/>
    </xf>
    <xf numFmtId="0" fontId="13" fillId="0" borderId="13" xfId="0" applyFont="1" applyBorder="1">
      <alignment vertical="center"/>
    </xf>
    <xf numFmtId="0" fontId="13" fillId="0" borderId="14" xfId="0" applyFont="1" applyBorder="1">
      <alignment vertical="center"/>
    </xf>
    <xf numFmtId="0" fontId="13" fillId="0" borderId="49" xfId="0" applyFont="1" applyBorder="1">
      <alignment vertical="center"/>
    </xf>
    <xf numFmtId="0" fontId="13" fillId="0" borderId="50" xfId="0" applyFont="1" applyBorder="1">
      <alignment vertical="center"/>
    </xf>
    <xf numFmtId="0" fontId="13" fillId="0" borderId="52" xfId="0" applyFont="1" applyBorder="1">
      <alignment vertical="center"/>
    </xf>
    <xf numFmtId="0" fontId="13" fillId="0" borderId="49" xfId="0" applyFont="1" applyBorder="1" applyAlignment="1">
      <alignment horizontal="center" vertical="center"/>
    </xf>
    <xf numFmtId="0" fontId="13" fillId="0" borderId="50" xfId="0" applyFont="1" applyBorder="1" applyAlignment="1">
      <alignment horizontal="center" vertical="center"/>
    </xf>
    <xf numFmtId="177" fontId="3" fillId="2" borderId="41" xfId="2" applyNumberFormat="1" applyFont="1" applyFill="1" applyBorder="1" applyAlignment="1">
      <alignment vertical="center"/>
    </xf>
    <xf numFmtId="0" fontId="13" fillId="2" borderId="39" xfId="0" applyFont="1" applyFill="1" applyBorder="1">
      <alignment vertical="center"/>
    </xf>
    <xf numFmtId="0" fontId="13" fillId="2" borderId="40" xfId="0" applyFont="1" applyFill="1" applyBorder="1">
      <alignment vertical="center"/>
    </xf>
    <xf numFmtId="0" fontId="6" fillId="0" borderId="30" xfId="2" applyFont="1" applyBorder="1" applyAlignment="1">
      <alignment horizontal="left" vertical="center"/>
    </xf>
    <xf numFmtId="0" fontId="6" fillId="0" borderId="31" xfId="2" applyFont="1" applyBorder="1" applyAlignment="1">
      <alignment horizontal="left" vertical="center"/>
    </xf>
    <xf numFmtId="0" fontId="6" fillId="0" borderId="32" xfId="2" applyFont="1" applyBorder="1" applyAlignment="1">
      <alignment horizontal="left" vertical="center"/>
    </xf>
    <xf numFmtId="0" fontId="9" fillId="0" borderId="33" xfId="2" applyFont="1" applyBorder="1" applyAlignment="1">
      <alignment horizontal="left" vertical="center" wrapText="1"/>
    </xf>
    <xf numFmtId="0" fontId="9" fillId="0" borderId="31" xfId="2" applyFont="1" applyBorder="1" applyAlignment="1">
      <alignment horizontal="left" vertical="center" wrapText="1"/>
    </xf>
    <xf numFmtId="0" fontId="9" fillId="0" borderId="34" xfId="2" applyFont="1" applyBorder="1" applyAlignment="1">
      <alignment horizontal="left" vertical="center" wrapText="1"/>
    </xf>
    <xf numFmtId="0" fontId="7" fillId="0" borderId="0" xfId="6" applyFont="1" applyAlignment="1">
      <alignment horizontal="right" vertical="center"/>
    </xf>
  </cellXfs>
  <cellStyles count="7">
    <cellStyle name="ハイパーリンク" xfId="4" builtinId="8"/>
    <cellStyle name="桁区切り 2" xfId="3" xr:uid="{C2F8685C-3C74-4AC1-9195-819646040D3D}"/>
    <cellStyle name="標準" xfId="0" builtinId="0"/>
    <cellStyle name="標準 2" xfId="2" xr:uid="{CD0E093C-179B-44D2-9BC7-91A71E20BFCF}"/>
    <cellStyle name="標準 2 4" xfId="5" xr:uid="{2B37DEF7-5D8A-434F-8E85-0CB0420DA1FD}"/>
    <cellStyle name="標準_③予算事業別調書(目次様式)" xfId="1" xr:uid="{4735B144-CDFD-4270-9E3E-E4BD1F46227D}"/>
    <cellStyle name="標準_④予算事業別調書(本体様式)" xfId="6" xr:uid="{2CF6C675-0BEB-4868-923E-306C9484054C}"/>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externalLink" Target="externalLinks/externalLink1.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5" Type="http://schemas.openxmlformats.org/officeDocument/2006/relationships/externalLink" Target="externalLinks/externalLink3.xml"/><Relationship Id="rId10" Type="http://schemas.openxmlformats.org/officeDocument/2006/relationships/calcChain" Target="calcChain.xml"/><Relationship Id="rId4" Type="http://schemas.openxmlformats.org/officeDocument/2006/relationships/externalLink" Target="externalLinks/externalLink2.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2" Type="http://schemas.openxmlformats.org/officeDocument/2006/relationships/externalLinkPath" Target="file:///C:\Users\i5623792\Desktop\15_&#35519;&#26360;&#32232;&#12288;&#27096;&#24335;1&#65374;6.xlsx" TargetMode="External"/><Relationship Id="rId1" Type="http://schemas.openxmlformats.org/officeDocument/2006/relationships/externalLinkPath" Target="file:///C:\Users\i5623792\Desktop\15_&#35519;&#26360;&#32232;&#12288;&#27096;&#24335;1&#65374;6.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Y:\&#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PIF102C\OA-da0005$\&#12518;&#12540;&#12470;&#20316;&#26989;&#29992;&#12501;&#12457;&#12523;&#12480;\da0005&#65288;&#36001;&#28304;&#35519;&#25972;G&#65289;\02%20&#36215;&#20661;&#20418;\&#20196;&#21644;3&#24180;&#24230;\003.&#36215;&#20661;&#30003;&#35531;&#38306;&#20418;\09.9&#26376;&#23626;&#20986;\01.&#27770;&#35009;\&#19968;&#33324;\01.&#20844;&#20849;\60_&#22823;&#38442;&#24066;&#12304;&#27096;&#24335;&#31532;&#20108;&#21495;&#12305;&#20844;&#20849;&#20107;&#26989;&#31561;&#65288;&#36890;&#24120;&#21454;&#25903;&#65289;.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PFF001C\OA-da0001$\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別紙"/>
      <sheetName val="様式１（局、室）"/>
      <sheetName val="様式２（区）"/>
      <sheetName val="様式 1,2(説明)"/>
      <sheetName val="様式３"/>
      <sheetName val="様式３ (増減説明入力欄)"/>
      <sheetName val="様式３ (記載例)"/>
      <sheetName val="様式３ (増減説明入力欄) (記載例)"/>
      <sheetName val="様式4"/>
      <sheetName val="様式4付属①"/>
      <sheetName val="様式4付属②"/>
      <sheetName val="様式5"/>
      <sheetName val="様式６"/>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記入例】"/>
      <sheetName val="届出書"/>
      <sheetName val="事業区分等（シートを削除しないこと）"/>
      <sheetName val="充当率"/>
      <sheetName val="シート名を変更しないこと"/>
    </sheetNames>
    <sheetDataSet>
      <sheetData sheetId="0" refreshError="1"/>
      <sheetData sheetId="1" refreshError="1"/>
      <sheetData sheetId="2">
        <row r="1">
          <cell r="A1" t="str">
            <v>公共事業等</v>
          </cell>
          <cell r="B1" t="str">
            <v>防災・減災・国土強靱化緊急対策事業</v>
          </cell>
          <cell r="C1" t="str">
            <v>公営住宅建設事業</v>
          </cell>
          <cell r="D1" t="str">
            <v>災害復旧事業</v>
          </cell>
          <cell r="E1" t="str">
            <v>学校教育施設等整備事業</v>
          </cell>
          <cell r="F1" t="str">
            <v>社会福祉施設整備事業</v>
          </cell>
          <cell r="G1" t="str">
            <v>一般廃棄物処理事業</v>
          </cell>
          <cell r="H1" t="str">
            <v>一般補助施設整備等事業</v>
          </cell>
          <cell r="I1" t="str">
            <v>施設整備事業</v>
          </cell>
          <cell r="J1" t="str">
            <v>一般事業</v>
          </cell>
          <cell r="K1" t="str">
            <v>地域活性化事業</v>
          </cell>
          <cell r="L1" t="str">
            <v>防災対策事業</v>
          </cell>
          <cell r="M1" t="str">
            <v>地方道路等整備事業</v>
          </cell>
          <cell r="N1" t="str">
            <v>旧合併特例事業</v>
          </cell>
          <cell r="O1" t="str">
            <v>緊急防災・減災事業</v>
          </cell>
          <cell r="P1" t="str">
            <v>公共施設等適正管理推進事業</v>
          </cell>
          <cell r="Q1" t="str">
            <v>緊急自然災害防止対策事業</v>
          </cell>
          <cell r="R1" t="str">
            <v>緊急浚渫推進事業</v>
          </cell>
          <cell r="S1" t="str">
            <v>辺地対策事業</v>
          </cell>
          <cell r="T1" t="str">
            <v>過疎対策事業</v>
          </cell>
          <cell r="U1" t="str">
            <v>公共用地先行取得等事業</v>
          </cell>
          <cell r="V1" t="str">
            <v>行政改革推進</v>
          </cell>
          <cell r="W1" t="str">
            <v>調整</v>
          </cell>
          <cell r="X1" t="str">
            <v>臨時財政対策債</v>
          </cell>
          <cell r="Y1" t="str">
            <v>国の予算等貸付金債</v>
          </cell>
          <cell r="Z1" t="str">
            <v>退職手当債</v>
          </cell>
          <cell r="AA1" t="str">
            <v>減収補塡債</v>
          </cell>
          <cell r="AB1" t="str">
            <v>減収補塡債・特例分</v>
          </cell>
          <cell r="AC1" t="str">
            <v>再生振替特例債</v>
          </cell>
          <cell r="AD1" t="str">
            <v>特別減収対策債</v>
          </cell>
          <cell r="AE1" t="str">
            <v>猶予特例債</v>
          </cell>
        </row>
        <row r="3">
          <cell r="AG3" t="str">
            <v>証書借入</v>
          </cell>
        </row>
        <row r="4">
          <cell r="AG4" t="str">
            <v>証券発行</v>
          </cell>
        </row>
        <row r="5">
          <cell r="AG5" t="str">
            <v>証書借入及び証券発行</v>
          </cell>
        </row>
      </sheetData>
      <sheetData sheetId="3" refreshError="1"/>
      <sheetData sheetId="4"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132401-08A0-4FB1-A050-6379E65750A4}">
  <dimension ref="A1:I123"/>
  <sheetViews>
    <sheetView showGridLines="0" tabSelected="1" view="pageBreakPreview" zoomScaleNormal="100" zoomScaleSheetLayoutView="100" workbookViewId="0">
      <selection sqref="A1:C1"/>
    </sheetView>
  </sheetViews>
  <sheetFormatPr defaultColWidth="8.59765625" defaultRowHeight="13.2"/>
  <cols>
    <col min="1" max="1" width="3.69921875" style="1" customWidth="1"/>
    <col min="2" max="2" width="12.3984375" style="1" customWidth="1"/>
    <col min="3" max="3" width="23.69921875" style="1" customWidth="1"/>
    <col min="4" max="4" width="17.3984375" style="1" customWidth="1"/>
    <col min="5" max="5" width="12.3984375" style="1" customWidth="1"/>
    <col min="6" max="7" width="12.3984375" style="2" customWidth="1"/>
    <col min="8" max="8" width="6.09765625" style="1" customWidth="1"/>
    <col min="9" max="9" width="9.296875" style="1" customWidth="1"/>
    <col min="10" max="10" width="3.19921875" style="1" bestFit="1" customWidth="1"/>
    <col min="11" max="11" width="7.3984375" style="1" bestFit="1" customWidth="1"/>
    <col min="12" max="204" width="8.59765625" style="1" customWidth="1"/>
    <col min="205" max="254" width="8.59765625" style="1"/>
    <col min="255" max="255" width="3.69921875" style="1" customWidth="1"/>
    <col min="256" max="256" width="12.5" style="1" customWidth="1"/>
    <col min="257" max="257" width="23.69921875" style="1" customWidth="1"/>
    <col min="258" max="258" width="17.5" style="1" customWidth="1"/>
    <col min="259" max="262" width="12.5" style="1" customWidth="1"/>
    <col min="263" max="263" width="0" style="1" hidden="1" customWidth="1"/>
    <col min="264" max="264" width="6.19921875" style="1" customWidth="1"/>
    <col min="265" max="265" width="9.3984375" style="1" customWidth="1"/>
    <col min="266" max="266" width="3.19921875" style="1" bestFit="1" customWidth="1"/>
    <col min="267" max="267" width="7.3984375" style="1" bestFit="1" customWidth="1"/>
    <col min="268" max="510" width="8.59765625" style="1"/>
    <col min="511" max="511" width="3.69921875" style="1" customWidth="1"/>
    <col min="512" max="512" width="12.5" style="1" customWidth="1"/>
    <col min="513" max="513" width="23.69921875" style="1" customWidth="1"/>
    <col min="514" max="514" width="17.5" style="1" customWidth="1"/>
    <col min="515" max="518" width="12.5" style="1" customWidth="1"/>
    <col min="519" max="519" width="0" style="1" hidden="1" customWidth="1"/>
    <col min="520" max="520" width="6.19921875" style="1" customWidth="1"/>
    <col min="521" max="521" width="9.3984375" style="1" customWidth="1"/>
    <col min="522" max="522" width="3.19921875" style="1" bestFit="1" customWidth="1"/>
    <col min="523" max="523" width="7.3984375" style="1" bestFit="1" customWidth="1"/>
    <col min="524" max="766" width="8.59765625" style="1"/>
    <col min="767" max="767" width="3.69921875" style="1" customWidth="1"/>
    <col min="768" max="768" width="12.5" style="1" customWidth="1"/>
    <col min="769" max="769" width="23.69921875" style="1" customWidth="1"/>
    <col min="770" max="770" width="17.5" style="1" customWidth="1"/>
    <col min="771" max="774" width="12.5" style="1" customWidth="1"/>
    <col min="775" max="775" width="0" style="1" hidden="1" customWidth="1"/>
    <col min="776" max="776" width="6.19921875" style="1" customWidth="1"/>
    <col min="777" max="777" width="9.3984375" style="1" customWidth="1"/>
    <col min="778" max="778" width="3.19921875" style="1" bestFit="1" customWidth="1"/>
    <col min="779" max="779" width="7.3984375" style="1" bestFit="1" customWidth="1"/>
    <col min="780" max="1022" width="8.59765625" style="1"/>
    <col min="1023" max="1023" width="3.69921875" style="1" customWidth="1"/>
    <col min="1024" max="1024" width="12.5" style="1" customWidth="1"/>
    <col min="1025" max="1025" width="23.69921875" style="1" customWidth="1"/>
    <col min="1026" max="1026" width="17.5" style="1" customWidth="1"/>
    <col min="1027" max="1030" width="12.5" style="1" customWidth="1"/>
    <col min="1031" max="1031" width="0" style="1" hidden="1" customWidth="1"/>
    <col min="1032" max="1032" width="6.19921875" style="1" customWidth="1"/>
    <col min="1033" max="1033" width="9.3984375" style="1" customWidth="1"/>
    <col min="1034" max="1034" width="3.19921875" style="1" bestFit="1" customWidth="1"/>
    <col min="1035" max="1035" width="7.3984375" style="1" bestFit="1" customWidth="1"/>
    <col min="1036" max="1278" width="8.59765625" style="1"/>
    <col min="1279" max="1279" width="3.69921875" style="1" customWidth="1"/>
    <col min="1280" max="1280" width="12.5" style="1" customWidth="1"/>
    <col min="1281" max="1281" width="23.69921875" style="1" customWidth="1"/>
    <col min="1282" max="1282" width="17.5" style="1" customWidth="1"/>
    <col min="1283" max="1286" width="12.5" style="1" customWidth="1"/>
    <col min="1287" max="1287" width="0" style="1" hidden="1" customWidth="1"/>
    <col min="1288" max="1288" width="6.19921875" style="1" customWidth="1"/>
    <col min="1289" max="1289" width="9.3984375" style="1" customWidth="1"/>
    <col min="1290" max="1290" width="3.19921875" style="1" bestFit="1" customWidth="1"/>
    <col min="1291" max="1291" width="7.3984375" style="1" bestFit="1" customWidth="1"/>
    <col min="1292" max="1534" width="8.59765625" style="1"/>
    <col min="1535" max="1535" width="3.69921875" style="1" customWidth="1"/>
    <col min="1536" max="1536" width="12.5" style="1" customWidth="1"/>
    <col min="1537" max="1537" width="23.69921875" style="1" customWidth="1"/>
    <col min="1538" max="1538" width="17.5" style="1" customWidth="1"/>
    <col min="1539" max="1542" width="12.5" style="1" customWidth="1"/>
    <col min="1543" max="1543" width="0" style="1" hidden="1" customWidth="1"/>
    <col min="1544" max="1544" width="6.19921875" style="1" customWidth="1"/>
    <col min="1545" max="1545" width="9.3984375" style="1" customWidth="1"/>
    <col min="1546" max="1546" width="3.19921875" style="1" bestFit="1" customWidth="1"/>
    <col min="1547" max="1547" width="7.3984375" style="1" bestFit="1" customWidth="1"/>
    <col min="1548" max="1790" width="8.59765625" style="1"/>
    <col min="1791" max="1791" width="3.69921875" style="1" customWidth="1"/>
    <col min="1792" max="1792" width="12.5" style="1" customWidth="1"/>
    <col min="1793" max="1793" width="23.69921875" style="1" customWidth="1"/>
    <col min="1794" max="1794" width="17.5" style="1" customWidth="1"/>
    <col min="1795" max="1798" width="12.5" style="1" customWidth="1"/>
    <col min="1799" max="1799" width="0" style="1" hidden="1" customWidth="1"/>
    <col min="1800" max="1800" width="6.19921875" style="1" customWidth="1"/>
    <col min="1801" max="1801" width="9.3984375" style="1" customWidth="1"/>
    <col min="1802" max="1802" width="3.19921875" style="1" bestFit="1" customWidth="1"/>
    <col min="1803" max="1803" width="7.3984375" style="1" bestFit="1" customWidth="1"/>
    <col min="1804" max="2046" width="8.59765625" style="1"/>
    <col min="2047" max="2047" width="3.69921875" style="1" customWidth="1"/>
    <col min="2048" max="2048" width="12.5" style="1" customWidth="1"/>
    <col min="2049" max="2049" width="23.69921875" style="1" customWidth="1"/>
    <col min="2050" max="2050" width="17.5" style="1" customWidth="1"/>
    <col min="2051" max="2054" width="12.5" style="1" customWidth="1"/>
    <col min="2055" max="2055" width="0" style="1" hidden="1" customWidth="1"/>
    <col min="2056" max="2056" width="6.19921875" style="1" customWidth="1"/>
    <col min="2057" max="2057" width="9.3984375" style="1" customWidth="1"/>
    <col min="2058" max="2058" width="3.19921875" style="1" bestFit="1" customWidth="1"/>
    <col min="2059" max="2059" width="7.3984375" style="1" bestFit="1" customWidth="1"/>
    <col min="2060" max="2302" width="8.59765625" style="1"/>
    <col min="2303" max="2303" width="3.69921875" style="1" customWidth="1"/>
    <col min="2304" max="2304" width="12.5" style="1" customWidth="1"/>
    <col min="2305" max="2305" width="23.69921875" style="1" customWidth="1"/>
    <col min="2306" max="2306" width="17.5" style="1" customWidth="1"/>
    <col min="2307" max="2310" width="12.5" style="1" customWidth="1"/>
    <col min="2311" max="2311" width="0" style="1" hidden="1" customWidth="1"/>
    <col min="2312" max="2312" width="6.19921875" style="1" customWidth="1"/>
    <col min="2313" max="2313" width="9.3984375" style="1" customWidth="1"/>
    <col min="2314" max="2314" width="3.19921875" style="1" bestFit="1" customWidth="1"/>
    <col min="2315" max="2315" width="7.3984375" style="1" bestFit="1" customWidth="1"/>
    <col min="2316" max="2558" width="8.59765625" style="1"/>
    <col min="2559" max="2559" width="3.69921875" style="1" customWidth="1"/>
    <col min="2560" max="2560" width="12.5" style="1" customWidth="1"/>
    <col min="2561" max="2561" width="23.69921875" style="1" customWidth="1"/>
    <col min="2562" max="2562" width="17.5" style="1" customWidth="1"/>
    <col min="2563" max="2566" width="12.5" style="1" customWidth="1"/>
    <col min="2567" max="2567" width="0" style="1" hidden="1" customWidth="1"/>
    <col min="2568" max="2568" width="6.19921875" style="1" customWidth="1"/>
    <col min="2569" max="2569" width="9.3984375" style="1" customWidth="1"/>
    <col min="2570" max="2570" width="3.19921875" style="1" bestFit="1" customWidth="1"/>
    <col min="2571" max="2571" width="7.3984375" style="1" bestFit="1" customWidth="1"/>
    <col min="2572" max="2814" width="8.59765625" style="1"/>
    <col min="2815" max="2815" width="3.69921875" style="1" customWidth="1"/>
    <col min="2816" max="2816" width="12.5" style="1" customWidth="1"/>
    <col min="2817" max="2817" width="23.69921875" style="1" customWidth="1"/>
    <col min="2818" max="2818" width="17.5" style="1" customWidth="1"/>
    <col min="2819" max="2822" width="12.5" style="1" customWidth="1"/>
    <col min="2823" max="2823" width="0" style="1" hidden="1" customWidth="1"/>
    <col min="2824" max="2824" width="6.19921875" style="1" customWidth="1"/>
    <col min="2825" max="2825" width="9.3984375" style="1" customWidth="1"/>
    <col min="2826" max="2826" width="3.19921875" style="1" bestFit="1" customWidth="1"/>
    <col min="2827" max="2827" width="7.3984375" style="1" bestFit="1" customWidth="1"/>
    <col min="2828" max="3070" width="8.59765625" style="1"/>
    <col min="3071" max="3071" width="3.69921875" style="1" customWidth="1"/>
    <col min="3072" max="3072" width="12.5" style="1" customWidth="1"/>
    <col min="3073" max="3073" width="23.69921875" style="1" customWidth="1"/>
    <col min="3074" max="3074" width="17.5" style="1" customWidth="1"/>
    <col min="3075" max="3078" width="12.5" style="1" customWidth="1"/>
    <col min="3079" max="3079" width="0" style="1" hidden="1" customWidth="1"/>
    <col min="3080" max="3080" width="6.19921875" style="1" customWidth="1"/>
    <col min="3081" max="3081" width="9.3984375" style="1" customWidth="1"/>
    <col min="3082" max="3082" width="3.19921875" style="1" bestFit="1" customWidth="1"/>
    <col min="3083" max="3083" width="7.3984375" style="1" bestFit="1" customWidth="1"/>
    <col min="3084" max="3326" width="8.59765625" style="1"/>
    <col min="3327" max="3327" width="3.69921875" style="1" customWidth="1"/>
    <col min="3328" max="3328" width="12.5" style="1" customWidth="1"/>
    <col min="3329" max="3329" width="23.69921875" style="1" customWidth="1"/>
    <col min="3330" max="3330" width="17.5" style="1" customWidth="1"/>
    <col min="3331" max="3334" width="12.5" style="1" customWidth="1"/>
    <col min="3335" max="3335" width="0" style="1" hidden="1" customWidth="1"/>
    <col min="3336" max="3336" width="6.19921875" style="1" customWidth="1"/>
    <col min="3337" max="3337" width="9.3984375" style="1" customWidth="1"/>
    <col min="3338" max="3338" width="3.19921875" style="1" bestFit="1" customWidth="1"/>
    <col min="3339" max="3339" width="7.3984375" style="1" bestFit="1" customWidth="1"/>
    <col min="3340" max="3582" width="8.59765625" style="1"/>
    <col min="3583" max="3583" width="3.69921875" style="1" customWidth="1"/>
    <col min="3584" max="3584" width="12.5" style="1" customWidth="1"/>
    <col min="3585" max="3585" width="23.69921875" style="1" customWidth="1"/>
    <col min="3586" max="3586" width="17.5" style="1" customWidth="1"/>
    <col min="3587" max="3590" width="12.5" style="1" customWidth="1"/>
    <col min="3591" max="3591" width="0" style="1" hidden="1" customWidth="1"/>
    <col min="3592" max="3592" width="6.19921875" style="1" customWidth="1"/>
    <col min="3593" max="3593" width="9.3984375" style="1" customWidth="1"/>
    <col min="3594" max="3594" width="3.19921875" style="1" bestFit="1" customWidth="1"/>
    <col min="3595" max="3595" width="7.3984375" style="1" bestFit="1" customWidth="1"/>
    <col min="3596" max="3838" width="8.59765625" style="1"/>
    <col min="3839" max="3839" width="3.69921875" style="1" customWidth="1"/>
    <col min="3840" max="3840" width="12.5" style="1" customWidth="1"/>
    <col min="3841" max="3841" width="23.69921875" style="1" customWidth="1"/>
    <col min="3842" max="3842" width="17.5" style="1" customWidth="1"/>
    <col min="3843" max="3846" width="12.5" style="1" customWidth="1"/>
    <col min="3847" max="3847" width="0" style="1" hidden="1" customWidth="1"/>
    <col min="3848" max="3848" width="6.19921875" style="1" customWidth="1"/>
    <col min="3849" max="3849" width="9.3984375" style="1" customWidth="1"/>
    <col min="3850" max="3850" width="3.19921875" style="1" bestFit="1" customWidth="1"/>
    <col min="3851" max="3851" width="7.3984375" style="1" bestFit="1" customWidth="1"/>
    <col min="3852" max="4094" width="8.59765625" style="1"/>
    <col min="4095" max="4095" width="3.69921875" style="1" customWidth="1"/>
    <col min="4096" max="4096" width="12.5" style="1" customWidth="1"/>
    <col min="4097" max="4097" width="23.69921875" style="1" customWidth="1"/>
    <col min="4098" max="4098" width="17.5" style="1" customWidth="1"/>
    <col min="4099" max="4102" width="12.5" style="1" customWidth="1"/>
    <col min="4103" max="4103" width="0" style="1" hidden="1" customWidth="1"/>
    <col min="4104" max="4104" width="6.19921875" style="1" customWidth="1"/>
    <col min="4105" max="4105" width="9.3984375" style="1" customWidth="1"/>
    <col min="4106" max="4106" width="3.19921875" style="1" bestFit="1" customWidth="1"/>
    <col min="4107" max="4107" width="7.3984375" style="1" bestFit="1" customWidth="1"/>
    <col min="4108" max="4350" width="8.59765625" style="1"/>
    <col min="4351" max="4351" width="3.69921875" style="1" customWidth="1"/>
    <col min="4352" max="4352" width="12.5" style="1" customWidth="1"/>
    <col min="4353" max="4353" width="23.69921875" style="1" customWidth="1"/>
    <col min="4354" max="4354" width="17.5" style="1" customWidth="1"/>
    <col min="4355" max="4358" width="12.5" style="1" customWidth="1"/>
    <col min="4359" max="4359" width="0" style="1" hidden="1" customWidth="1"/>
    <col min="4360" max="4360" width="6.19921875" style="1" customWidth="1"/>
    <col min="4361" max="4361" width="9.3984375" style="1" customWidth="1"/>
    <col min="4362" max="4362" width="3.19921875" style="1" bestFit="1" customWidth="1"/>
    <col min="4363" max="4363" width="7.3984375" style="1" bestFit="1" customWidth="1"/>
    <col min="4364" max="4606" width="8.59765625" style="1"/>
    <col min="4607" max="4607" width="3.69921875" style="1" customWidth="1"/>
    <col min="4608" max="4608" width="12.5" style="1" customWidth="1"/>
    <col min="4609" max="4609" width="23.69921875" style="1" customWidth="1"/>
    <col min="4610" max="4610" width="17.5" style="1" customWidth="1"/>
    <col min="4611" max="4614" width="12.5" style="1" customWidth="1"/>
    <col min="4615" max="4615" width="0" style="1" hidden="1" customWidth="1"/>
    <col min="4616" max="4616" width="6.19921875" style="1" customWidth="1"/>
    <col min="4617" max="4617" width="9.3984375" style="1" customWidth="1"/>
    <col min="4618" max="4618" width="3.19921875" style="1" bestFit="1" customWidth="1"/>
    <col min="4619" max="4619" width="7.3984375" style="1" bestFit="1" customWidth="1"/>
    <col min="4620" max="4862" width="8.59765625" style="1"/>
    <col min="4863" max="4863" width="3.69921875" style="1" customWidth="1"/>
    <col min="4864" max="4864" width="12.5" style="1" customWidth="1"/>
    <col min="4865" max="4865" width="23.69921875" style="1" customWidth="1"/>
    <col min="4866" max="4866" width="17.5" style="1" customWidth="1"/>
    <col min="4867" max="4870" width="12.5" style="1" customWidth="1"/>
    <col min="4871" max="4871" width="0" style="1" hidden="1" customWidth="1"/>
    <col min="4872" max="4872" width="6.19921875" style="1" customWidth="1"/>
    <col min="4873" max="4873" width="9.3984375" style="1" customWidth="1"/>
    <col min="4874" max="4874" width="3.19921875" style="1" bestFit="1" customWidth="1"/>
    <col min="4875" max="4875" width="7.3984375" style="1" bestFit="1" customWidth="1"/>
    <col min="4876" max="5118" width="8.59765625" style="1"/>
    <col min="5119" max="5119" width="3.69921875" style="1" customWidth="1"/>
    <col min="5120" max="5120" width="12.5" style="1" customWidth="1"/>
    <col min="5121" max="5121" width="23.69921875" style="1" customWidth="1"/>
    <col min="5122" max="5122" width="17.5" style="1" customWidth="1"/>
    <col min="5123" max="5126" width="12.5" style="1" customWidth="1"/>
    <col min="5127" max="5127" width="0" style="1" hidden="1" customWidth="1"/>
    <col min="5128" max="5128" width="6.19921875" style="1" customWidth="1"/>
    <col min="5129" max="5129" width="9.3984375" style="1" customWidth="1"/>
    <col min="5130" max="5130" width="3.19921875" style="1" bestFit="1" customWidth="1"/>
    <col min="5131" max="5131" width="7.3984375" style="1" bestFit="1" customWidth="1"/>
    <col min="5132" max="5374" width="8.59765625" style="1"/>
    <col min="5375" max="5375" width="3.69921875" style="1" customWidth="1"/>
    <col min="5376" max="5376" width="12.5" style="1" customWidth="1"/>
    <col min="5377" max="5377" width="23.69921875" style="1" customWidth="1"/>
    <col min="5378" max="5378" width="17.5" style="1" customWidth="1"/>
    <col min="5379" max="5382" width="12.5" style="1" customWidth="1"/>
    <col min="5383" max="5383" width="0" style="1" hidden="1" customWidth="1"/>
    <col min="5384" max="5384" width="6.19921875" style="1" customWidth="1"/>
    <col min="5385" max="5385" width="9.3984375" style="1" customWidth="1"/>
    <col min="5386" max="5386" width="3.19921875" style="1" bestFit="1" customWidth="1"/>
    <col min="5387" max="5387" width="7.3984375" style="1" bestFit="1" customWidth="1"/>
    <col min="5388" max="5630" width="8.59765625" style="1"/>
    <col min="5631" max="5631" width="3.69921875" style="1" customWidth="1"/>
    <col min="5632" max="5632" width="12.5" style="1" customWidth="1"/>
    <col min="5633" max="5633" width="23.69921875" style="1" customWidth="1"/>
    <col min="5634" max="5634" width="17.5" style="1" customWidth="1"/>
    <col min="5635" max="5638" width="12.5" style="1" customWidth="1"/>
    <col min="5639" max="5639" width="0" style="1" hidden="1" customWidth="1"/>
    <col min="5640" max="5640" width="6.19921875" style="1" customWidth="1"/>
    <col min="5641" max="5641" width="9.3984375" style="1" customWidth="1"/>
    <col min="5642" max="5642" width="3.19921875" style="1" bestFit="1" customWidth="1"/>
    <col min="5643" max="5643" width="7.3984375" style="1" bestFit="1" customWidth="1"/>
    <col min="5644" max="5886" width="8.59765625" style="1"/>
    <col min="5887" max="5887" width="3.69921875" style="1" customWidth="1"/>
    <col min="5888" max="5888" width="12.5" style="1" customWidth="1"/>
    <col min="5889" max="5889" width="23.69921875" style="1" customWidth="1"/>
    <col min="5890" max="5890" width="17.5" style="1" customWidth="1"/>
    <col min="5891" max="5894" width="12.5" style="1" customWidth="1"/>
    <col min="5895" max="5895" width="0" style="1" hidden="1" customWidth="1"/>
    <col min="5896" max="5896" width="6.19921875" style="1" customWidth="1"/>
    <col min="5897" max="5897" width="9.3984375" style="1" customWidth="1"/>
    <col min="5898" max="5898" width="3.19921875" style="1" bestFit="1" customWidth="1"/>
    <col min="5899" max="5899" width="7.3984375" style="1" bestFit="1" customWidth="1"/>
    <col min="5900" max="6142" width="8.59765625" style="1"/>
    <col min="6143" max="6143" width="3.69921875" style="1" customWidth="1"/>
    <col min="6144" max="6144" width="12.5" style="1" customWidth="1"/>
    <col min="6145" max="6145" width="23.69921875" style="1" customWidth="1"/>
    <col min="6146" max="6146" width="17.5" style="1" customWidth="1"/>
    <col min="6147" max="6150" width="12.5" style="1" customWidth="1"/>
    <col min="6151" max="6151" width="0" style="1" hidden="1" customWidth="1"/>
    <col min="6152" max="6152" width="6.19921875" style="1" customWidth="1"/>
    <col min="6153" max="6153" width="9.3984375" style="1" customWidth="1"/>
    <col min="6154" max="6154" width="3.19921875" style="1" bestFit="1" customWidth="1"/>
    <col min="6155" max="6155" width="7.3984375" style="1" bestFit="1" customWidth="1"/>
    <col min="6156" max="6398" width="8.59765625" style="1"/>
    <col min="6399" max="6399" width="3.69921875" style="1" customWidth="1"/>
    <col min="6400" max="6400" width="12.5" style="1" customWidth="1"/>
    <col min="6401" max="6401" width="23.69921875" style="1" customWidth="1"/>
    <col min="6402" max="6402" width="17.5" style="1" customWidth="1"/>
    <col min="6403" max="6406" width="12.5" style="1" customWidth="1"/>
    <col min="6407" max="6407" width="0" style="1" hidden="1" customWidth="1"/>
    <col min="6408" max="6408" width="6.19921875" style="1" customWidth="1"/>
    <col min="6409" max="6409" width="9.3984375" style="1" customWidth="1"/>
    <col min="6410" max="6410" width="3.19921875" style="1" bestFit="1" customWidth="1"/>
    <col min="6411" max="6411" width="7.3984375" style="1" bestFit="1" customWidth="1"/>
    <col min="6412" max="6654" width="8.59765625" style="1"/>
    <col min="6655" max="6655" width="3.69921875" style="1" customWidth="1"/>
    <col min="6656" max="6656" width="12.5" style="1" customWidth="1"/>
    <col min="6657" max="6657" width="23.69921875" style="1" customWidth="1"/>
    <col min="6658" max="6658" width="17.5" style="1" customWidth="1"/>
    <col min="6659" max="6662" width="12.5" style="1" customWidth="1"/>
    <col min="6663" max="6663" width="0" style="1" hidden="1" customWidth="1"/>
    <col min="6664" max="6664" width="6.19921875" style="1" customWidth="1"/>
    <col min="6665" max="6665" width="9.3984375" style="1" customWidth="1"/>
    <col min="6666" max="6666" width="3.19921875" style="1" bestFit="1" customWidth="1"/>
    <col min="6667" max="6667" width="7.3984375" style="1" bestFit="1" customWidth="1"/>
    <col min="6668" max="6910" width="8.59765625" style="1"/>
    <col min="6911" max="6911" width="3.69921875" style="1" customWidth="1"/>
    <col min="6912" max="6912" width="12.5" style="1" customWidth="1"/>
    <col min="6913" max="6913" width="23.69921875" style="1" customWidth="1"/>
    <col min="6914" max="6914" width="17.5" style="1" customWidth="1"/>
    <col min="6915" max="6918" width="12.5" style="1" customWidth="1"/>
    <col min="6919" max="6919" width="0" style="1" hidden="1" customWidth="1"/>
    <col min="6920" max="6920" width="6.19921875" style="1" customWidth="1"/>
    <col min="6921" max="6921" width="9.3984375" style="1" customWidth="1"/>
    <col min="6922" max="6922" width="3.19921875" style="1" bestFit="1" customWidth="1"/>
    <col min="6923" max="6923" width="7.3984375" style="1" bestFit="1" customWidth="1"/>
    <col min="6924" max="7166" width="8.59765625" style="1"/>
    <col min="7167" max="7167" width="3.69921875" style="1" customWidth="1"/>
    <col min="7168" max="7168" width="12.5" style="1" customWidth="1"/>
    <col min="7169" max="7169" width="23.69921875" style="1" customWidth="1"/>
    <col min="7170" max="7170" width="17.5" style="1" customWidth="1"/>
    <col min="7171" max="7174" width="12.5" style="1" customWidth="1"/>
    <col min="7175" max="7175" width="0" style="1" hidden="1" customWidth="1"/>
    <col min="7176" max="7176" width="6.19921875" style="1" customWidth="1"/>
    <col min="7177" max="7177" width="9.3984375" style="1" customWidth="1"/>
    <col min="7178" max="7178" width="3.19921875" style="1" bestFit="1" customWidth="1"/>
    <col min="7179" max="7179" width="7.3984375" style="1" bestFit="1" customWidth="1"/>
    <col min="7180" max="7422" width="8.59765625" style="1"/>
    <col min="7423" max="7423" width="3.69921875" style="1" customWidth="1"/>
    <col min="7424" max="7424" width="12.5" style="1" customWidth="1"/>
    <col min="7425" max="7425" width="23.69921875" style="1" customWidth="1"/>
    <col min="7426" max="7426" width="17.5" style="1" customWidth="1"/>
    <col min="7427" max="7430" width="12.5" style="1" customWidth="1"/>
    <col min="7431" max="7431" width="0" style="1" hidden="1" customWidth="1"/>
    <col min="7432" max="7432" width="6.19921875" style="1" customWidth="1"/>
    <col min="7433" max="7433" width="9.3984375" style="1" customWidth="1"/>
    <col min="7434" max="7434" width="3.19921875" style="1" bestFit="1" customWidth="1"/>
    <col min="7435" max="7435" width="7.3984375" style="1" bestFit="1" customWidth="1"/>
    <col min="7436" max="7678" width="8.59765625" style="1"/>
    <col min="7679" max="7679" width="3.69921875" style="1" customWidth="1"/>
    <col min="7680" max="7680" width="12.5" style="1" customWidth="1"/>
    <col min="7681" max="7681" width="23.69921875" style="1" customWidth="1"/>
    <col min="7682" max="7682" width="17.5" style="1" customWidth="1"/>
    <col min="7683" max="7686" width="12.5" style="1" customWidth="1"/>
    <col min="7687" max="7687" width="0" style="1" hidden="1" customWidth="1"/>
    <col min="7688" max="7688" width="6.19921875" style="1" customWidth="1"/>
    <col min="7689" max="7689" width="9.3984375" style="1" customWidth="1"/>
    <col min="7690" max="7690" width="3.19921875" style="1" bestFit="1" customWidth="1"/>
    <col min="7691" max="7691" width="7.3984375" style="1" bestFit="1" customWidth="1"/>
    <col min="7692" max="7934" width="8.59765625" style="1"/>
    <col min="7935" max="7935" width="3.69921875" style="1" customWidth="1"/>
    <col min="7936" max="7936" width="12.5" style="1" customWidth="1"/>
    <col min="7937" max="7937" width="23.69921875" style="1" customWidth="1"/>
    <col min="7938" max="7938" width="17.5" style="1" customWidth="1"/>
    <col min="7939" max="7942" width="12.5" style="1" customWidth="1"/>
    <col min="7943" max="7943" width="0" style="1" hidden="1" customWidth="1"/>
    <col min="7944" max="7944" width="6.19921875" style="1" customWidth="1"/>
    <col min="7945" max="7945" width="9.3984375" style="1" customWidth="1"/>
    <col min="7946" max="7946" width="3.19921875" style="1" bestFit="1" customWidth="1"/>
    <col min="7947" max="7947" width="7.3984375" style="1" bestFit="1" customWidth="1"/>
    <col min="7948" max="8190" width="8.59765625" style="1"/>
    <col min="8191" max="8191" width="3.69921875" style="1" customWidth="1"/>
    <col min="8192" max="8192" width="12.5" style="1" customWidth="1"/>
    <col min="8193" max="8193" width="23.69921875" style="1" customWidth="1"/>
    <col min="8194" max="8194" width="17.5" style="1" customWidth="1"/>
    <col min="8195" max="8198" width="12.5" style="1" customWidth="1"/>
    <col min="8199" max="8199" width="0" style="1" hidden="1" customWidth="1"/>
    <col min="8200" max="8200" width="6.19921875" style="1" customWidth="1"/>
    <col min="8201" max="8201" width="9.3984375" style="1" customWidth="1"/>
    <col min="8202" max="8202" width="3.19921875" style="1" bestFit="1" customWidth="1"/>
    <col min="8203" max="8203" width="7.3984375" style="1" bestFit="1" customWidth="1"/>
    <col min="8204" max="8446" width="8.59765625" style="1"/>
    <col min="8447" max="8447" width="3.69921875" style="1" customWidth="1"/>
    <col min="8448" max="8448" width="12.5" style="1" customWidth="1"/>
    <col min="8449" max="8449" width="23.69921875" style="1" customWidth="1"/>
    <col min="8450" max="8450" width="17.5" style="1" customWidth="1"/>
    <col min="8451" max="8454" width="12.5" style="1" customWidth="1"/>
    <col min="8455" max="8455" width="0" style="1" hidden="1" customWidth="1"/>
    <col min="8456" max="8456" width="6.19921875" style="1" customWidth="1"/>
    <col min="8457" max="8457" width="9.3984375" style="1" customWidth="1"/>
    <col min="8458" max="8458" width="3.19921875" style="1" bestFit="1" customWidth="1"/>
    <col min="8459" max="8459" width="7.3984375" style="1" bestFit="1" customWidth="1"/>
    <col min="8460" max="8702" width="8.59765625" style="1"/>
    <col min="8703" max="8703" width="3.69921875" style="1" customWidth="1"/>
    <col min="8704" max="8704" width="12.5" style="1" customWidth="1"/>
    <col min="8705" max="8705" width="23.69921875" style="1" customWidth="1"/>
    <col min="8706" max="8706" width="17.5" style="1" customWidth="1"/>
    <col min="8707" max="8710" width="12.5" style="1" customWidth="1"/>
    <col min="8711" max="8711" width="0" style="1" hidden="1" customWidth="1"/>
    <col min="8712" max="8712" width="6.19921875" style="1" customWidth="1"/>
    <col min="8713" max="8713" width="9.3984375" style="1" customWidth="1"/>
    <col min="8714" max="8714" width="3.19921875" style="1" bestFit="1" customWidth="1"/>
    <col min="8715" max="8715" width="7.3984375" style="1" bestFit="1" customWidth="1"/>
    <col min="8716" max="8958" width="8.59765625" style="1"/>
    <col min="8959" max="8959" width="3.69921875" style="1" customWidth="1"/>
    <col min="8960" max="8960" width="12.5" style="1" customWidth="1"/>
    <col min="8961" max="8961" width="23.69921875" style="1" customWidth="1"/>
    <col min="8962" max="8962" width="17.5" style="1" customWidth="1"/>
    <col min="8963" max="8966" width="12.5" style="1" customWidth="1"/>
    <col min="8967" max="8967" width="0" style="1" hidden="1" customWidth="1"/>
    <col min="8968" max="8968" width="6.19921875" style="1" customWidth="1"/>
    <col min="8969" max="8969" width="9.3984375" style="1" customWidth="1"/>
    <col min="8970" max="8970" width="3.19921875" style="1" bestFit="1" customWidth="1"/>
    <col min="8971" max="8971" width="7.3984375" style="1" bestFit="1" customWidth="1"/>
    <col min="8972" max="9214" width="8.59765625" style="1"/>
    <col min="9215" max="9215" width="3.69921875" style="1" customWidth="1"/>
    <col min="9216" max="9216" width="12.5" style="1" customWidth="1"/>
    <col min="9217" max="9217" width="23.69921875" style="1" customWidth="1"/>
    <col min="9218" max="9218" width="17.5" style="1" customWidth="1"/>
    <col min="9219" max="9222" width="12.5" style="1" customWidth="1"/>
    <col min="9223" max="9223" width="0" style="1" hidden="1" customWidth="1"/>
    <col min="9224" max="9224" width="6.19921875" style="1" customWidth="1"/>
    <col min="9225" max="9225" width="9.3984375" style="1" customWidth="1"/>
    <col min="9226" max="9226" width="3.19921875" style="1" bestFit="1" customWidth="1"/>
    <col min="9227" max="9227" width="7.3984375" style="1" bestFit="1" customWidth="1"/>
    <col min="9228" max="9470" width="8.59765625" style="1"/>
    <col min="9471" max="9471" width="3.69921875" style="1" customWidth="1"/>
    <col min="9472" max="9472" width="12.5" style="1" customWidth="1"/>
    <col min="9473" max="9473" width="23.69921875" style="1" customWidth="1"/>
    <col min="9474" max="9474" width="17.5" style="1" customWidth="1"/>
    <col min="9475" max="9478" width="12.5" style="1" customWidth="1"/>
    <col min="9479" max="9479" width="0" style="1" hidden="1" customWidth="1"/>
    <col min="9480" max="9480" width="6.19921875" style="1" customWidth="1"/>
    <col min="9481" max="9481" width="9.3984375" style="1" customWidth="1"/>
    <col min="9482" max="9482" width="3.19921875" style="1" bestFit="1" customWidth="1"/>
    <col min="9483" max="9483" width="7.3984375" style="1" bestFit="1" customWidth="1"/>
    <col min="9484" max="9726" width="8.59765625" style="1"/>
    <col min="9727" max="9727" width="3.69921875" style="1" customWidth="1"/>
    <col min="9728" max="9728" width="12.5" style="1" customWidth="1"/>
    <col min="9729" max="9729" width="23.69921875" style="1" customWidth="1"/>
    <col min="9730" max="9730" width="17.5" style="1" customWidth="1"/>
    <col min="9731" max="9734" width="12.5" style="1" customWidth="1"/>
    <col min="9735" max="9735" width="0" style="1" hidden="1" customWidth="1"/>
    <col min="9736" max="9736" width="6.19921875" style="1" customWidth="1"/>
    <col min="9737" max="9737" width="9.3984375" style="1" customWidth="1"/>
    <col min="9738" max="9738" width="3.19921875" style="1" bestFit="1" customWidth="1"/>
    <col min="9739" max="9739" width="7.3984375" style="1" bestFit="1" customWidth="1"/>
    <col min="9740" max="9982" width="8.59765625" style="1"/>
    <col min="9983" max="9983" width="3.69921875" style="1" customWidth="1"/>
    <col min="9984" max="9984" width="12.5" style="1" customWidth="1"/>
    <col min="9985" max="9985" width="23.69921875" style="1" customWidth="1"/>
    <col min="9986" max="9986" width="17.5" style="1" customWidth="1"/>
    <col min="9987" max="9990" width="12.5" style="1" customWidth="1"/>
    <col min="9991" max="9991" width="0" style="1" hidden="1" customWidth="1"/>
    <col min="9992" max="9992" width="6.19921875" style="1" customWidth="1"/>
    <col min="9993" max="9993" width="9.3984375" style="1" customWidth="1"/>
    <col min="9994" max="9994" width="3.19921875" style="1" bestFit="1" customWidth="1"/>
    <col min="9995" max="9995" width="7.3984375" style="1" bestFit="1" customWidth="1"/>
    <col min="9996" max="10238" width="8.59765625" style="1"/>
    <col min="10239" max="10239" width="3.69921875" style="1" customWidth="1"/>
    <col min="10240" max="10240" width="12.5" style="1" customWidth="1"/>
    <col min="10241" max="10241" width="23.69921875" style="1" customWidth="1"/>
    <col min="10242" max="10242" width="17.5" style="1" customWidth="1"/>
    <col min="10243" max="10246" width="12.5" style="1" customWidth="1"/>
    <col min="10247" max="10247" width="0" style="1" hidden="1" customWidth="1"/>
    <col min="10248" max="10248" width="6.19921875" style="1" customWidth="1"/>
    <col min="10249" max="10249" width="9.3984375" style="1" customWidth="1"/>
    <col min="10250" max="10250" width="3.19921875" style="1" bestFit="1" customWidth="1"/>
    <col min="10251" max="10251" width="7.3984375" style="1" bestFit="1" customWidth="1"/>
    <col min="10252" max="10494" width="8.59765625" style="1"/>
    <col min="10495" max="10495" width="3.69921875" style="1" customWidth="1"/>
    <col min="10496" max="10496" width="12.5" style="1" customWidth="1"/>
    <col min="10497" max="10497" width="23.69921875" style="1" customWidth="1"/>
    <col min="10498" max="10498" width="17.5" style="1" customWidth="1"/>
    <col min="10499" max="10502" width="12.5" style="1" customWidth="1"/>
    <col min="10503" max="10503" width="0" style="1" hidden="1" customWidth="1"/>
    <col min="10504" max="10504" width="6.19921875" style="1" customWidth="1"/>
    <col min="10505" max="10505" width="9.3984375" style="1" customWidth="1"/>
    <col min="10506" max="10506" width="3.19921875" style="1" bestFit="1" customWidth="1"/>
    <col min="10507" max="10507" width="7.3984375" style="1" bestFit="1" customWidth="1"/>
    <col min="10508" max="10750" width="8.59765625" style="1"/>
    <col min="10751" max="10751" width="3.69921875" style="1" customWidth="1"/>
    <col min="10752" max="10752" width="12.5" style="1" customWidth="1"/>
    <col min="10753" max="10753" width="23.69921875" style="1" customWidth="1"/>
    <col min="10754" max="10754" width="17.5" style="1" customWidth="1"/>
    <col min="10755" max="10758" width="12.5" style="1" customWidth="1"/>
    <col min="10759" max="10759" width="0" style="1" hidden="1" customWidth="1"/>
    <col min="10760" max="10760" width="6.19921875" style="1" customWidth="1"/>
    <col min="10761" max="10761" width="9.3984375" style="1" customWidth="1"/>
    <col min="10762" max="10762" width="3.19921875" style="1" bestFit="1" customWidth="1"/>
    <col min="10763" max="10763" width="7.3984375" style="1" bestFit="1" customWidth="1"/>
    <col min="10764" max="11006" width="8.59765625" style="1"/>
    <col min="11007" max="11007" width="3.69921875" style="1" customWidth="1"/>
    <col min="11008" max="11008" width="12.5" style="1" customWidth="1"/>
    <col min="11009" max="11009" width="23.69921875" style="1" customWidth="1"/>
    <col min="11010" max="11010" width="17.5" style="1" customWidth="1"/>
    <col min="11011" max="11014" width="12.5" style="1" customWidth="1"/>
    <col min="11015" max="11015" width="0" style="1" hidden="1" customWidth="1"/>
    <col min="11016" max="11016" width="6.19921875" style="1" customWidth="1"/>
    <col min="11017" max="11017" width="9.3984375" style="1" customWidth="1"/>
    <col min="11018" max="11018" width="3.19921875" style="1" bestFit="1" customWidth="1"/>
    <col min="11019" max="11019" width="7.3984375" style="1" bestFit="1" customWidth="1"/>
    <col min="11020" max="11262" width="8.59765625" style="1"/>
    <col min="11263" max="11263" width="3.69921875" style="1" customWidth="1"/>
    <col min="11264" max="11264" width="12.5" style="1" customWidth="1"/>
    <col min="11265" max="11265" width="23.69921875" style="1" customWidth="1"/>
    <col min="11266" max="11266" width="17.5" style="1" customWidth="1"/>
    <col min="11267" max="11270" width="12.5" style="1" customWidth="1"/>
    <col min="11271" max="11271" width="0" style="1" hidden="1" customWidth="1"/>
    <col min="11272" max="11272" width="6.19921875" style="1" customWidth="1"/>
    <col min="11273" max="11273" width="9.3984375" style="1" customWidth="1"/>
    <col min="11274" max="11274" width="3.19921875" style="1" bestFit="1" customWidth="1"/>
    <col min="11275" max="11275" width="7.3984375" style="1" bestFit="1" customWidth="1"/>
    <col min="11276" max="11518" width="8.59765625" style="1"/>
    <col min="11519" max="11519" width="3.69921875" style="1" customWidth="1"/>
    <col min="11520" max="11520" width="12.5" style="1" customWidth="1"/>
    <col min="11521" max="11521" width="23.69921875" style="1" customWidth="1"/>
    <col min="11522" max="11522" width="17.5" style="1" customWidth="1"/>
    <col min="11523" max="11526" width="12.5" style="1" customWidth="1"/>
    <col min="11527" max="11527" width="0" style="1" hidden="1" customWidth="1"/>
    <col min="11528" max="11528" width="6.19921875" style="1" customWidth="1"/>
    <col min="11529" max="11529" width="9.3984375" style="1" customWidth="1"/>
    <col min="11530" max="11530" width="3.19921875" style="1" bestFit="1" customWidth="1"/>
    <col min="11531" max="11531" width="7.3984375" style="1" bestFit="1" customWidth="1"/>
    <col min="11532" max="11774" width="8.59765625" style="1"/>
    <col min="11775" max="11775" width="3.69921875" style="1" customWidth="1"/>
    <col min="11776" max="11776" width="12.5" style="1" customWidth="1"/>
    <col min="11777" max="11777" width="23.69921875" style="1" customWidth="1"/>
    <col min="11778" max="11778" width="17.5" style="1" customWidth="1"/>
    <col min="11779" max="11782" width="12.5" style="1" customWidth="1"/>
    <col min="11783" max="11783" width="0" style="1" hidden="1" customWidth="1"/>
    <col min="11784" max="11784" width="6.19921875" style="1" customWidth="1"/>
    <col min="11785" max="11785" width="9.3984375" style="1" customWidth="1"/>
    <col min="11786" max="11786" width="3.19921875" style="1" bestFit="1" customWidth="1"/>
    <col min="11787" max="11787" width="7.3984375" style="1" bestFit="1" customWidth="1"/>
    <col min="11788" max="12030" width="8.59765625" style="1"/>
    <col min="12031" max="12031" width="3.69921875" style="1" customWidth="1"/>
    <col min="12032" max="12032" width="12.5" style="1" customWidth="1"/>
    <col min="12033" max="12033" width="23.69921875" style="1" customWidth="1"/>
    <col min="12034" max="12034" width="17.5" style="1" customWidth="1"/>
    <col min="12035" max="12038" width="12.5" style="1" customWidth="1"/>
    <col min="12039" max="12039" width="0" style="1" hidden="1" customWidth="1"/>
    <col min="12040" max="12040" width="6.19921875" style="1" customWidth="1"/>
    <col min="12041" max="12041" width="9.3984375" style="1" customWidth="1"/>
    <col min="12042" max="12042" width="3.19921875" style="1" bestFit="1" customWidth="1"/>
    <col min="12043" max="12043" width="7.3984375" style="1" bestFit="1" customWidth="1"/>
    <col min="12044" max="12286" width="8.59765625" style="1"/>
    <col min="12287" max="12287" width="3.69921875" style="1" customWidth="1"/>
    <col min="12288" max="12288" width="12.5" style="1" customWidth="1"/>
    <col min="12289" max="12289" width="23.69921875" style="1" customWidth="1"/>
    <col min="12290" max="12290" width="17.5" style="1" customWidth="1"/>
    <col min="12291" max="12294" width="12.5" style="1" customWidth="1"/>
    <col min="12295" max="12295" width="0" style="1" hidden="1" customWidth="1"/>
    <col min="12296" max="12296" width="6.19921875" style="1" customWidth="1"/>
    <col min="12297" max="12297" width="9.3984375" style="1" customWidth="1"/>
    <col min="12298" max="12298" width="3.19921875" style="1" bestFit="1" customWidth="1"/>
    <col min="12299" max="12299" width="7.3984375" style="1" bestFit="1" customWidth="1"/>
    <col min="12300" max="12542" width="8.59765625" style="1"/>
    <col min="12543" max="12543" width="3.69921875" style="1" customWidth="1"/>
    <col min="12544" max="12544" width="12.5" style="1" customWidth="1"/>
    <col min="12545" max="12545" width="23.69921875" style="1" customWidth="1"/>
    <col min="12546" max="12546" width="17.5" style="1" customWidth="1"/>
    <col min="12547" max="12550" width="12.5" style="1" customWidth="1"/>
    <col min="12551" max="12551" width="0" style="1" hidden="1" customWidth="1"/>
    <col min="12552" max="12552" width="6.19921875" style="1" customWidth="1"/>
    <col min="12553" max="12553" width="9.3984375" style="1" customWidth="1"/>
    <col min="12554" max="12554" width="3.19921875" style="1" bestFit="1" customWidth="1"/>
    <col min="12555" max="12555" width="7.3984375" style="1" bestFit="1" customWidth="1"/>
    <col min="12556" max="12798" width="8.59765625" style="1"/>
    <col min="12799" max="12799" width="3.69921875" style="1" customWidth="1"/>
    <col min="12800" max="12800" width="12.5" style="1" customWidth="1"/>
    <col min="12801" max="12801" width="23.69921875" style="1" customWidth="1"/>
    <col min="12802" max="12802" width="17.5" style="1" customWidth="1"/>
    <col min="12803" max="12806" width="12.5" style="1" customWidth="1"/>
    <col min="12807" max="12807" width="0" style="1" hidden="1" customWidth="1"/>
    <col min="12808" max="12808" width="6.19921875" style="1" customWidth="1"/>
    <col min="12809" max="12809" width="9.3984375" style="1" customWidth="1"/>
    <col min="12810" max="12810" width="3.19921875" style="1" bestFit="1" customWidth="1"/>
    <col min="12811" max="12811" width="7.3984375" style="1" bestFit="1" customWidth="1"/>
    <col min="12812" max="13054" width="8.59765625" style="1"/>
    <col min="13055" max="13055" width="3.69921875" style="1" customWidth="1"/>
    <col min="13056" max="13056" width="12.5" style="1" customWidth="1"/>
    <col min="13057" max="13057" width="23.69921875" style="1" customWidth="1"/>
    <col min="13058" max="13058" width="17.5" style="1" customWidth="1"/>
    <col min="13059" max="13062" width="12.5" style="1" customWidth="1"/>
    <col min="13063" max="13063" width="0" style="1" hidden="1" customWidth="1"/>
    <col min="13064" max="13064" width="6.19921875" style="1" customWidth="1"/>
    <col min="13065" max="13065" width="9.3984375" style="1" customWidth="1"/>
    <col min="13066" max="13066" width="3.19921875" style="1" bestFit="1" customWidth="1"/>
    <col min="13067" max="13067" width="7.3984375" style="1" bestFit="1" customWidth="1"/>
    <col min="13068" max="13310" width="8.59765625" style="1"/>
    <col min="13311" max="13311" width="3.69921875" style="1" customWidth="1"/>
    <col min="13312" max="13312" width="12.5" style="1" customWidth="1"/>
    <col min="13313" max="13313" width="23.69921875" style="1" customWidth="1"/>
    <col min="13314" max="13314" width="17.5" style="1" customWidth="1"/>
    <col min="13315" max="13318" width="12.5" style="1" customWidth="1"/>
    <col min="13319" max="13319" width="0" style="1" hidden="1" customWidth="1"/>
    <col min="13320" max="13320" width="6.19921875" style="1" customWidth="1"/>
    <col min="13321" max="13321" width="9.3984375" style="1" customWidth="1"/>
    <col min="13322" max="13322" width="3.19921875" style="1" bestFit="1" customWidth="1"/>
    <col min="13323" max="13323" width="7.3984375" style="1" bestFit="1" customWidth="1"/>
    <col min="13324" max="13566" width="8.59765625" style="1"/>
    <col min="13567" max="13567" width="3.69921875" style="1" customWidth="1"/>
    <col min="13568" max="13568" width="12.5" style="1" customWidth="1"/>
    <col min="13569" max="13569" width="23.69921875" style="1" customWidth="1"/>
    <col min="13570" max="13570" width="17.5" style="1" customWidth="1"/>
    <col min="13571" max="13574" width="12.5" style="1" customWidth="1"/>
    <col min="13575" max="13575" width="0" style="1" hidden="1" customWidth="1"/>
    <col min="13576" max="13576" width="6.19921875" style="1" customWidth="1"/>
    <col min="13577" max="13577" width="9.3984375" style="1" customWidth="1"/>
    <col min="13578" max="13578" width="3.19921875" style="1" bestFit="1" customWidth="1"/>
    <col min="13579" max="13579" width="7.3984375" style="1" bestFit="1" customWidth="1"/>
    <col min="13580" max="13822" width="8.59765625" style="1"/>
    <col min="13823" max="13823" width="3.69921875" style="1" customWidth="1"/>
    <col min="13824" max="13824" width="12.5" style="1" customWidth="1"/>
    <col min="13825" max="13825" width="23.69921875" style="1" customWidth="1"/>
    <col min="13826" max="13826" width="17.5" style="1" customWidth="1"/>
    <col min="13827" max="13830" width="12.5" style="1" customWidth="1"/>
    <col min="13831" max="13831" width="0" style="1" hidden="1" customWidth="1"/>
    <col min="13832" max="13832" width="6.19921875" style="1" customWidth="1"/>
    <col min="13833" max="13833" width="9.3984375" style="1" customWidth="1"/>
    <col min="13834" max="13834" width="3.19921875" style="1" bestFit="1" customWidth="1"/>
    <col min="13835" max="13835" width="7.3984375" style="1" bestFit="1" customWidth="1"/>
    <col min="13836" max="14078" width="8.59765625" style="1"/>
    <col min="14079" max="14079" width="3.69921875" style="1" customWidth="1"/>
    <col min="14080" max="14080" width="12.5" style="1" customWidth="1"/>
    <col min="14081" max="14081" width="23.69921875" style="1" customWidth="1"/>
    <col min="14082" max="14082" width="17.5" style="1" customWidth="1"/>
    <col min="14083" max="14086" width="12.5" style="1" customWidth="1"/>
    <col min="14087" max="14087" width="0" style="1" hidden="1" customWidth="1"/>
    <col min="14088" max="14088" width="6.19921875" style="1" customWidth="1"/>
    <col min="14089" max="14089" width="9.3984375" style="1" customWidth="1"/>
    <col min="14090" max="14090" width="3.19921875" style="1" bestFit="1" customWidth="1"/>
    <col min="14091" max="14091" width="7.3984375" style="1" bestFit="1" customWidth="1"/>
    <col min="14092" max="14334" width="8.59765625" style="1"/>
    <col min="14335" max="14335" width="3.69921875" style="1" customWidth="1"/>
    <col min="14336" max="14336" width="12.5" style="1" customWidth="1"/>
    <col min="14337" max="14337" width="23.69921875" style="1" customWidth="1"/>
    <col min="14338" max="14338" width="17.5" style="1" customWidth="1"/>
    <col min="14339" max="14342" width="12.5" style="1" customWidth="1"/>
    <col min="14343" max="14343" width="0" style="1" hidden="1" customWidth="1"/>
    <col min="14344" max="14344" width="6.19921875" style="1" customWidth="1"/>
    <col min="14345" max="14345" width="9.3984375" style="1" customWidth="1"/>
    <col min="14346" max="14346" width="3.19921875" style="1" bestFit="1" customWidth="1"/>
    <col min="14347" max="14347" width="7.3984375" style="1" bestFit="1" customWidth="1"/>
    <col min="14348" max="14590" width="8.59765625" style="1"/>
    <col min="14591" max="14591" width="3.69921875" style="1" customWidth="1"/>
    <col min="14592" max="14592" width="12.5" style="1" customWidth="1"/>
    <col min="14593" max="14593" width="23.69921875" style="1" customWidth="1"/>
    <col min="14594" max="14594" width="17.5" style="1" customWidth="1"/>
    <col min="14595" max="14598" width="12.5" style="1" customWidth="1"/>
    <col min="14599" max="14599" width="0" style="1" hidden="1" customWidth="1"/>
    <col min="14600" max="14600" width="6.19921875" style="1" customWidth="1"/>
    <col min="14601" max="14601" width="9.3984375" style="1" customWidth="1"/>
    <col min="14602" max="14602" width="3.19921875" style="1" bestFit="1" customWidth="1"/>
    <col min="14603" max="14603" width="7.3984375" style="1" bestFit="1" customWidth="1"/>
    <col min="14604" max="14846" width="8.59765625" style="1"/>
    <col min="14847" max="14847" width="3.69921875" style="1" customWidth="1"/>
    <col min="14848" max="14848" width="12.5" style="1" customWidth="1"/>
    <col min="14849" max="14849" width="23.69921875" style="1" customWidth="1"/>
    <col min="14850" max="14850" width="17.5" style="1" customWidth="1"/>
    <col min="14851" max="14854" width="12.5" style="1" customWidth="1"/>
    <col min="14855" max="14855" width="0" style="1" hidden="1" customWidth="1"/>
    <col min="14856" max="14856" width="6.19921875" style="1" customWidth="1"/>
    <col min="14857" max="14857" width="9.3984375" style="1" customWidth="1"/>
    <col min="14858" max="14858" width="3.19921875" style="1" bestFit="1" customWidth="1"/>
    <col min="14859" max="14859" width="7.3984375" style="1" bestFit="1" customWidth="1"/>
    <col min="14860" max="15102" width="8.59765625" style="1"/>
    <col min="15103" max="15103" width="3.69921875" style="1" customWidth="1"/>
    <col min="15104" max="15104" width="12.5" style="1" customWidth="1"/>
    <col min="15105" max="15105" width="23.69921875" style="1" customWidth="1"/>
    <col min="15106" max="15106" width="17.5" style="1" customWidth="1"/>
    <col min="15107" max="15110" width="12.5" style="1" customWidth="1"/>
    <col min="15111" max="15111" width="0" style="1" hidden="1" customWidth="1"/>
    <col min="15112" max="15112" width="6.19921875" style="1" customWidth="1"/>
    <col min="15113" max="15113" width="9.3984375" style="1" customWidth="1"/>
    <col min="15114" max="15114" width="3.19921875" style="1" bestFit="1" customWidth="1"/>
    <col min="15115" max="15115" width="7.3984375" style="1" bestFit="1" customWidth="1"/>
    <col min="15116" max="15358" width="8.59765625" style="1"/>
    <col min="15359" max="15359" width="3.69921875" style="1" customWidth="1"/>
    <col min="15360" max="15360" width="12.5" style="1" customWidth="1"/>
    <col min="15361" max="15361" width="23.69921875" style="1" customWidth="1"/>
    <col min="15362" max="15362" width="17.5" style="1" customWidth="1"/>
    <col min="15363" max="15366" width="12.5" style="1" customWidth="1"/>
    <col min="15367" max="15367" width="0" style="1" hidden="1" customWidth="1"/>
    <col min="15368" max="15368" width="6.19921875" style="1" customWidth="1"/>
    <col min="15369" max="15369" width="9.3984375" style="1" customWidth="1"/>
    <col min="15370" max="15370" width="3.19921875" style="1" bestFit="1" customWidth="1"/>
    <col min="15371" max="15371" width="7.3984375" style="1" bestFit="1" customWidth="1"/>
    <col min="15372" max="15614" width="8.59765625" style="1"/>
    <col min="15615" max="15615" width="3.69921875" style="1" customWidth="1"/>
    <col min="15616" max="15616" width="12.5" style="1" customWidth="1"/>
    <col min="15617" max="15617" width="23.69921875" style="1" customWidth="1"/>
    <col min="15618" max="15618" width="17.5" style="1" customWidth="1"/>
    <col min="15619" max="15622" width="12.5" style="1" customWidth="1"/>
    <col min="15623" max="15623" width="0" style="1" hidden="1" customWidth="1"/>
    <col min="15624" max="15624" width="6.19921875" style="1" customWidth="1"/>
    <col min="15625" max="15625" width="9.3984375" style="1" customWidth="1"/>
    <col min="15626" max="15626" width="3.19921875" style="1" bestFit="1" customWidth="1"/>
    <col min="15627" max="15627" width="7.3984375" style="1" bestFit="1" customWidth="1"/>
    <col min="15628" max="15870" width="8.59765625" style="1"/>
    <col min="15871" max="15871" width="3.69921875" style="1" customWidth="1"/>
    <col min="15872" max="15872" width="12.5" style="1" customWidth="1"/>
    <col min="15873" max="15873" width="23.69921875" style="1" customWidth="1"/>
    <col min="15874" max="15874" width="17.5" style="1" customWidth="1"/>
    <col min="15875" max="15878" width="12.5" style="1" customWidth="1"/>
    <col min="15879" max="15879" width="0" style="1" hidden="1" customWidth="1"/>
    <col min="15880" max="15880" width="6.19921875" style="1" customWidth="1"/>
    <col min="15881" max="15881" width="9.3984375" style="1" customWidth="1"/>
    <col min="15882" max="15882" width="3.19921875" style="1" bestFit="1" customWidth="1"/>
    <col min="15883" max="15883" width="7.3984375" style="1" bestFit="1" customWidth="1"/>
    <col min="15884" max="16126" width="8.59765625" style="1"/>
    <col min="16127" max="16127" width="3.69921875" style="1" customWidth="1"/>
    <col min="16128" max="16128" width="12.5" style="1" customWidth="1"/>
    <col min="16129" max="16129" width="23.69921875" style="1" customWidth="1"/>
    <col min="16130" max="16130" width="17.5" style="1" customWidth="1"/>
    <col min="16131" max="16134" width="12.5" style="1" customWidth="1"/>
    <col min="16135" max="16135" width="0" style="1" hidden="1" customWidth="1"/>
    <col min="16136" max="16136" width="6.19921875" style="1" customWidth="1"/>
    <col min="16137" max="16137" width="9.3984375" style="1" customWidth="1"/>
    <col min="16138" max="16138" width="3.19921875" style="1" bestFit="1" customWidth="1"/>
    <col min="16139" max="16139" width="7.3984375" style="1" bestFit="1" customWidth="1"/>
    <col min="16140" max="16384" width="8.59765625" style="1"/>
  </cols>
  <sheetData>
    <row r="1" spans="1:9" ht="18" customHeight="1">
      <c r="A1" s="92" t="s">
        <v>0</v>
      </c>
      <c r="B1" s="92"/>
      <c r="C1" s="92"/>
      <c r="H1" s="93"/>
      <c r="I1" s="93"/>
    </row>
    <row r="2" spans="1:9" ht="15" customHeight="1"/>
    <row r="3" spans="1:9" ht="18" customHeight="1">
      <c r="A3" s="94" t="s">
        <v>1</v>
      </c>
      <c r="B3" s="94"/>
      <c r="C3" s="94"/>
      <c r="G3" s="3"/>
      <c r="I3" s="4" t="s">
        <v>77</v>
      </c>
    </row>
    <row r="4" spans="1:9" ht="10.5" customHeight="1">
      <c r="F4" s="3"/>
      <c r="G4" s="3"/>
    </row>
    <row r="5" spans="1:9" ht="27" customHeight="1" thickBot="1">
      <c r="E5" s="95"/>
      <c r="F5" s="95"/>
      <c r="G5" s="5"/>
      <c r="I5" s="6" t="s">
        <v>2</v>
      </c>
    </row>
    <row r="6" spans="1:9" ht="15" customHeight="1">
      <c r="A6" s="7" t="s">
        <v>3</v>
      </c>
      <c r="B6" s="8" t="s">
        <v>4</v>
      </c>
      <c r="C6" s="96" t="s">
        <v>5</v>
      </c>
      <c r="D6" s="98" t="s">
        <v>6</v>
      </c>
      <c r="E6" s="9" t="s">
        <v>66</v>
      </c>
      <c r="F6" s="8" t="s">
        <v>67</v>
      </c>
      <c r="G6" s="9" t="s">
        <v>7</v>
      </c>
      <c r="H6" s="99" t="s">
        <v>8</v>
      </c>
      <c r="I6" s="100"/>
    </row>
    <row r="7" spans="1:9" ht="15" customHeight="1">
      <c r="A7" s="10" t="s">
        <v>9</v>
      </c>
      <c r="B7" s="18" t="s">
        <v>65</v>
      </c>
      <c r="C7" s="97"/>
      <c r="D7" s="97"/>
      <c r="E7" s="11" t="s">
        <v>10</v>
      </c>
      <c r="F7" s="21" t="s">
        <v>84</v>
      </c>
      <c r="G7" s="11" t="s">
        <v>11</v>
      </c>
      <c r="H7" s="101"/>
      <c r="I7" s="102"/>
    </row>
    <row r="8" spans="1:9" ht="15" customHeight="1">
      <c r="A8" s="65" t="s">
        <v>12</v>
      </c>
      <c r="B8" s="66"/>
      <c r="C8" s="66"/>
      <c r="D8" s="66"/>
      <c r="E8" s="66"/>
      <c r="F8" s="66"/>
      <c r="G8" s="66"/>
      <c r="H8" s="66"/>
      <c r="I8" s="67"/>
    </row>
    <row r="9" spans="1:9" ht="15" customHeight="1">
      <c r="A9" s="68"/>
      <c r="B9" s="69"/>
      <c r="C9" s="69"/>
      <c r="D9" s="69"/>
      <c r="E9" s="69"/>
      <c r="F9" s="69"/>
      <c r="G9" s="69"/>
      <c r="H9" s="69"/>
      <c r="I9" s="70"/>
    </row>
    <row r="10" spans="1:9" ht="15" customHeight="1">
      <c r="A10" s="71">
        <v>1</v>
      </c>
      <c r="B10" s="73" t="s">
        <v>13</v>
      </c>
      <c r="C10" s="82" t="s">
        <v>14</v>
      </c>
      <c r="D10" s="57" t="s">
        <v>68</v>
      </c>
      <c r="E10" s="59">
        <v>351035</v>
      </c>
      <c r="F10" s="59">
        <v>477733</v>
      </c>
      <c r="G10" s="59">
        <f>F10-E10</f>
        <v>126698</v>
      </c>
      <c r="H10" s="61"/>
      <c r="I10" s="62"/>
    </row>
    <row r="11" spans="1:9" ht="15" customHeight="1">
      <c r="A11" s="72"/>
      <c r="B11" s="74"/>
      <c r="C11" s="83"/>
      <c r="D11" s="58"/>
      <c r="E11" s="60"/>
      <c r="F11" s="60"/>
      <c r="G11" s="60"/>
      <c r="H11" s="63"/>
      <c r="I11" s="64"/>
    </row>
    <row r="12" spans="1:9" ht="15" customHeight="1">
      <c r="A12" s="71">
        <v>2</v>
      </c>
      <c r="B12" s="73" t="s">
        <v>13</v>
      </c>
      <c r="C12" s="82" t="s">
        <v>15</v>
      </c>
      <c r="D12" s="57" t="s">
        <v>68</v>
      </c>
      <c r="E12" s="59">
        <v>1463952</v>
      </c>
      <c r="F12" s="59">
        <v>1713135</v>
      </c>
      <c r="G12" s="59">
        <f t="shared" ref="G12" si="0">F12-E12</f>
        <v>249183</v>
      </c>
      <c r="H12" s="61"/>
      <c r="I12" s="62"/>
    </row>
    <row r="13" spans="1:9" ht="15" customHeight="1">
      <c r="A13" s="72"/>
      <c r="B13" s="74"/>
      <c r="C13" s="83"/>
      <c r="D13" s="58"/>
      <c r="E13" s="60"/>
      <c r="F13" s="60"/>
      <c r="G13" s="60"/>
      <c r="H13" s="63"/>
      <c r="I13" s="64"/>
    </row>
    <row r="14" spans="1:9" ht="15" customHeight="1">
      <c r="A14" s="71">
        <v>3</v>
      </c>
      <c r="B14" s="73" t="s">
        <v>13</v>
      </c>
      <c r="C14" s="75" t="s">
        <v>17</v>
      </c>
      <c r="D14" s="57" t="s">
        <v>69</v>
      </c>
      <c r="E14" s="59">
        <v>18645</v>
      </c>
      <c r="F14" s="59">
        <v>19703</v>
      </c>
      <c r="G14" s="59">
        <f t="shared" ref="G14" si="1">F14-E14</f>
        <v>1058</v>
      </c>
      <c r="H14" s="61"/>
      <c r="I14" s="62"/>
    </row>
    <row r="15" spans="1:9" ht="15" customHeight="1">
      <c r="A15" s="72"/>
      <c r="B15" s="74"/>
      <c r="C15" s="75"/>
      <c r="D15" s="58"/>
      <c r="E15" s="60"/>
      <c r="F15" s="60"/>
      <c r="G15" s="60"/>
      <c r="H15" s="63"/>
      <c r="I15" s="64"/>
    </row>
    <row r="16" spans="1:9" ht="15" customHeight="1">
      <c r="A16" s="71">
        <v>4</v>
      </c>
      <c r="B16" s="84" t="s">
        <v>13</v>
      </c>
      <c r="C16" s="82" t="s">
        <v>18</v>
      </c>
      <c r="D16" s="57" t="s">
        <v>69</v>
      </c>
      <c r="E16" s="59">
        <v>27294</v>
      </c>
      <c r="F16" s="59">
        <v>7035</v>
      </c>
      <c r="G16" s="59">
        <f t="shared" ref="G16" si="2">F16-E16</f>
        <v>-20259</v>
      </c>
      <c r="H16" s="61"/>
      <c r="I16" s="62"/>
    </row>
    <row r="17" spans="1:9" ht="15" customHeight="1">
      <c r="A17" s="72"/>
      <c r="B17" s="85"/>
      <c r="C17" s="83"/>
      <c r="D17" s="58"/>
      <c r="E17" s="60"/>
      <c r="F17" s="60"/>
      <c r="G17" s="60"/>
      <c r="H17" s="63"/>
      <c r="I17" s="64"/>
    </row>
    <row r="18" spans="1:9" ht="15" customHeight="1">
      <c r="A18" s="71">
        <v>5</v>
      </c>
      <c r="B18" s="73" t="s">
        <v>13</v>
      </c>
      <c r="C18" s="82" t="s">
        <v>16</v>
      </c>
      <c r="D18" s="57" t="s">
        <v>69</v>
      </c>
      <c r="E18" s="59">
        <v>329506</v>
      </c>
      <c r="F18" s="59">
        <v>370918</v>
      </c>
      <c r="G18" s="59">
        <f t="shared" ref="G18" si="3">F18-E18</f>
        <v>41412</v>
      </c>
      <c r="H18" s="61"/>
      <c r="I18" s="62"/>
    </row>
    <row r="19" spans="1:9" ht="15" customHeight="1">
      <c r="A19" s="72"/>
      <c r="B19" s="74"/>
      <c r="C19" s="83"/>
      <c r="D19" s="58"/>
      <c r="E19" s="60"/>
      <c r="F19" s="60"/>
      <c r="G19" s="60"/>
      <c r="H19" s="63"/>
      <c r="I19" s="64"/>
    </row>
    <row r="20" spans="1:9" ht="15" customHeight="1">
      <c r="A20" s="71">
        <v>6</v>
      </c>
      <c r="B20" s="73" t="s">
        <v>13</v>
      </c>
      <c r="C20" s="82" t="s">
        <v>19</v>
      </c>
      <c r="D20" s="57" t="s">
        <v>69</v>
      </c>
      <c r="E20" s="59">
        <v>12887</v>
      </c>
      <c r="F20" s="59">
        <v>35410</v>
      </c>
      <c r="G20" s="59">
        <f t="shared" ref="G20" si="4">F20-E20</f>
        <v>22523</v>
      </c>
      <c r="H20" s="61"/>
      <c r="I20" s="62"/>
    </row>
    <row r="21" spans="1:9" ht="15" customHeight="1">
      <c r="A21" s="72"/>
      <c r="B21" s="74"/>
      <c r="C21" s="83"/>
      <c r="D21" s="58"/>
      <c r="E21" s="60"/>
      <c r="F21" s="60"/>
      <c r="G21" s="60"/>
      <c r="H21" s="63"/>
      <c r="I21" s="64"/>
    </row>
    <row r="22" spans="1:9" ht="15" customHeight="1">
      <c r="A22" s="86" t="s">
        <v>20</v>
      </c>
      <c r="B22" s="87"/>
      <c r="C22" s="87"/>
      <c r="D22" s="88"/>
      <c r="E22" s="59">
        <v>2203319</v>
      </c>
      <c r="F22" s="59">
        <v>2623934</v>
      </c>
      <c r="G22" s="59">
        <f t="shared" ref="G22" si="5">F22-E22</f>
        <v>420615</v>
      </c>
      <c r="H22" s="61"/>
      <c r="I22" s="62"/>
    </row>
    <row r="23" spans="1:9" ht="15" customHeight="1">
      <c r="A23" s="89"/>
      <c r="B23" s="90"/>
      <c r="C23" s="90"/>
      <c r="D23" s="91"/>
      <c r="E23" s="60"/>
      <c r="F23" s="60"/>
      <c r="G23" s="60"/>
      <c r="H23" s="63"/>
      <c r="I23" s="64"/>
    </row>
    <row r="24" spans="1:9" ht="15" customHeight="1">
      <c r="A24" s="71">
        <v>7</v>
      </c>
      <c r="B24" s="73" t="s">
        <v>21</v>
      </c>
      <c r="C24" s="82" t="s">
        <v>22</v>
      </c>
      <c r="D24" s="57" t="s">
        <v>69</v>
      </c>
      <c r="E24" s="59">
        <v>81680</v>
      </c>
      <c r="F24" s="59">
        <v>97286</v>
      </c>
      <c r="G24" s="59">
        <f t="shared" ref="G24" si="6">F24-E24</f>
        <v>15606</v>
      </c>
      <c r="H24" s="61"/>
      <c r="I24" s="62"/>
    </row>
    <row r="25" spans="1:9" ht="15" customHeight="1">
      <c r="A25" s="72"/>
      <c r="B25" s="74"/>
      <c r="C25" s="83"/>
      <c r="D25" s="58"/>
      <c r="E25" s="60"/>
      <c r="F25" s="60"/>
      <c r="G25" s="60"/>
      <c r="H25" s="63"/>
      <c r="I25" s="64"/>
    </row>
    <row r="26" spans="1:9" ht="15" customHeight="1">
      <c r="A26" s="71">
        <v>8</v>
      </c>
      <c r="B26" s="73" t="s">
        <v>21</v>
      </c>
      <c r="C26" s="82" t="s">
        <v>23</v>
      </c>
      <c r="D26" s="57" t="s">
        <v>69</v>
      </c>
      <c r="E26" s="59">
        <v>129330</v>
      </c>
      <c r="F26" s="59">
        <v>122316</v>
      </c>
      <c r="G26" s="59">
        <f t="shared" ref="G26" si="7">F26-E26</f>
        <v>-7014</v>
      </c>
      <c r="H26" s="61"/>
      <c r="I26" s="62"/>
    </row>
    <row r="27" spans="1:9" ht="15" customHeight="1">
      <c r="A27" s="72"/>
      <c r="B27" s="74"/>
      <c r="C27" s="83"/>
      <c r="D27" s="58"/>
      <c r="E27" s="60"/>
      <c r="F27" s="60"/>
      <c r="G27" s="60"/>
      <c r="H27" s="63"/>
      <c r="I27" s="64"/>
    </row>
    <row r="28" spans="1:9" ht="15" customHeight="1">
      <c r="A28" s="71">
        <v>9</v>
      </c>
      <c r="B28" s="73" t="s">
        <v>21</v>
      </c>
      <c r="C28" s="75" t="s">
        <v>24</v>
      </c>
      <c r="D28" s="57" t="s">
        <v>69</v>
      </c>
      <c r="E28" s="59">
        <v>2842</v>
      </c>
      <c r="F28" s="59">
        <v>1457</v>
      </c>
      <c r="G28" s="59">
        <f t="shared" ref="G28" si="8">F28-E28</f>
        <v>-1385</v>
      </c>
      <c r="H28" s="61"/>
      <c r="I28" s="62"/>
    </row>
    <row r="29" spans="1:9" ht="15" customHeight="1">
      <c r="A29" s="72"/>
      <c r="B29" s="74"/>
      <c r="C29" s="75"/>
      <c r="D29" s="58"/>
      <c r="E29" s="60"/>
      <c r="F29" s="60"/>
      <c r="G29" s="60"/>
      <c r="H29" s="63"/>
      <c r="I29" s="64"/>
    </row>
    <row r="30" spans="1:9" ht="15" customHeight="1">
      <c r="A30" s="86" t="s">
        <v>25</v>
      </c>
      <c r="B30" s="87"/>
      <c r="C30" s="87"/>
      <c r="D30" s="88"/>
      <c r="E30" s="59">
        <v>213852</v>
      </c>
      <c r="F30" s="59">
        <v>221059</v>
      </c>
      <c r="G30" s="59">
        <f t="shared" ref="G30" si="9">F30-E30</f>
        <v>7207</v>
      </c>
      <c r="H30" s="61"/>
      <c r="I30" s="62"/>
    </row>
    <row r="31" spans="1:9" ht="15" customHeight="1">
      <c r="A31" s="89"/>
      <c r="B31" s="90"/>
      <c r="C31" s="90"/>
      <c r="D31" s="91"/>
      <c r="E31" s="60"/>
      <c r="F31" s="60"/>
      <c r="G31" s="60"/>
      <c r="H31" s="63"/>
      <c r="I31" s="64"/>
    </row>
    <row r="32" spans="1:9" ht="15" customHeight="1">
      <c r="A32" s="71">
        <v>10</v>
      </c>
      <c r="B32" s="84" t="s">
        <v>26</v>
      </c>
      <c r="C32" s="82" t="s">
        <v>27</v>
      </c>
      <c r="D32" s="57" t="s">
        <v>69</v>
      </c>
      <c r="E32" s="59">
        <v>1000</v>
      </c>
      <c r="F32" s="59">
        <v>1000</v>
      </c>
      <c r="G32" s="59">
        <f t="shared" ref="G32" si="10">F32-E32</f>
        <v>0</v>
      </c>
      <c r="H32" s="61"/>
      <c r="I32" s="62"/>
    </row>
    <row r="33" spans="1:9" ht="15" customHeight="1">
      <c r="A33" s="72"/>
      <c r="B33" s="85"/>
      <c r="C33" s="83"/>
      <c r="D33" s="58"/>
      <c r="E33" s="60"/>
      <c r="F33" s="60"/>
      <c r="G33" s="60"/>
      <c r="H33" s="63"/>
      <c r="I33" s="64"/>
    </row>
    <row r="34" spans="1:9" ht="15" customHeight="1">
      <c r="A34" s="86" t="s">
        <v>28</v>
      </c>
      <c r="B34" s="87"/>
      <c r="C34" s="87"/>
      <c r="D34" s="88"/>
      <c r="E34" s="59">
        <v>1000</v>
      </c>
      <c r="F34" s="59">
        <v>1000</v>
      </c>
      <c r="G34" s="59">
        <f t="shared" ref="G34" si="11">F34-E34</f>
        <v>0</v>
      </c>
      <c r="H34" s="61"/>
      <c r="I34" s="62"/>
    </row>
    <row r="35" spans="1:9" ht="15" customHeight="1">
      <c r="A35" s="89"/>
      <c r="B35" s="90"/>
      <c r="C35" s="90"/>
      <c r="D35" s="91"/>
      <c r="E35" s="60"/>
      <c r="F35" s="60"/>
      <c r="G35" s="60"/>
      <c r="H35" s="63"/>
      <c r="I35" s="64"/>
    </row>
    <row r="36" spans="1:9" ht="15" customHeight="1">
      <c r="A36" s="71">
        <v>11</v>
      </c>
      <c r="B36" s="73" t="s">
        <v>29</v>
      </c>
      <c r="C36" s="82" t="s">
        <v>30</v>
      </c>
      <c r="D36" s="57" t="s">
        <v>69</v>
      </c>
      <c r="E36" s="59">
        <v>4740709</v>
      </c>
      <c r="F36" s="59">
        <v>3325638</v>
      </c>
      <c r="G36" s="59">
        <f t="shared" ref="G36" si="12">F36-E36</f>
        <v>-1415071</v>
      </c>
      <c r="H36" s="61"/>
      <c r="I36" s="62"/>
    </row>
    <row r="37" spans="1:9" ht="15" customHeight="1">
      <c r="A37" s="72"/>
      <c r="B37" s="74"/>
      <c r="C37" s="83"/>
      <c r="D37" s="58"/>
      <c r="E37" s="60"/>
      <c r="F37" s="60"/>
      <c r="G37" s="60"/>
      <c r="H37" s="63"/>
      <c r="I37" s="64"/>
    </row>
    <row r="38" spans="1:9" ht="15" customHeight="1">
      <c r="A38" s="71">
        <v>12</v>
      </c>
      <c r="B38" s="73" t="s">
        <v>29</v>
      </c>
      <c r="C38" s="82" t="s">
        <v>31</v>
      </c>
      <c r="D38" s="57" t="s">
        <v>83</v>
      </c>
      <c r="E38" s="59">
        <v>342053</v>
      </c>
      <c r="F38" s="59">
        <v>300342</v>
      </c>
      <c r="G38" s="59">
        <f t="shared" ref="G38" si="13">F38-E38</f>
        <v>-41711</v>
      </c>
      <c r="H38" s="61"/>
      <c r="I38" s="62"/>
    </row>
    <row r="39" spans="1:9" ht="15" customHeight="1">
      <c r="A39" s="72"/>
      <c r="B39" s="74"/>
      <c r="C39" s="83"/>
      <c r="D39" s="58"/>
      <c r="E39" s="60"/>
      <c r="F39" s="60"/>
      <c r="G39" s="60"/>
      <c r="H39" s="63"/>
      <c r="I39" s="64"/>
    </row>
    <row r="40" spans="1:9" ht="15" customHeight="1">
      <c r="A40" s="71">
        <v>13</v>
      </c>
      <c r="B40" s="73" t="s">
        <v>29</v>
      </c>
      <c r="C40" s="75" t="s">
        <v>32</v>
      </c>
      <c r="D40" s="57" t="s">
        <v>72</v>
      </c>
      <c r="E40" s="59">
        <v>20032</v>
      </c>
      <c r="F40" s="59">
        <v>23640</v>
      </c>
      <c r="G40" s="59">
        <f t="shared" ref="G40" si="14">F40-E40</f>
        <v>3608</v>
      </c>
      <c r="H40" s="61"/>
      <c r="I40" s="62"/>
    </row>
    <row r="41" spans="1:9" ht="15" customHeight="1">
      <c r="A41" s="72"/>
      <c r="B41" s="74"/>
      <c r="C41" s="75"/>
      <c r="D41" s="58"/>
      <c r="E41" s="60"/>
      <c r="F41" s="60"/>
      <c r="G41" s="60"/>
      <c r="H41" s="63"/>
      <c r="I41" s="64"/>
    </row>
    <row r="42" spans="1:9" ht="15" customHeight="1">
      <c r="A42" s="71">
        <v>14</v>
      </c>
      <c r="B42" s="73" t="s">
        <v>29</v>
      </c>
      <c r="C42" s="82" t="s">
        <v>79</v>
      </c>
      <c r="D42" s="57" t="s">
        <v>71</v>
      </c>
      <c r="E42" s="59">
        <v>382784</v>
      </c>
      <c r="F42" s="59">
        <v>429733</v>
      </c>
      <c r="G42" s="59">
        <f t="shared" ref="G42" si="15">F42-E42</f>
        <v>46949</v>
      </c>
      <c r="H42" s="61"/>
      <c r="I42" s="62"/>
    </row>
    <row r="43" spans="1:9" ht="15" customHeight="1">
      <c r="A43" s="72"/>
      <c r="B43" s="74"/>
      <c r="C43" s="83"/>
      <c r="D43" s="58"/>
      <c r="E43" s="60"/>
      <c r="F43" s="60"/>
      <c r="G43" s="60"/>
      <c r="H43" s="63"/>
      <c r="I43" s="64"/>
    </row>
    <row r="44" spans="1:9" ht="15" customHeight="1">
      <c r="A44" s="71">
        <v>15</v>
      </c>
      <c r="B44" s="84" t="s">
        <v>29</v>
      </c>
      <c r="C44" s="82" t="s">
        <v>33</v>
      </c>
      <c r="D44" s="57" t="s">
        <v>73</v>
      </c>
      <c r="E44" s="59">
        <v>872363</v>
      </c>
      <c r="F44" s="59">
        <v>884508</v>
      </c>
      <c r="G44" s="59">
        <f t="shared" ref="G44" si="16">F44-E44</f>
        <v>12145</v>
      </c>
      <c r="H44" s="61"/>
      <c r="I44" s="62"/>
    </row>
    <row r="45" spans="1:9" ht="15" customHeight="1">
      <c r="A45" s="72"/>
      <c r="B45" s="85"/>
      <c r="C45" s="83"/>
      <c r="D45" s="58"/>
      <c r="E45" s="60"/>
      <c r="F45" s="60"/>
      <c r="G45" s="60"/>
      <c r="H45" s="63"/>
      <c r="I45" s="64"/>
    </row>
    <row r="46" spans="1:9" ht="15" customHeight="1">
      <c r="A46" s="71">
        <v>16</v>
      </c>
      <c r="B46" s="73" t="s">
        <v>29</v>
      </c>
      <c r="C46" s="82" t="s">
        <v>35</v>
      </c>
      <c r="D46" s="57" t="s">
        <v>69</v>
      </c>
      <c r="E46" s="59">
        <v>60791</v>
      </c>
      <c r="F46" s="59">
        <v>63769</v>
      </c>
      <c r="G46" s="59">
        <f t="shared" ref="G46" si="17">F46-E46</f>
        <v>2978</v>
      </c>
      <c r="H46" s="61"/>
      <c r="I46" s="62"/>
    </row>
    <row r="47" spans="1:9" ht="15" customHeight="1">
      <c r="A47" s="72"/>
      <c r="B47" s="74"/>
      <c r="C47" s="83"/>
      <c r="D47" s="58"/>
      <c r="E47" s="60"/>
      <c r="F47" s="60"/>
      <c r="G47" s="60"/>
      <c r="H47" s="63"/>
      <c r="I47" s="64"/>
    </row>
    <row r="48" spans="1:9" ht="15" customHeight="1">
      <c r="A48" s="71">
        <v>17</v>
      </c>
      <c r="B48" s="73" t="s">
        <v>29</v>
      </c>
      <c r="C48" s="82" t="s">
        <v>36</v>
      </c>
      <c r="D48" s="57" t="s">
        <v>69</v>
      </c>
      <c r="E48" s="59">
        <v>43248</v>
      </c>
      <c r="F48" s="59">
        <v>69117</v>
      </c>
      <c r="G48" s="59">
        <f t="shared" ref="G48" si="18">F48-E48</f>
        <v>25869</v>
      </c>
      <c r="H48" s="61"/>
      <c r="I48" s="62"/>
    </row>
    <row r="49" spans="1:9" ht="15" customHeight="1">
      <c r="A49" s="72"/>
      <c r="B49" s="74"/>
      <c r="C49" s="83"/>
      <c r="D49" s="58"/>
      <c r="E49" s="60"/>
      <c r="F49" s="60"/>
      <c r="G49" s="60"/>
      <c r="H49" s="63"/>
      <c r="I49" s="64"/>
    </row>
    <row r="50" spans="1:9" ht="15" customHeight="1">
      <c r="A50" s="71">
        <v>18</v>
      </c>
      <c r="B50" s="73" t="s">
        <v>29</v>
      </c>
      <c r="C50" s="76" t="s">
        <v>82</v>
      </c>
      <c r="D50" s="57" t="s">
        <v>69</v>
      </c>
      <c r="E50" s="59">
        <v>0</v>
      </c>
      <c r="F50" s="59">
        <v>3397</v>
      </c>
      <c r="G50" s="59">
        <f t="shared" ref="G50" si="19">F50-E50</f>
        <v>3397</v>
      </c>
      <c r="H50" s="61"/>
      <c r="I50" s="62"/>
    </row>
    <row r="51" spans="1:9" ht="15" customHeight="1">
      <c r="A51" s="72"/>
      <c r="B51" s="74"/>
      <c r="C51" s="77"/>
      <c r="D51" s="58"/>
      <c r="E51" s="60"/>
      <c r="F51" s="60"/>
      <c r="G51" s="60"/>
      <c r="H51" s="63"/>
      <c r="I51" s="64"/>
    </row>
    <row r="52" spans="1:9" ht="15" customHeight="1">
      <c r="A52" s="71">
        <v>19</v>
      </c>
      <c r="B52" s="73" t="s">
        <v>29</v>
      </c>
      <c r="C52" s="82" t="s">
        <v>34</v>
      </c>
      <c r="D52" s="57" t="s">
        <v>69</v>
      </c>
      <c r="E52" s="59">
        <v>102163</v>
      </c>
      <c r="F52" s="59">
        <v>98649</v>
      </c>
      <c r="G52" s="59">
        <f t="shared" ref="G52" si="20">F52-E52</f>
        <v>-3514</v>
      </c>
      <c r="H52" s="61"/>
      <c r="I52" s="62"/>
    </row>
    <row r="53" spans="1:9" ht="15" customHeight="1">
      <c r="A53" s="72"/>
      <c r="B53" s="74"/>
      <c r="C53" s="83"/>
      <c r="D53" s="58"/>
      <c r="E53" s="60"/>
      <c r="F53" s="60"/>
      <c r="G53" s="60"/>
      <c r="H53" s="63"/>
      <c r="I53" s="64"/>
    </row>
    <row r="54" spans="1:9" ht="15" customHeight="1">
      <c r="A54" s="86" t="s">
        <v>37</v>
      </c>
      <c r="B54" s="87"/>
      <c r="C54" s="87"/>
      <c r="D54" s="88"/>
      <c r="E54" s="59">
        <v>6564143</v>
      </c>
      <c r="F54" s="59">
        <v>5198793</v>
      </c>
      <c r="G54" s="59">
        <f>F54-E54</f>
        <v>-1365350</v>
      </c>
      <c r="H54" s="61"/>
      <c r="I54" s="62"/>
    </row>
    <row r="55" spans="1:9" ht="15" customHeight="1">
      <c r="A55" s="89"/>
      <c r="B55" s="90"/>
      <c r="C55" s="90"/>
      <c r="D55" s="91"/>
      <c r="E55" s="60"/>
      <c r="F55" s="60"/>
      <c r="G55" s="60"/>
      <c r="H55" s="63"/>
      <c r="I55" s="64"/>
    </row>
    <row r="56" spans="1:9" ht="15" customHeight="1">
      <c r="A56" s="71">
        <v>20</v>
      </c>
      <c r="B56" s="73" t="s">
        <v>38</v>
      </c>
      <c r="C56" s="75" t="s">
        <v>40</v>
      </c>
      <c r="D56" s="57" t="s">
        <v>69</v>
      </c>
      <c r="E56" s="59">
        <v>1062699</v>
      </c>
      <c r="F56" s="59">
        <v>1202959</v>
      </c>
      <c r="G56" s="59">
        <f t="shared" ref="G56" si="21">F56-E56</f>
        <v>140260</v>
      </c>
      <c r="H56" s="61"/>
      <c r="I56" s="62"/>
    </row>
    <row r="57" spans="1:9" ht="15" customHeight="1">
      <c r="A57" s="72"/>
      <c r="B57" s="74"/>
      <c r="C57" s="75"/>
      <c r="D57" s="58"/>
      <c r="E57" s="60"/>
      <c r="F57" s="60"/>
      <c r="G57" s="60"/>
      <c r="H57" s="63"/>
      <c r="I57" s="64"/>
    </row>
    <row r="58" spans="1:9" ht="15" customHeight="1">
      <c r="A58" s="71">
        <v>21</v>
      </c>
      <c r="B58" s="84" t="s">
        <v>38</v>
      </c>
      <c r="C58" s="82" t="s">
        <v>41</v>
      </c>
      <c r="D58" s="57" t="s">
        <v>69</v>
      </c>
      <c r="E58" s="59">
        <v>2415754</v>
      </c>
      <c r="F58" s="59">
        <v>1750999</v>
      </c>
      <c r="G58" s="59">
        <f t="shared" ref="G58" si="22">F58-E58</f>
        <v>-664755</v>
      </c>
      <c r="H58" s="61"/>
      <c r="I58" s="62"/>
    </row>
    <row r="59" spans="1:9" ht="15" customHeight="1">
      <c r="A59" s="72"/>
      <c r="B59" s="85"/>
      <c r="C59" s="83"/>
      <c r="D59" s="58"/>
      <c r="E59" s="60"/>
      <c r="F59" s="60"/>
      <c r="G59" s="60"/>
      <c r="H59" s="63"/>
      <c r="I59" s="64"/>
    </row>
    <row r="60" spans="1:9" ht="15" customHeight="1">
      <c r="A60" s="71">
        <v>22</v>
      </c>
      <c r="B60" s="84" t="s">
        <v>85</v>
      </c>
      <c r="C60" s="82" t="s">
        <v>70</v>
      </c>
      <c r="D60" s="57" t="s">
        <v>69</v>
      </c>
      <c r="E60" s="59">
        <v>15094</v>
      </c>
      <c r="F60" s="59">
        <v>1695</v>
      </c>
      <c r="G60" s="59">
        <f t="shared" ref="G60" si="23">F60-E60</f>
        <v>-13399</v>
      </c>
      <c r="H60" s="61"/>
      <c r="I60" s="62"/>
    </row>
    <row r="61" spans="1:9" ht="15" customHeight="1">
      <c r="A61" s="72"/>
      <c r="B61" s="85"/>
      <c r="C61" s="83"/>
      <c r="D61" s="58"/>
      <c r="E61" s="60"/>
      <c r="F61" s="60"/>
      <c r="G61" s="60"/>
      <c r="H61" s="63"/>
      <c r="I61" s="64"/>
    </row>
    <row r="62" spans="1:9" ht="15" customHeight="1">
      <c r="A62" s="86" t="s">
        <v>42</v>
      </c>
      <c r="B62" s="87"/>
      <c r="C62" s="87"/>
      <c r="D62" s="88"/>
      <c r="E62" s="59">
        <v>3493547</v>
      </c>
      <c r="F62" s="59">
        <v>2955653</v>
      </c>
      <c r="G62" s="59">
        <f t="shared" ref="G62" si="24">F62-E62</f>
        <v>-537894</v>
      </c>
      <c r="H62" s="61"/>
      <c r="I62" s="62"/>
    </row>
    <row r="63" spans="1:9" ht="15" customHeight="1">
      <c r="A63" s="89"/>
      <c r="B63" s="90"/>
      <c r="C63" s="90"/>
      <c r="D63" s="91"/>
      <c r="E63" s="60"/>
      <c r="F63" s="60"/>
      <c r="G63" s="60"/>
      <c r="H63" s="63"/>
      <c r="I63" s="64"/>
    </row>
    <row r="64" spans="1:9" ht="15" customHeight="1">
      <c r="A64" s="71">
        <v>23</v>
      </c>
      <c r="B64" s="73" t="s">
        <v>43</v>
      </c>
      <c r="C64" s="82" t="s">
        <v>44</v>
      </c>
      <c r="D64" s="57" t="s">
        <v>69</v>
      </c>
      <c r="E64" s="59">
        <v>1000</v>
      </c>
      <c r="F64" s="59">
        <v>1000</v>
      </c>
      <c r="G64" s="59">
        <f t="shared" ref="G64" si="25">F64-E64</f>
        <v>0</v>
      </c>
      <c r="H64" s="61"/>
      <c r="I64" s="62"/>
    </row>
    <row r="65" spans="1:9" ht="15" customHeight="1">
      <c r="A65" s="72"/>
      <c r="B65" s="74"/>
      <c r="C65" s="83"/>
      <c r="D65" s="58"/>
      <c r="E65" s="60"/>
      <c r="F65" s="60"/>
      <c r="G65" s="60"/>
      <c r="H65" s="63"/>
      <c r="I65" s="64"/>
    </row>
    <row r="66" spans="1:9" ht="15" customHeight="1">
      <c r="A66" s="86" t="s">
        <v>45</v>
      </c>
      <c r="B66" s="87"/>
      <c r="C66" s="87"/>
      <c r="D66" s="88"/>
      <c r="E66" s="59">
        <v>1000</v>
      </c>
      <c r="F66" s="59">
        <v>1000</v>
      </c>
      <c r="G66" s="59">
        <f t="shared" ref="G66" si="26">F66-E66</f>
        <v>0</v>
      </c>
      <c r="H66" s="61"/>
      <c r="I66" s="62"/>
    </row>
    <row r="67" spans="1:9" ht="15" customHeight="1">
      <c r="A67" s="89"/>
      <c r="B67" s="90"/>
      <c r="C67" s="90"/>
      <c r="D67" s="91"/>
      <c r="E67" s="60"/>
      <c r="F67" s="60"/>
      <c r="G67" s="60"/>
      <c r="H67" s="63"/>
      <c r="I67" s="64"/>
    </row>
    <row r="68" spans="1:9" ht="15" customHeight="1">
      <c r="A68" s="65" t="s">
        <v>64</v>
      </c>
      <c r="B68" s="66"/>
      <c r="C68" s="66"/>
      <c r="D68" s="66"/>
      <c r="E68" s="66"/>
      <c r="F68" s="66"/>
      <c r="G68" s="66"/>
      <c r="H68" s="66"/>
      <c r="I68" s="67"/>
    </row>
    <row r="69" spans="1:9" ht="15" customHeight="1">
      <c r="A69" s="68"/>
      <c r="B69" s="69"/>
      <c r="C69" s="69"/>
      <c r="D69" s="69"/>
      <c r="E69" s="69"/>
      <c r="F69" s="69"/>
      <c r="G69" s="69"/>
      <c r="H69" s="69"/>
      <c r="I69" s="70"/>
    </row>
    <row r="70" spans="1:9" ht="15" customHeight="1">
      <c r="A70" s="71">
        <v>24</v>
      </c>
      <c r="B70" s="73" t="s">
        <v>13</v>
      </c>
      <c r="C70" s="82" t="s">
        <v>46</v>
      </c>
      <c r="D70" s="57" t="s">
        <v>74</v>
      </c>
      <c r="E70" s="59">
        <v>144075</v>
      </c>
      <c r="F70" s="59">
        <v>216006</v>
      </c>
      <c r="G70" s="59">
        <f t="shared" ref="G70:G106" si="27">F70-E70</f>
        <v>71931</v>
      </c>
      <c r="H70" s="61"/>
      <c r="I70" s="62"/>
    </row>
    <row r="71" spans="1:9" ht="15" customHeight="1">
      <c r="A71" s="72"/>
      <c r="B71" s="74"/>
      <c r="C71" s="83"/>
      <c r="D71" s="58"/>
      <c r="E71" s="60"/>
      <c r="F71" s="60"/>
      <c r="G71" s="60"/>
      <c r="H71" s="63"/>
      <c r="I71" s="64"/>
    </row>
    <row r="72" spans="1:9" ht="15" customHeight="1">
      <c r="A72" s="71">
        <v>25</v>
      </c>
      <c r="B72" s="73" t="s">
        <v>13</v>
      </c>
      <c r="C72" s="82" t="s">
        <v>47</v>
      </c>
      <c r="D72" s="57" t="s">
        <v>68</v>
      </c>
      <c r="E72" s="59">
        <v>3324474</v>
      </c>
      <c r="F72" s="59">
        <v>2931939</v>
      </c>
      <c r="G72" s="59">
        <f t="shared" si="27"/>
        <v>-392535</v>
      </c>
      <c r="H72" s="61"/>
      <c r="I72" s="62"/>
    </row>
    <row r="73" spans="1:9" ht="15" customHeight="1">
      <c r="A73" s="72"/>
      <c r="B73" s="74"/>
      <c r="C73" s="83"/>
      <c r="D73" s="58"/>
      <c r="E73" s="60"/>
      <c r="F73" s="60"/>
      <c r="G73" s="60"/>
      <c r="H73" s="63"/>
      <c r="I73" s="64"/>
    </row>
    <row r="74" spans="1:9" ht="15" customHeight="1">
      <c r="A74" s="86" t="s">
        <v>49</v>
      </c>
      <c r="B74" s="87"/>
      <c r="C74" s="87"/>
      <c r="D74" s="88"/>
      <c r="E74" s="59">
        <v>3468549</v>
      </c>
      <c r="F74" s="59">
        <v>3147945</v>
      </c>
      <c r="G74" s="59">
        <f t="shared" si="27"/>
        <v>-320604</v>
      </c>
      <c r="H74" s="61"/>
      <c r="I74" s="62"/>
    </row>
    <row r="75" spans="1:9" ht="15" customHeight="1">
      <c r="A75" s="89"/>
      <c r="B75" s="90"/>
      <c r="C75" s="90"/>
      <c r="D75" s="91"/>
      <c r="E75" s="60"/>
      <c r="F75" s="60"/>
      <c r="G75" s="60"/>
      <c r="H75" s="63"/>
      <c r="I75" s="64"/>
    </row>
    <row r="76" spans="1:9" ht="15" customHeight="1">
      <c r="A76" s="71">
        <v>26</v>
      </c>
      <c r="B76" s="73" t="s">
        <v>21</v>
      </c>
      <c r="C76" s="75" t="s">
        <v>50</v>
      </c>
      <c r="D76" s="57" t="s">
        <v>69</v>
      </c>
      <c r="E76" s="59">
        <v>414440</v>
      </c>
      <c r="F76" s="59">
        <v>317442</v>
      </c>
      <c r="G76" s="59">
        <f t="shared" si="27"/>
        <v>-96998</v>
      </c>
      <c r="H76" s="61"/>
      <c r="I76" s="62"/>
    </row>
    <row r="77" spans="1:9" ht="15" customHeight="1">
      <c r="A77" s="72"/>
      <c r="B77" s="74"/>
      <c r="C77" s="75"/>
      <c r="D77" s="58"/>
      <c r="E77" s="60"/>
      <c r="F77" s="60"/>
      <c r="G77" s="60"/>
      <c r="H77" s="63"/>
      <c r="I77" s="64"/>
    </row>
    <row r="78" spans="1:9" ht="15" customHeight="1">
      <c r="A78" s="86" t="s">
        <v>51</v>
      </c>
      <c r="B78" s="87"/>
      <c r="C78" s="87"/>
      <c r="D78" s="88"/>
      <c r="E78" s="59">
        <v>414440</v>
      </c>
      <c r="F78" s="59">
        <v>317442</v>
      </c>
      <c r="G78" s="59">
        <f t="shared" si="27"/>
        <v>-96998</v>
      </c>
      <c r="H78" s="61"/>
      <c r="I78" s="62"/>
    </row>
    <row r="79" spans="1:9" ht="15" customHeight="1">
      <c r="A79" s="89"/>
      <c r="B79" s="90"/>
      <c r="C79" s="90"/>
      <c r="D79" s="91"/>
      <c r="E79" s="60"/>
      <c r="F79" s="60"/>
      <c r="G79" s="60"/>
      <c r="H79" s="63"/>
      <c r="I79" s="64"/>
    </row>
    <row r="80" spans="1:9" ht="15" customHeight="1">
      <c r="A80" s="71">
        <v>27</v>
      </c>
      <c r="B80" s="84" t="s">
        <v>29</v>
      </c>
      <c r="C80" s="82" t="s">
        <v>52</v>
      </c>
      <c r="D80" s="57" t="s">
        <v>72</v>
      </c>
      <c r="E80" s="59">
        <v>331442</v>
      </c>
      <c r="F80" s="59">
        <v>125668</v>
      </c>
      <c r="G80" s="59">
        <f t="shared" si="27"/>
        <v>-205774</v>
      </c>
      <c r="H80" s="61"/>
      <c r="I80" s="62"/>
    </row>
    <row r="81" spans="1:9" ht="15" customHeight="1">
      <c r="A81" s="72"/>
      <c r="B81" s="85"/>
      <c r="C81" s="83"/>
      <c r="D81" s="58"/>
      <c r="E81" s="60"/>
      <c r="F81" s="60"/>
      <c r="G81" s="60"/>
      <c r="H81" s="63"/>
      <c r="I81" s="64"/>
    </row>
    <row r="82" spans="1:9" ht="15" customHeight="1">
      <c r="A82" s="71">
        <v>28</v>
      </c>
      <c r="B82" s="73" t="s">
        <v>29</v>
      </c>
      <c r="C82" s="82" t="s">
        <v>53</v>
      </c>
      <c r="D82" s="57" t="s">
        <v>71</v>
      </c>
      <c r="E82" s="59">
        <v>9158</v>
      </c>
      <c r="F82" s="59">
        <v>583529</v>
      </c>
      <c r="G82" s="59">
        <f t="shared" si="27"/>
        <v>574371</v>
      </c>
      <c r="H82" s="61"/>
      <c r="I82" s="62"/>
    </row>
    <row r="83" spans="1:9" ht="15" customHeight="1">
      <c r="A83" s="72"/>
      <c r="B83" s="74"/>
      <c r="C83" s="83"/>
      <c r="D83" s="58"/>
      <c r="E83" s="60"/>
      <c r="F83" s="60"/>
      <c r="G83" s="60"/>
      <c r="H83" s="63"/>
      <c r="I83" s="64"/>
    </row>
    <row r="84" spans="1:9" ht="15" customHeight="1">
      <c r="A84" s="71">
        <v>29</v>
      </c>
      <c r="B84" s="73" t="s">
        <v>29</v>
      </c>
      <c r="C84" s="82" t="s">
        <v>54</v>
      </c>
      <c r="D84" s="57" t="s">
        <v>80</v>
      </c>
      <c r="E84" s="59">
        <v>1306</v>
      </c>
      <c r="F84" s="59">
        <v>56</v>
      </c>
      <c r="G84" s="59">
        <f t="shared" si="27"/>
        <v>-1250</v>
      </c>
      <c r="H84" s="61"/>
      <c r="I84" s="62"/>
    </row>
    <row r="85" spans="1:9" ht="15" customHeight="1">
      <c r="A85" s="72"/>
      <c r="B85" s="74"/>
      <c r="C85" s="83"/>
      <c r="D85" s="58"/>
      <c r="E85" s="60"/>
      <c r="F85" s="60"/>
      <c r="G85" s="60"/>
      <c r="H85" s="63"/>
      <c r="I85" s="64"/>
    </row>
    <row r="86" spans="1:9" ht="15" customHeight="1">
      <c r="A86" s="71">
        <v>30</v>
      </c>
      <c r="B86" s="73" t="s">
        <v>29</v>
      </c>
      <c r="C86" s="82" t="s">
        <v>55</v>
      </c>
      <c r="D86" s="57" t="s">
        <v>75</v>
      </c>
      <c r="E86" s="59">
        <v>2022798</v>
      </c>
      <c r="F86" s="59">
        <v>7236758</v>
      </c>
      <c r="G86" s="59">
        <f t="shared" si="27"/>
        <v>5213960</v>
      </c>
      <c r="H86" s="61"/>
      <c r="I86" s="62"/>
    </row>
    <row r="87" spans="1:9" ht="15" customHeight="1">
      <c r="A87" s="72"/>
      <c r="B87" s="74"/>
      <c r="C87" s="83"/>
      <c r="D87" s="58"/>
      <c r="E87" s="60"/>
      <c r="F87" s="60"/>
      <c r="G87" s="60"/>
      <c r="H87" s="63"/>
      <c r="I87" s="64"/>
    </row>
    <row r="88" spans="1:9" ht="15" customHeight="1">
      <c r="A88" s="71">
        <v>31</v>
      </c>
      <c r="B88" s="84" t="s">
        <v>29</v>
      </c>
      <c r="C88" s="82" t="s">
        <v>78</v>
      </c>
      <c r="D88" s="57" t="s">
        <v>56</v>
      </c>
      <c r="E88" s="59">
        <v>24800000</v>
      </c>
      <c r="F88" s="59">
        <v>11800000</v>
      </c>
      <c r="G88" s="59">
        <f t="shared" ref="G88" si="28">F88-E88</f>
        <v>-13000000</v>
      </c>
      <c r="H88" s="61"/>
      <c r="I88" s="62"/>
    </row>
    <row r="89" spans="1:9" ht="15" customHeight="1">
      <c r="A89" s="72"/>
      <c r="B89" s="85"/>
      <c r="C89" s="83"/>
      <c r="D89" s="58"/>
      <c r="E89" s="60"/>
      <c r="F89" s="60"/>
      <c r="G89" s="60"/>
      <c r="H89" s="63"/>
      <c r="I89" s="64"/>
    </row>
    <row r="90" spans="1:9" ht="26.25" customHeight="1">
      <c r="A90" s="112">
        <v>32</v>
      </c>
      <c r="B90" s="113" t="s">
        <v>29</v>
      </c>
      <c r="C90" s="114" t="s">
        <v>76</v>
      </c>
      <c r="D90" s="78" t="s">
        <v>81</v>
      </c>
      <c r="E90" s="79">
        <v>0</v>
      </c>
      <c r="F90" s="79">
        <v>62129</v>
      </c>
      <c r="G90" s="79">
        <f t="shared" si="27"/>
        <v>62129</v>
      </c>
      <c r="H90" s="80"/>
      <c r="I90" s="81"/>
    </row>
    <row r="91" spans="1:9" ht="26.25" customHeight="1">
      <c r="A91" s="112"/>
      <c r="B91" s="113"/>
      <c r="C91" s="114"/>
      <c r="D91" s="78"/>
      <c r="E91" s="79"/>
      <c r="F91" s="79"/>
      <c r="G91" s="79"/>
      <c r="H91" s="80"/>
      <c r="I91" s="81"/>
    </row>
    <row r="92" spans="1:9" ht="15" customHeight="1">
      <c r="A92" s="86" t="s">
        <v>57</v>
      </c>
      <c r="B92" s="87"/>
      <c r="C92" s="87"/>
      <c r="D92" s="88"/>
      <c r="E92" s="59">
        <v>27164704</v>
      </c>
      <c r="F92" s="59">
        <v>19808140</v>
      </c>
      <c r="G92" s="59">
        <f t="shared" si="27"/>
        <v>-7356564</v>
      </c>
      <c r="H92" s="61"/>
      <c r="I92" s="62"/>
    </row>
    <row r="93" spans="1:9" ht="15" customHeight="1">
      <c r="A93" s="89"/>
      <c r="B93" s="90"/>
      <c r="C93" s="90"/>
      <c r="D93" s="91"/>
      <c r="E93" s="60"/>
      <c r="F93" s="60"/>
      <c r="G93" s="60"/>
      <c r="H93" s="63"/>
      <c r="I93" s="64"/>
    </row>
    <row r="94" spans="1:9" ht="15" customHeight="1">
      <c r="A94" s="71">
        <v>33</v>
      </c>
      <c r="B94" s="73" t="s">
        <v>38</v>
      </c>
      <c r="C94" s="82" t="s">
        <v>58</v>
      </c>
      <c r="D94" s="57" t="s">
        <v>69</v>
      </c>
      <c r="E94" s="59">
        <v>56052</v>
      </c>
      <c r="F94" s="59">
        <v>87960</v>
      </c>
      <c r="G94" s="59">
        <f t="shared" si="27"/>
        <v>31908</v>
      </c>
      <c r="H94" s="61"/>
      <c r="I94" s="62"/>
    </row>
    <row r="95" spans="1:9" ht="15" customHeight="1">
      <c r="A95" s="72"/>
      <c r="B95" s="74"/>
      <c r="C95" s="83"/>
      <c r="D95" s="58"/>
      <c r="E95" s="60"/>
      <c r="F95" s="60"/>
      <c r="G95" s="60"/>
      <c r="H95" s="63"/>
      <c r="I95" s="64"/>
    </row>
    <row r="96" spans="1:9" ht="15" customHeight="1">
      <c r="A96" s="86" t="s">
        <v>59</v>
      </c>
      <c r="B96" s="87"/>
      <c r="C96" s="87"/>
      <c r="D96" s="88"/>
      <c r="E96" s="59">
        <v>56052</v>
      </c>
      <c r="F96" s="59">
        <v>87960</v>
      </c>
      <c r="G96" s="59">
        <f t="shared" si="27"/>
        <v>31908</v>
      </c>
      <c r="H96" s="61"/>
      <c r="I96" s="62"/>
    </row>
    <row r="97" spans="1:9" ht="15" customHeight="1">
      <c r="A97" s="89"/>
      <c r="B97" s="90"/>
      <c r="C97" s="90"/>
      <c r="D97" s="91"/>
      <c r="E97" s="60"/>
      <c r="F97" s="60"/>
      <c r="G97" s="60"/>
      <c r="H97" s="63"/>
      <c r="I97" s="64"/>
    </row>
    <row r="98" spans="1:9" ht="15" customHeight="1">
      <c r="A98" s="71">
        <v>34</v>
      </c>
      <c r="B98" s="73" t="s">
        <v>43</v>
      </c>
      <c r="C98" s="82" t="s">
        <v>61</v>
      </c>
      <c r="D98" s="57" t="s">
        <v>69</v>
      </c>
      <c r="E98" s="59">
        <v>4283115</v>
      </c>
      <c r="F98" s="59">
        <v>7897165</v>
      </c>
      <c r="G98" s="59">
        <f t="shared" si="27"/>
        <v>3614050</v>
      </c>
      <c r="H98" s="61"/>
      <c r="I98" s="62"/>
    </row>
    <row r="99" spans="1:9" ht="15" customHeight="1">
      <c r="A99" s="72"/>
      <c r="B99" s="74"/>
      <c r="C99" s="83"/>
      <c r="D99" s="58"/>
      <c r="E99" s="60"/>
      <c r="F99" s="60"/>
      <c r="G99" s="60"/>
      <c r="H99" s="63"/>
      <c r="I99" s="64"/>
    </row>
    <row r="100" spans="1:9" ht="15" customHeight="1">
      <c r="A100" s="86" t="s">
        <v>60</v>
      </c>
      <c r="B100" s="87"/>
      <c r="C100" s="87"/>
      <c r="D100" s="88"/>
      <c r="E100" s="59">
        <v>4283115</v>
      </c>
      <c r="F100" s="59">
        <v>7897165</v>
      </c>
      <c r="G100" s="59">
        <f t="shared" si="27"/>
        <v>3614050</v>
      </c>
      <c r="H100" s="61"/>
      <c r="I100" s="62"/>
    </row>
    <row r="101" spans="1:9" ht="15" customHeight="1">
      <c r="A101" s="89"/>
      <c r="B101" s="90"/>
      <c r="C101" s="90"/>
      <c r="D101" s="91"/>
      <c r="E101" s="60"/>
      <c r="F101" s="60"/>
      <c r="G101" s="60"/>
      <c r="H101" s="63"/>
      <c r="I101" s="64"/>
    </row>
    <row r="102" spans="1:9" ht="15" customHeight="1">
      <c r="A102" s="71">
        <v>35</v>
      </c>
      <c r="B102" s="73" t="s">
        <v>62</v>
      </c>
      <c r="C102" s="82" t="s">
        <v>39</v>
      </c>
      <c r="D102" s="57" t="s">
        <v>69</v>
      </c>
      <c r="E102" s="59">
        <v>252526</v>
      </c>
      <c r="F102" s="59">
        <v>321716</v>
      </c>
      <c r="G102" s="59">
        <f t="shared" si="27"/>
        <v>69190</v>
      </c>
      <c r="H102" s="61"/>
      <c r="I102" s="62"/>
    </row>
    <row r="103" spans="1:9" ht="15" customHeight="1">
      <c r="A103" s="72"/>
      <c r="B103" s="74"/>
      <c r="C103" s="83"/>
      <c r="D103" s="58"/>
      <c r="E103" s="60"/>
      <c r="F103" s="60"/>
      <c r="G103" s="60"/>
      <c r="H103" s="63"/>
      <c r="I103" s="64"/>
    </row>
    <row r="104" spans="1:9" ht="15" customHeight="1">
      <c r="A104" s="86" t="s">
        <v>63</v>
      </c>
      <c r="B104" s="87"/>
      <c r="C104" s="87"/>
      <c r="D104" s="88"/>
      <c r="E104" s="59">
        <v>252526</v>
      </c>
      <c r="F104" s="59">
        <v>321716</v>
      </c>
      <c r="G104" s="59">
        <f t="shared" si="27"/>
        <v>69190</v>
      </c>
      <c r="H104" s="61"/>
      <c r="I104" s="62"/>
    </row>
    <row r="105" spans="1:9" ht="15" customHeight="1">
      <c r="A105" s="89"/>
      <c r="B105" s="90"/>
      <c r="C105" s="90"/>
      <c r="D105" s="91"/>
      <c r="E105" s="60"/>
      <c r="F105" s="60"/>
      <c r="G105" s="60"/>
      <c r="H105" s="63"/>
      <c r="I105" s="64"/>
    </row>
    <row r="106" spans="1:9" ht="15" customHeight="1">
      <c r="A106" s="103" t="s">
        <v>48</v>
      </c>
      <c r="B106" s="104"/>
      <c r="C106" s="104"/>
      <c r="D106" s="105"/>
      <c r="E106" s="59">
        <v>48116247</v>
      </c>
      <c r="F106" s="59">
        <v>42581807</v>
      </c>
      <c r="G106" s="59">
        <f t="shared" si="27"/>
        <v>-5534440</v>
      </c>
      <c r="H106" s="61"/>
      <c r="I106" s="62"/>
    </row>
    <row r="107" spans="1:9" ht="15" customHeight="1" thickBot="1">
      <c r="A107" s="106"/>
      <c r="B107" s="107"/>
      <c r="C107" s="107"/>
      <c r="D107" s="108"/>
      <c r="E107" s="109"/>
      <c r="F107" s="109"/>
      <c r="G107" s="109"/>
      <c r="H107" s="110"/>
      <c r="I107" s="111"/>
    </row>
    <row r="108" spans="1:9" ht="18" customHeight="1">
      <c r="A108" s="16"/>
      <c r="B108" s="19"/>
      <c r="C108" s="20"/>
      <c r="F108" s="12"/>
      <c r="G108" s="12"/>
      <c r="H108" s="13"/>
    </row>
    <row r="109" spans="1:9" ht="18" customHeight="1">
      <c r="A109" s="14"/>
      <c r="B109" s="17"/>
      <c r="C109" s="20"/>
      <c r="H109" s="15"/>
      <c r="I109" s="15"/>
    </row>
    <row r="110" spans="1:9" ht="15" customHeight="1"/>
    <row r="111" spans="1:9" ht="15" customHeight="1"/>
    <row r="112" spans="1:9" ht="15" customHeight="1"/>
    <row r="113" ht="15" customHeight="1"/>
    <row r="114" ht="15" customHeight="1"/>
    <row r="115" ht="15" customHeight="1"/>
    <row r="116" ht="15" customHeight="1"/>
    <row r="117" ht="15" customHeight="1"/>
    <row r="118" ht="15" customHeight="1"/>
    <row r="119" ht="15" customHeight="1"/>
    <row r="120" ht="15" customHeight="1"/>
    <row r="121" ht="15" customHeight="1"/>
    <row r="122" ht="15" customHeight="1"/>
    <row r="123" ht="15" customHeight="1"/>
  </sheetData>
  <mergeCells count="354">
    <mergeCell ref="H64:I65"/>
    <mergeCell ref="H66:I67"/>
    <mergeCell ref="H72:I73"/>
    <mergeCell ref="H74:I75"/>
    <mergeCell ref="F102:F103"/>
    <mergeCell ref="G94:G95"/>
    <mergeCell ref="A98:A99"/>
    <mergeCell ref="H106:I107"/>
    <mergeCell ref="H92:I93"/>
    <mergeCell ref="H96:I97"/>
    <mergeCell ref="H100:I101"/>
    <mergeCell ref="E104:E105"/>
    <mergeCell ref="F104:F105"/>
    <mergeCell ref="G104:G105"/>
    <mergeCell ref="H104:I105"/>
    <mergeCell ref="F96:F97"/>
    <mergeCell ref="G96:G97"/>
    <mergeCell ref="H102:I103"/>
    <mergeCell ref="H94:I95"/>
    <mergeCell ref="A90:A91"/>
    <mergeCell ref="B90:B91"/>
    <mergeCell ref="C90:C91"/>
    <mergeCell ref="A100:D101"/>
    <mergeCell ref="E22:E23"/>
    <mergeCell ref="F22:F23"/>
    <mergeCell ref="E30:E31"/>
    <mergeCell ref="F30:F31"/>
    <mergeCell ref="G30:G31"/>
    <mergeCell ref="E34:E35"/>
    <mergeCell ref="F34:F35"/>
    <mergeCell ref="G34:G35"/>
    <mergeCell ref="G64:G65"/>
    <mergeCell ref="E100:E101"/>
    <mergeCell ref="F100:F101"/>
    <mergeCell ref="G100:G101"/>
    <mergeCell ref="A106:D107"/>
    <mergeCell ref="A92:D93"/>
    <mergeCell ref="E92:E93"/>
    <mergeCell ref="F92:F93"/>
    <mergeCell ref="G92:G93"/>
    <mergeCell ref="A96:D97"/>
    <mergeCell ref="E96:E97"/>
    <mergeCell ref="E106:E107"/>
    <mergeCell ref="F106:F107"/>
    <mergeCell ref="G106:G107"/>
    <mergeCell ref="G102:G103"/>
    <mergeCell ref="A104:D105"/>
    <mergeCell ref="A102:A103"/>
    <mergeCell ref="B102:B103"/>
    <mergeCell ref="C102:C103"/>
    <mergeCell ref="D102:D103"/>
    <mergeCell ref="E102:E103"/>
    <mergeCell ref="B98:B99"/>
    <mergeCell ref="C98:C99"/>
    <mergeCell ref="D98:D99"/>
    <mergeCell ref="E98:E99"/>
    <mergeCell ref="G66:G67"/>
    <mergeCell ref="H76:I77"/>
    <mergeCell ref="F70:F71"/>
    <mergeCell ref="G70:G71"/>
    <mergeCell ref="H70:I71"/>
    <mergeCell ref="F98:F99"/>
    <mergeCell ref="G98:G99"/>
    <mergeCell ref="H98:I99"/>
    <mergeCell ref="A94:A95"/>
    <mergeCell ref="B94:B95"/>
    <mergeCell ref="C94:C95"/>
    <mergeCell ref="D94:D95"/>
    <mergeCell ref="E94:E95"/>
    <mergeCell ref="F94:F95"/>
    <mergeCell ref="H84:I85"/>
    <mergeCell ref="A86:A87"/>
    <mergeCell ref="B86:B87"/>
    <mergeCell ref="C86:C87"/>
    <mergeCell ref="D86:D87"/>
    <mergeCell ref="E86:E87"/>
    <mergeCell ref="F86:F87"/>
    <mergeCell ref="G86:G87"/>
    <mergeCell ref="H86:I87"/>
    <mergeCell ref="A84:A85"/>
    <mergeCell ref="B84:B85"/>
    <mergeCell ref="C84:C85"/>
    <mergeCell ref="D84:D85"/>
    <mergeCell ref="E84:E85"/>
    <mergeCell ref="F84:F85"/>
    <mergeCell ref="G84:G85"/>
    <mergeCell ref="H80:I81"/>
    <mergeCell ref="G78:G79"/>
    <mergeCell ref="A82:A83"/>
    <mergeCell ref="B82:B83"/>
    <mergeCell ref="C82:C83"/>
    <mergeCell ref="D82:D83"/>
    <mergeCell ref="E82:E83"/>
    <mergeCell ref="F82:F83"/>
    <mergeCell ref="G82:G83"/>
    <mergeCell ref="H82:I83"/>
    <mergeCell ref="H78:I79"/>
    <mergeCell ref="A80:A81"/>
    <mergeCell ref="B80:B81"/>
    <mergeCell ref="C80:C81"/>
    <mergeCell ref="D80:D81"/>
    <mergeCell ref="E80:E81"/>
    <mergeCell ref="F80:F81"/>
    <mergeCell ref="G80:G81"/>
    <mergeCell ref="E78:E79"/>
    <mergeCell ref="F78:F79"/>
    <mergeCell ref="A78:D79"/>
    <mergeCell ref="A76:A77"/>
    <mergeCell ref="B76:B77"/>
    <mergeCell ref="C76:C77"/>
    <mergeCell ref="D76:D77"/>
    <mergeCell ref="E76:E77"/>
    <mergeCell ref="F76:F77"/>
    <mergeCell ref="G76:G77"/>
    <mergeCell ref="A72:A73"/>
    <mergeCell ref="B72:B73"/>
    <mergeCell ref="C72:C73"/>
    <mergeCell ref="D72:D73"/>
    <mergeCell ref="E72:E73"/>
    <mergeCell ref="F72:F73"/>
    <mergeCell ref="G72:G73"/>
    <mergeCell ref="E74:E75"/>
    <mergeCell ref="F74:F75"/>
    <mergeCell ref="G74:G75"/>
    <mergeCell ref="A74:D75"/>
    <mergeCell ref="B60:B61"/>
    <mergeCell ref="C60:C61"/>
    <mergeCell ref="D60:D61"/>
    <mergeCell ref="E60:E61"/>
    <mergeCell ref="F60:F61"/>
    <mergeCell ref="F62:F63"/>
    <mergeCell ref="G60:G61"/>
    <mergeCell ref="H60:I61"/>
    <mergeCell ref="G58:G59"/>
    <mergeCell ref="H58:I59"/>
    <mergeCell ref="E62:E63"/>
    <mergeCell ref="G62:G63"/>
    <mergeCell ref="A62:D63"/>
    <mergeCell ref="H62:I63"/>
    <mergeCell ref="A58:A59"/>
    <mergeCell ref="B58:B59"/>
    <mergeCell ref="C58:C59"/>
    <mergeCell ref="D58:D59"/>
    <mergeCell ref="E58:E59"/>
    <mergeCell ref="F58:F59"/>
    <mergeCell ref="A60:A61"/>
    <mergeCell ref="G46:G47"/>
    <mergeCell ref="H46:I47"/>
    <mergeCell ref="A48:A49"/>
    <mergeCell ref="B48:B49"/>
    <mergeCell ref="C48:C49"/>
    <mergeCell ref="D48:D49"/>
    <mergeCell ref="E48:E49"/>
    <mergeCell ref="F48:F49"/>
    <mergeCell ref="G48:G49"/>
    <mergeCell ref="H48:I49"/>
    <mergeCell ref="A46:A47"/>
    <mergeCell ref="B46:B47"/>
    <mergeCell ref="C46:C47"/>
    <mergeCell ref="D46:D47"/>
    <mergeCell ref="E46:E47"/>
    <mergeCell ref="F46:F47"/>
    <mergeCell ref="A38:A39"/>
    <mergeCell ref="B38:B39"/>
    <mergeCell ref="C38:C39"/>
    <mergeCell ref="D38:D39"/>
    <mergeCell ref="E38:E39"/>
    <mergeCell ref="F38:F39"/>
    <mergeCell ref="G38:G39"/>
    <mergeCell ref="H38:I39"/>
    <mergeCell ref="A44:A45"/>
    <mergeCell ref="G44:G45"/>
    <mergeCell ref="H44:I45"/>
    <mergeCell ref="B44:B45"/>
    <mergeCell ref="C44:C45"/>
    <mergeCell ref="D44:D45"/>
    <mergeCell ref="E44:E45"/>
    <mergeCell ref="F44:F45"/>
    <mergeCell ref="F42:F43"/>
    <mergeCell ref="E42:E43"/>
    <mergeCell ref="D42:D43"/>
    <mergeCell ref="C42:C43"/>
    <mergeCell ref="B42:B43"/>
    <mergeCell ref="A42:A43"/>
    <mergeCell ref="H42:I43"/>
    <mergeCell ref="G42:G43"/>
    <mergeCell ref="A34:D35"/>
    <mergeCell ref="H34:I35"/>
    <mergeCell ref="A36:A37"/>
    <mergeCell ref="B36:B37"/>
    <mergeCell ref="C36:C37"/>
    <mergeCell ref="D36:D37"/>
    <mergeCell ref="E36:E37"/>
    <mergeCell ref="F36:F37"/>
    <mergeCell ref="G36:G37"/>
    <mergeCell ref="H36:I37"/>
    <mergeCell ref="A30:D31"/>
    <mergeCell ref="H30:I31"/>
    <mergeCell ref="A32:A33"/>
    <mergeCell ref="B32:B33"/>
    <mergeCell ref="C32:C33"/>
    <mergeCell ref="D32:D33"/>
    <mergeCell ref="E32:E33"/>
    <mergeCell ref="F32:F33"/>
    <mergeCell ref="A28:A29"/>
    <mergeCell ref="B28:B29"/>
    <mergeCell ref="C28:C29"/>
    <mergeCell ref="D28:D29"/>
    <mergeCell ref="E28:E29"/>
    <mergeCell ref="F28:F29"/>
    <mergeCell ref="G32:G33"/>
    <mergeCell ref="H32:I33"/>
    <mergeCell ref="A26:A27"/>
    <mergeCell ref="B26:B27"/>
    <mergeCell ref="C26:C27"/>
    <mergeCell ref="D26:D27"/>
    <mergeCell ref="E26:E27"/>
    <mergeCell ref="F26:F27"/>
    <mergeCell ref="G26:G27"/>
    <mergeCell ref="H26:I27"/>
    <mergeCell ref="G28:G29"/>
    <mergeCell ref="H28:I29"/>
    <mergeCell ref="H14:I15"/>
    <mergeCell ref="A22:D23"/>
    <mergeCell ref="H22:I23"/>
    <mergeCell ref="A24:A25"/>
    <mergeCell ref="B24:B25"/>
    <mergeCell ref="C24:C25"/>
    <mergeCell ref="D24:D25"/>
    <mergeCell ref="E24:E25"/>
    <mergeCell ref="F24:F25"/>
    <mergeCell ref="G24:G25"/>
    <mergeCell ref="H24:I25"/>
    <mergeCell ref="A20:A21"/>
    <mergeCell ref="B20:B21"/>
    <mergeCell ref="C20:C21"/>
    <mergeCell ref="D20:D21"/>
    <mergeCell ref="E20:E21"/>
    <mergeCell ref="F20:F21"/>
    <mergeCell ref="G20:G21"/>
    <mergeCell ref="H20:I21"/>
    <mergeCell ref="A16:A17"/>
    <mergeCell ref="B16:B17"/>
    <mergeCell ref="C16:C17"/>
    <mergeCell ref="D16:D17"/>
    <mergeCell ref="G22:G23"/>
    <mergeCell ref="E12:E13"/>
    <mergeCell ref="F12:F13"/>
    <mergeCell ref="A14:A15"/>
    <mergeCell ref="B14:B15"/>
    <mergeCell ref="C14:C15"/>
    <mergeCell ref="D14:D15"/>
    <mergeCell ref="E14:E15"/>
    <mergeCell ref="F14:F15"/>
    <mergeCell ref="G14:G15"/>
    <mergeCell ref="A1:C1"/>
    <mergeCell ref="H1:I1"/>
    <mergeCell ref="A3:C3"/>
    <mergeCell ref="E5:F5"/>
    <mergeCell ref="C6:C7"/>
    <mergeCell ref="D6:D7"/>
    <mergeCell ref="H6:I7"/>
    <mergeCell ref="A8:I9"/>
    <mergeCell ref="A10:A11"/>
    <mergeCell ref="B10:B11"/>
    <mergeCell ref="C10:C11"/>
    <mergeCell ref="D10:D11"/>
    <mergeCell ref="E10:E11"/>
    <mergeCell ref="F10:F11"/>
    <mergeCell ref="G10:G11"/>
    <mergeCell ref="H10:I11"/>
    <mergeCell ref="G12:G13"/>
    <mergeCell ref="H12:I13"/>
    <mergeCell ref="A18:A19"/>
    <mergeCell ref="B18:B19"/>
    <mergeCell ref="A12:A13"/>
    <mergeCell ref="B12:B13"/>
    <mergeCell ref="C12:C13"/>
    <mergeCell ref="F56:F57"/>
    <mergeCell ref="G56:G57"/>
    <mergeCell ref="H56:I57"/>
    <mergeCell ref="E54:E55"/>
    <mergeCell ref="F54:F55"/>
    <mergeCell ref="G54:G55"/>
    <mergeCell ref="E16:E17"/>
    <mergeCell ref="F16:F17"/>
    <mergeCell ref="G16:G17"/>
    <mergeCell ref="H16:I17"/>
    <mergeCell ref="C18:C19"/>
    <mergeCell ref="D18:D19"/>
    <mergeCell ref="E18:E19"/>
    <mergeCell ref="F18:F19"/>
    <mergeCell ref="G18:G19"/>
    <mergeCell ref="H18:I19"/>
    <mergeCell ref="D12:D13"/>
    <mergeCell ref="C70:C71"/>
    <mergeCell ref="D70:D71"/>
    <mergeCell ref="E70:E71"/>
    <mergeCell ref="A64:A65"/>
    <mergeCell ref="B64:B65"/>
    <mergeCell ref="C64:C65"/>
    <mergeCell ref="D64:D65"/>
    <mergeCell ref="E64:E65"/>
    <mergeCell ref="F64:F65"/>
    <mergeCell ref="E66:E67"/>
    <mergeCell ref="F66:F67"/>
    <mergeCell ref="D90:D91"/>
    <mergeCell ref="E90:E91"/>
    <mergeCell ref="F90:F91"/>
    <mergeCell ref="G90:G91"/>
    <mergeCell ref="H90:I91"/>
    <mergeCell ref="A52:A53"/>
    <mergeCell ref="B52:B53"/>
    <mergeCell ref="C52:C53"/>
    <mergeCell ref="D52:D53"/>
    <mergeCell ref="E52:E53"/>
    <mergeCell ref="F52:F53"/>
    <mergeCell ref="G52:G53"/>
    <mergeCell ref="H52:I53"/>
    <mergeCell ref="A88:A89"/>
    <mergeCell ref="B88:B89"/>
    <mergeCell ref="C88:C89"/>
    <mergeCell ref="A66:D67"/>
    <mergeCell ref="A54:D55"/>
    <mergeCell ref="H54:I55"/>
    <mergeCell ref="A56:A57"/>
    <mergeCell ref="B56:B57"/>
    <mergeCell ref="C56:C57"/>
    <mergeCell ref="D56:D57"/>
    <mergeCell ref="E56:E57"/>
    <mergeCell ref="D88:D89"/>
    <mergeCell ref="E88:E89"/>
    <mergeCell ref="F88:F89"/>
    <mergeCell ref="G88:G89"/>
    <mergeCell ref="H88:I89"/>
    <mergeCell ref="A68:I69"/>
    <mergeCell ref="A70:A71"/>
    <mergeCell ref="B70:B71"/>
    <mergeCell ref="A40:A41"/>
    <mergeCell ref="B40:B41"/>
    <mergeCell ref="C40:C41"/>
    <mergeCell ref="D40:D41"/>
    <mergeCell ref="E40:E41"/>
    <mergeCell ref="F40:F41"/>
    <mergeCell ref="G40:G41"/>
    <mergeCell ref="H40:I41"/>
    <mergeCell ref="A50:A51"/>
    <mergeCell ref="B50:B51"/>
    <mergeCell ref="C50:C51"/>
    <mergeCell ref="D50:D51"/>
    <mergeCell ref="E50:E51"/>
    <mergeCell ref="F50:F51"/>
    <mergeCell ref="G50:G51"/>
    <mergeCell ref="H50:I51"/>
  </mergeCells>
  <phoneticPr fontId="4"/>
  <dataValidations disablePrompts="1" count="3">
    <dataValidation type="list" allowBlank="1" showInputMessage="1" showErrorMessage="1" sqref="AWM7 BGI7 BQE7 CAA7 CJW7 CTS7 DDO7 DNK7 DXG7 EHC7 EQY7 FAU7 FKQ7 FUM7 GEI7 GOE7 GYA7 HHW7 HRS7 IBO7 ILK7 IVG7 JFC7 JOY7 JYU7 KIQ7 KSM7 LCI7 LME7 LWA7 MFW7 MPS7 MZO7 NJK7 NTG7 ODC7 OMY7 OWU7 PGQ7 PQM7 QAI7 QKE7 QUA7 RDW7 RNS7 RXO7 SHK7 SRG7 TBC7 TKY7 TUU7 UEQ7 UOM7 UYI7 VIE7 VSA7 WBW7 WLS7 WVO7 JC7 SY7 ACU7 WVO983078 JC65574 SY65574 ACU65574 AMQ65574 AWM65574 BGI65574 BQE65574 CAA65574 CJW65574 CTS65574 DDO65574 DNK65574 DXG65574 EHC65574 EQY65574 FAU65574 FKQ65574 FUM65574 GEI65574 GOE65574 GYA65574 HHW65574 HRS65574 IBO65574 ILK65574 IVG65574 JFC65574 JOY65574 JYU65574 KIQ65574 KSM65574 LCI65574 LME65574 LWA65574 MFW65574 MPS65574 MZO65574 NJK65574 NTG65574 ODC65574 OMY65574 OWU65574 PGQ65574 PQM65574 QAI65574 QKE65574 QUA65574 RDW65574 RNS65574 RXO65574 SHK65574 SRG65574 TBC65574 TKY65574 TUU65574 UEQ65574 UOM65574 UYI65574 VIE65574 VSA65574 WBW65574 WLS65574 WVO65574 JC131110 SY131110 ACU131110 AMQ131110 AWM131110 BGI131110 BQE131110 CAA131110 CJW131110 CTS131110 DDO131110 DNK131110 DXG131110 EHC131110 EQY131110 FAU131110 FKQ131110 FUM131110 GEI131110 GOE131110 GYA131110 HHW131110 HRS131110 IBO131110 ILK131110 IVG131110 JFC131110 JOY131110 JYU131110 KIQ131110 KSM131110 LCI131110 LME131110 LWA131110 MFW131110 MPS131110 MZO131110 NJK131110 NTG131110 ODC131110 OMY131110 OWU131110 PGQ131110 PQM131110 QAI131110 QKE131110 QUA131110 RDW131110 RNS131110 RXO131110 SHK131110 SRG131110 TBC131110 TKY131110 TUU131110 UEQ131110 UOM131110 UYI131110 VIE131110 VSA131110 WBW131110 WLS131110 WVO131110 JC196646 SY196646 ACU196646 AMQ196646 AWM196646 BGI196646 BQE196646 CAA196646 CJW196646 CTS196646 DDO196646 DNK196646 DXG196646 EHC196646 EQY196646 FAU196646 FKQ196646 FUM196646 GEI196646 GOE196646 GYA196646 HHW196646 HRS196646 IBO196646 ILK196646 IVG196646 JFC196646 JOY196646 JYU196646 KIQ196646 KSM196646 LCI196646 LME196646 LWA196646 MFW196646 MPS196646 MZO196646 NJK196646 NTG196646 ODC196646 OMY196646 OWU196646 PGQ196646 PQM196646 QAI196646 QKE196646 QUA196646 RDW196646 RNS196646 RXO196646 SHK196646 SRG196646 TBC196646 TKY196646 TUU196646 UEQ196646 UOM196646 UYI196646 VIE196646 VSA196646 WBW196646 WLS196646 WVO196646 JC262182 SY262182 ACU262182 AMQ262182 AWM262182 BGI262182 BQE262182 CAA262182 CJW262182 CTS262182 DDO262182 DNK262182 DXG262182 EHC262182 EQY262182 FAU262182 FKQ262182 FUM262182 GEI262182 GOE262182 GYA262182 HHW262182 HRS262182 IBO262182 ILK262182 IVG262182 JFC262182 JOY262182 JYU262182 KIQ262182 KSM262182 LCI262182 LME262182 LWA262182 MFW262182 MPS262182 MZO262182 NJK262182 NTG262182 ODC262182 OMY262182 OWU262182 PGQ262182 PQM262182 QAI262182 QKE262182 QUA262182 RDW262182 RNS262182 RXO262182 SHK262182 SRG262182 TBC262182 TKY262182 TUU262182 UEQ262182 UOM262182 UYI262182 VIE262182 VSA262182 WBW262182 WLS262182 WVO262182 JC327718 SY327718 ACU327718 AMQ327718 AWM327718 BGI327718 BQE327718 CAA327718 CJW327718 CTS327718 DDO327718 DNK327718 DXG327718 EHC327718 EQY327718 FAU327718 FKQ327718 FUM327718 GEI327718 GOE327718 GYA327718 HHW327718 HRS327718 IBO327718 ILK327718 IVG327718 JFC327718 JOY327718 JYU327718 KIQ327718 KSM327718 LCI327718 LME327718 LWA327718 MFW327718 MPS327718 MZO327718 NJK327718 NTG327718 ODC327718 OMY327718 OWU327718 PGQ327718 PQM327718 QAI327718 QKE327718 QUA327718 RDW327718 RNS327718 RXO327718 SHK327718 SRG327718 TBC327718 TKY327718 TUU327718 UEQ327718 UOM327718 UYI327718 VIE327718 VSA327718 WBW327718 WLS327718 WVO327718 JC393254 SY393254 ACU393254 AMQ393254 AWM393254 BGI393254 BQE393254 CAA393254 CJW393254 CTS393254 DDO393254 DNK393254 DXG393254 EHC393254 EQY393254 FAU393254 FKQ393254 FUM393254 GEI393254 GOE393254 GYA393254 HHW393254 HRS393254 IBO393254 ILK393254 IVG393254 JFC393254 JOY393254 JYU393254 KIQ393254 KSM393254 LCI393254 LME393254 LWA393254 MFW393254 MPS393254 MZO393254 NJK393254 NTG393254 ODC393254 OMY393254 OWU393254 PGQ393254 PQM393254 QAI393254 QKE393254 QUA393254 RDW393254 RNS393254 RXO393254 SHK393254 SRG393254 TBC393254 TKY393254 TUU393254 UEQ393254 UOM393254 UYI393254 VIE393254 VSA393254 WBW393254 WLS393254 WVO393254 JC458790 SY458790 ACU458790 AMQ458790 AWM458790 BGI458790 BQE458790 CAA458790 CJW458790 CTS458790 DDO458790 DNK458790 DXG458790 EHC458790 EQY458790 FAU458790 FKQ458790 FUM458790 GEI458790 GOE458790 GYA458790 HHW458790 HRS458790 IBO458790 ILK458790 IVG458790 JFC458790 JOY458790 JYU458790 KIQ458790 KSM458790 LCI458790 LME458790 LWA458790 MFW458790 MPS458790 MZO458790 NJK458790 NTG458790 ODC458790 OMY458790 OWU458790 PGQ458790 PQM458790 QAI458790 QKE458790 QUA458790 RDW458790 RNS458790 RXO458790 SHK458790 SRG458790 TBC458790 TKY458790 TUU458790 UEQ458790 UOM458790 UYI458790 VIE458790 VSA458790 WBW458790 WLS458790 WVO458790 JC524326 SY524326 ACU524326 AMQ524326 AWM524326 BGI524326 BQE524326 CAA524326 CJW524326 CTS524326 DDO524326 DNK524326 DXG524326 EHC524326 EQY524326 FAU524326 FKQ524326 FUM524326 GEI524326 GOE524326 GYA524326 HHW524326 HRS524326 IBO524326 ILK524326 IVG524326 JFC524326 JOY524326 JYU524326 KIQ524326 KSM524326 LCI524326 LME524326 LWA524326 MFW524326 MPS524326 MZO524326 NJK524326 NTG524326 ODC524326 OMY524326 OWU524326 PGQ524326 PQM524326 QAI524326 QKE524326 QUA524326 RDW524326 RNS524326 RXO524326 SHK524326 SRG524326 TBC524326 TKY524326 TUU524326 UEQ524326 UOM524326 UYI524326 VIE524326 VSA524326 WBW524326 WLS524326 WVO524326 JC589862 SY589862 ACU589862 AMQ589862 AWM589862 BGI589862 BQE589862 CAA589862 CJW589862 CTS589862 DDO589862 DNK589862 DXG589862 EHC589862 EQY589862 FAU589862 FKQ589862 FUM589862 GEI589862 GOE589862 GYA589862 HHW589862 HRS589862 IBO589862 ILK589862 IVG589862 JFC589862 JOY589862 JYU589862 KIQ589862 KSM589862 LCI589862 LME589862 LWA589862 MFW589862 MPS589862 MZO589862 NJK589862 NTG589862 ODC589862 OMY589862 OWU589862 PGQ589862 PQM589862 QAI589862 QKE589862 QUA589862 RDW589862 RNS589862 RXO589862 SHK589862 SRG589862 TBC589862 TKY589862 TUU589862 UEQ589862 UOM589862 UYI589862 VIE589862 VSA589862 WBW589862 WLS589862 WVO589862 JC655398 SY655398 ACU655398 AMQ655398 AWM655398 BGI655398 BQE655398 CAA655398 CJW655398 CTS655398 DDO655398 DNK655398 DXG655398 EHC655398 EQY655398 FAU655398 FKQ655398 FUM655398 GEI655398 GOE655398 GYA655398 HHW655398 HRS655398 IBO655398 ILK655398 IVG655398 JFC655398 JOY655398 JYU655398 KIQ655398 KSM655398 LCI655398 LME655398 LWA655398 MFW655398 MPS655398 MZO655398 NJK655398 NTG655398 ODC655398 OMY655398 OWU655398 PGQ655398 PQM655398 QAI655398 QKE655398 QUA655398 RDW655398 RNS655398 RXO655398 SHK655398 SRG655398 TBC655398 TKY655398 TUU655398 UEQ655398 UOM655398 UYI655398 VIE655398 VSA655398 WBW655398 WLS655398 WVO655398 JC720934 SY720934 ACU720934 AMQ720934 AWM720934 BGI720934 BQE720934 CAA720934 CJW720934 CTS720934 DDO720934 DNK720934 DXG720934 EHC720934 EQY720934 FAU720934 FKQ720934 FUM720934 GEI720934 GOE720934 GYA720934 HHW720934 HRS720934 IBO720934 ILK720934 IVG720934 JFC720934 JOY720934 JYU720934 KIQ720934 KSM720934 LCI720934 LME720934 LWA720934 MFW720934 MPS720934 MZO720934 NJK720934 NTG720934 ODC720934 OMY720934 OWU720934 PGQ720934 PQM720934 QAI720934 QKE720934 QUA720934 RDW720934 RNS720934 RXO720934 SHK720934 SRG720934 TBC720934 TKY720934 TUU720934 UEQ720934 UOM720934 UYI720934 VIE720934 VSA720934 WBW720934 WLS720934 WVO720934 JC786470 SY786470 ACU786470 AMQ786470 AWM786470 BGI786470 BQE786470 CAA786470 CJW786470 CTS786470 DDO786470 DNK786470 DXG786470 EHC786470 EQY786470 FAU786470 FKQ786470 FUM786470 GEI786470 GOE786470 GYA786470 HHW786470 HRS786470 IBO786470 ILK786470 IVG786470 JFC786470 JOY786470 JYU786470 KIQ786470 KSM786470 LCI786470 LME786470 LWA786470 MFW786470 MPS786470 MZO786470 NJK786470 NTG786470 ODC786470 OMY786470 OWU786470 PGQ786470 PQM786470 QAI786470 QKE786470 QUA786470 RDW786470 RNS786470 RXO786470 SHK786470 SRG786470 TBC786470 TKY786470 TUU786470 UEQ786470 UOM786470 UYI786470 VIE786470 VSA786470 WBW786470 WLS786470 WVO786470 JC852006 SY852006 ACU852006 AMQ852006 AWM852006 BGI852006 BQE852006 CAA852006 CJW852006 CTS852006 DDO852006 DNK852006 DXG852006 EHC852006 EQY852006 FAU852006 FKQ852006 FUM852006 GEI852006 GOE852006 GYA852006 HHW852006 HRS852006 IBO852006 ILK852006 IVG852006 JFC852006 JOY852006 JYU852006 KIQ852006 KSM852006 LCI852006 LME852006 LWA852006 MFW852006 MPS852006 MZO852006 NJK852006 NTG852006 ODC852006 OMY852006 OWU852006 PGQ852006 PQM852006 QAI852006 QKE852006 QUA852006 RDW852006 RNS852006 RXO852006 SHK852006 SRG852006 TBC852006 TKY852006 TUU852006 UEQ852006 UOM852006 UYI852006 VIE852006 VSA852006 WBW852006 WLS852006 WVO852006 JC917542 SY917542 ACU917542 AMQ917542 AWM917542 BGI917542 BQE917542 CAA917542 CJW917542 CTS917542 DDO917542 DNK917542 DXG917542 EHC917542 EQY917542 FAU917542 FKQ917542 FUM917542 GEI917542 GOE917542 GYA917542 HHW917542 HRS917542 IBO917542 ILK917542 IVG917542 JFC917542 JOY917542 JYU917542 KIQ917542 KSM917542 LCI917542 LME917542 LWA917542 MFW917542 MPS917542 MZO917542 NJK917542 NTG917542 ODC917542 OMY917542 OWU917542 PGQ917542 PQM917542 QAI917542 QKE917542 QUA917542 RDW917542 RNS917542 RXO917542 SHK917542 SRG917542 TBC917542 TKY917542 TUU917542 UEQ917542 UOM917542 UYI917542 VIE917542 VSA917542 WBW917542 WLS917542 WVO917542 JC983078 SY983078 ACU983078 AMQ983078 AWM983078 BGI983078 BQE983078 CAA983078 CJW983078 CTS983078 DDO983078 DNK983078 DXG983078 EHC983078 EQY983078 FAU983078 FKQ983078 FUM983078 GEI983078 GOE983078 GYA983078 HHW983078 HRS983078 IBO983078 ILK983078 IVG983078 JFC983078 JOY983078 JYU983078 KIQ983078 KSM983078 LCI983078 LME983078 LWA983078 MFW983078 MPS983078 MZO983078 NJK983078 NTG983078 ODC983078 OMY983078 OWU983078 PGQ983078 PQM983078 QAI983078 QKE983078 QUA983078 RDW983078 RNS983078 RXO983078 SHK983078 SRG983078 TBC983078 TKY983078 TUU983078 UEQ983078 UOM983078 UYI983078 VIE983078 VSA983078 WBW983078 WLS983078 AMQ7" xr:uid="{8B148198-DC5B-489E-ACCC-07376E072591}">
      <formula1>"（③ - ①）,（② - ①）"</formula1>
    </dataValidation>
    <dataValidation type="list" allowBlank="1" showInputMessage="1" showErrorMessage="1" sqref="AWK7 BGG7 BQC7 BZY7 CJU7 CTQ7 DDM7 DNI7 DXE7 EHA7 EQW7 FAS7 FKO7 FUK7 GEG7 GOC7 GXY7 HHU7 HRQ7 IBM7 ILI7 IVE7 JFA7 JOW7 JYS7 KIO7 KSK7 LCG7 LMC7 LVY7 MFU7 MPQ7 MZM7 NJI7 NTE7 ODA7 OMW7 OWS7 PGO7 PQK7 QAG7 QKC7 QTY7 RDU7 RNQ7 RXM7 SHI7 SRE7 TBA7 TKW7 TUS7 UEO7 UOK7 UYG7 VIC7 VRY7 WBU7 WLQ7 WVM7 JA7 SW7 ACS7 WVM983078 JA65574 SW65574 ACS65574 AMO65574 AWK65574 BGG65574 BQC65574 BZY65574 CJU65574 CTQ65574 DDM65574 DNI65574 DXE65574 EHA65574 EQW65574 FAS65574 FKO65574 FUK65574 GEG65574 GOC65574 GXY65574 HHU65574 HRQ65574 IBM65574 ILI65574 IVE65574 JFA65574 JOW65574 JYS65574 KIO65574 KSK65574 LCG65574 LMC65574 LVY65574 MFU65574 MPQ65574 MZM65574 NJI65574 NTE65574 ODA65574 OMW65574 OWS65574 PGO65574 PQK65574 QAG65574 QKC65574 QTY65574 RDU65574 RNQ65574 RXM65574 SHI65574 SRE65574 TBA65574 TKW65574 TUS65574 UEO65574 UOK65574 UYG65574 VIC65574 VRY65574 WBU65574 WLQ65574 WVM65574 JA131110 SW131110 ACS131110 AMO131110 AWK131110 BGG131110 BQC131110 BZY131110 CJU131110 CTQ131110 DDM131110 DNI131110 DXE131110 EHA131110 EQW131110 FAS131110 FKO131110 FUK131110 GEG131110 GOC131110 GXY131110 HHU131110 HRQ131110 IBM131110 ILI131110 IVE131110 JFA131110 JOW131110 JYS131110 KIO131110 KSK131110 LCG131110 LMC131110 LVY131110 MFU131110 MPQ131110 MZM131110 NJI131110 NTE131110 ODA131110 OMW131110 OWS131110 PGO131110 PQK131110 QAG131110 QKC131110 QTY131110 RDU131110 RNQ131110 RXM131110 SHI131110 SRE131110 TBA131110 TKW131110 TUS131110 UEO131110 UOK131110 UYG131110 VIC131110 VRY131110 WBU131110 WLQ131110 WVM131110 JA196646 SW196646 ACS196646 AMO196646 AWK196646 BGG196646 BQC196646 BZY196646 CJU196646 CTQ196646 DDM196646 DNI196646 DXE196646 EHA196646 EQW196646 FAS196646 FKO196646 FUK196646 GEG196646 GOC196646 GXY196646 HHU196646 HRQ196646 IBM196646 ILI196646 IVE196646 JFA196646 JOW196646 JYS196646 KIO196646 KSK196646 LCG196646 LMC196646 LVY196646 MFU196646 MPQ196646 MZM196646 NJI196646 NTE196646 ODA196646 OMW196646 OWS196646 PGO196646 PQK196646 QAG196646 QKC196646 QTY196646 RDU196646 RNQ196646 RXM196646 SHI196646 SRE196646 TBA196646 TKW196646 TUS196646 UEO196646 UOK196646 UYG196646 VIC196646 VRY196646 WBU196646 WLQ196646 WVM196646 JA262182 SW262182 ACS262182 AMO262182 AWK262182 BGG262182 BQC262182 BZY262182 CJU262182 CTQ262182 DDM262182 DNI262182 DXE262182 EHA262182 EQW262182 FAS262182 FKO262182 FUK262182 GEG262182 GOC262182 GXY262182 HHU262182 HRQ262182 IBM262182 ILI262182 IVE262182 JFA262182 JOW262182 JYS262182 KIO262182 KSK262182 LCG262182 LMC262182 LVY262182 MFU262182 MPQ262182 MZM262182 NJI262182 NTE262182 ODA262182 OMW262182 OWS262182 PGO262182 PQK262182 QAG262182 QKC262182 QTY262182 RDU262182 RNQ262182 RXM262182 SHI262182 SRE262182 TBA262182 TKW262182 TUS262182 UEO262182 UOK262182 UYG262182 VIC262182 VRY262182 WBU262182 WLQ262182 WVM262182 JA327718 SW327718 ACS327718 AMO327718 AWK327718 BGG327718 BQC327718 BZY327718 CJU327718 CTQ327718 DDM327718 DNI327718 DXE327718 EHA327718 EQW327718 FAS327718 FKO327718 FUK327718 GEG327718 GOC327718 GXY327718 HHU327718 HRQ327718 IBM327718 ILI327718 IVE327718 JFA327718 JOW327718 JYS327718 KIO327718 KSK327718 LCG327718 LMC327718 LVY327718 MFU327718 MPQ327718 MZM327718 NJI327718 NTE327718 ODA327718 OMW327718 OWS327718 PGO327718 PQK327718 QAG327718 QKC327718 QTY327718 RDU327718 RNQ327718 RXM327718 SHI327718 SRE327718 TBA327718 TKW327718 TUS327718 UEO327718 UOK327718 UYG327718 VIC327718 VRY327718 WBU327718 WLQ327718 WVM327718 JA393254 SW393254 ACS393254 AMO393254 AWK393254 BGG393254 BQC393254 BZY393254 CJU393254 CTQ393254 DDM393254 DNI393254 DXE393254 EHA393254 EQW393254 FAS393254 FKO393254 FUK393254 GEG393254 GOC393254 GXY393254 HHU393254 HRQ393254 IBM393254 ILI393254 IVE393254 JFA393254 JOW393254 JYS393254 KIO393254 KSK393254 LCG393254 LMC393254 LVY393254 MFU393254 MPQ393254 MZM393254 NJI393254 NTE393254 ODA393254 OMW393254 OWS393254 PGO393254 PQK393254 QAG393254 QKC393254 QTY393254 RDU393254 RNQ393254 RXM393254 SHI393254 SRE393254 TBA393254 TKW393254 TUS393254 UEO393254 UOK393254 UYG393254 VIC393254 VRY393254 WBU393254 WLQ393254 WVM393254 JA458790 SW458790 ACS458790 AMO458790 AWK458790 BGG458790 BQC458790 BZY458790 CJU458790 CTQ458790 DDM458790 DNI458790 DXE458790 EHA458790 EQW458790 FAS458790 FKO458790 FUK458790 GEG458790 GOC458790 GXY458790 HHU458790 HRQ458790 IBM458790 ILI458790 IVE458790 JFA458790 JOW458790 JYS458790 KIO458790 KSK458790 LCG458790 LMC458790 LVY458790 MFU458790 MPQ458790 MZM458790 NJI458790 NTE458790 ODA458790 OMW458790 OWS458790 PGO458790 PQK458790 QAG458790 QKC458790 QTY458790 RDU458790 RNQ458790 RXM458790 SHI458790 SRE458790 TBA458790 TKW458790 TUS458790 UEO458790 UOK458790 UYG458790 VIC458790 VRY458790 WBU458790 WLQ458790 WVM458790 JA524326 SW524326 ACS524326 AMO524326 AWK524326 BGG524326 BQC524326 BZY524326 CJU524326 CTQ524326 DDM524326 DNI524326 DXE524326 EHA524326 EQW524326 FAS524326 FKO524326 FUK524326 GEG524326 GOC524326 GXY524326 HHU524326 HRQ524326 IBM524326 ILI524326 IVE524326 JFA524326 JOW524326 JYS524326 KIO524326 KSK524326 LCG524326 LMC524326 LVY524326 MFU524326 MPQ524326 MZM524326 NJI524326 NTE524326 ODA524326 OMW524326 OWS524326 PGO524326 PQK524326 QAG524326 QKC524326 QTY524326 RDU524326 RNQ524326 RXM524326 SHI524326 SRE524326 TBA524326 TKW524326 TUS524326 UEO524326 UOK524326 UYG524326 VIC524326 VRY524326 WBU524326 WLQ524326 WVM524326 JA589862 SW589862 ACS589862 AMO589862 AWK589862 BGG589862 BQC589862 BZY589862 CJU589862 CTQ589862 DDM589862 DNI589862 DXE589862 EHA589862 EQW589862 FAS589862 FKO589862 FUK589862 GEG589862 GOC589862 GXY589862 HHU589862 HRQ589862 IBM589862 ILI589862 IVE589862 JFA589862 JOW589862 JYS589862 KIO589862 KSK589862 LCG589862 LMC589862 LVY589862 MFU589862 MPQ589862 MZM589862 NJI589862 NTE589862 ODA589862 OMW589862 OWS589862 PGO589862 PQK589862 QAG589862 QKC589862 QTY589862 RDU589862 RNQ589862 RXM589862 SHI589862 SRE589862 TBA589862 TKW589862 TUS589862 UEO589862 UOK589862 UYG589862 VIC589862 VRY589862 WBU589862 WLQ589862 WVM589862 JA655398 SW655398 ACS655398 AMO655398 AWK655398 BGG655398 BQC655398 BZY655398 CJU655398 CTQ655398 DDM655398 DNI655398 DXE655398 EHA655398 EQW655398 FAS655398 FKO655398 FUK655398 GEG655398 GOC655398 GXY655398 HHU655398 HRQ655398 IBM655398 ILI655398 IVE655398 JFA655398 JOW655398 JYS655398 KIO655398 KSK655398 LCG655398 LMC655398 LVY655398 MFU655398 MPQ655398 MZM655398 NJI655398 NTE655398 ODA655398 OMW655398 OWS655398 PGO655398 PQK655398 QAG655398 QKC655398 QTY655398 RDU655398 RNQ655398 RXM655398 SHI655398 SRE655398 TBA655398 TKW655398 TUS655398 UEO655398 UOK655398 UYG655398 VIC655398 VRY655398 WBU655398 WLQ655398 WVM655398 JA720934 SW720934 ACS720934 AMO720934 AWK720934 BGG720934 BQC720934 BZY720934 CJU720934 CTQ720934 DDM720934 DNI720934 DXE720934 EHA720934 EQW720934 FAS720934 FKO720934 FUK720934 GEG720934 GOC720934 GXY720934 HHU720934 HRQ720934 IBM720934 ILI720934 IVE720934 JFA720934 JOW720934 JYS720934 KIO720934 KSK720934 LCG720934 LMC720934 LVY720934 MFU720934 MPQ720934 MZM720934 NJI720934 NTE720934 ODA720934 OMW720934 OWS720934 PGO720934 PQK720934 QAG720934 QKC720934 QTY720934 RDU720934 RNQ720934 RXM720934 SHI720934 SRE720934 TBA720934 TKW720934 TUS720934 UEO720934 UOK720934 UYG720934 VIC720934 VRY720934 WBU720934 WLQ720934 WVM720934 JA786470 SW786470 ACS786470 AMO786470 AWK786470 BGG786470 BQC786470 BZY786470 CJU786470 CTQ786470 DDM786470 DNI786470 DXE786470 EHA786470 EQW786470 FAS786470 FKO786470 FUK786470 GEG786470 GOC786470 GXY786470 HHU786470 HRQ786470 IBM786470 ILI786470 IVE786470 JFA786470 JOW786470 JYS786470 KIO786470 KSK786470 LCG786470 LMC786470 LVY786470 MFU786470 MPQ786470 MZM786470 NJI786470 NTE786470 ODA786470 OMW786470 OWS786470 PGO786470 PQK786470 QAG786470 QKC786470 QTY786470 RDU786470 RNQ786470 RXM786470 SHI786470 SRE786470 TBA786470 TKW786470 TUS786470 UEO786470 UOK786470 UYG786470 VIC786470 VRY786470 WBU786470 WLQ786470 WVM786470 JA852006 SW852006 ACS852006 AMO852006 AWK852006 BGG852006 BQC852006 BZY852006 CJU852006 CTQ852006 DDM852006 DNI852006 DXE852006 EHA852006 EQW852006 FAS852006 FKO852006 FUK852006 GEG852006 GOC852006 GXY852006 HHU852006 HRQ852006 IBM852006 ILI852006 IVE852006 JFA852006 JOW852006 JYS852006 KIO852006 KSK852006 LCG852006 LMC852006 LVY852006 MFU852006 MPQ852006 MZM852006 NJI852006 NTE852006 ODA852006 OMW852006 OWS852006 PGO852006 PQK852006 QAG852006 QKC852006 QTY852006 RDU852006 RNQ852006 RXM852006 SHI852006 SRE852006 TBA852006 TKW852006 TUS852006 UEO852006 UOK852006 UYG852006 VIC852006 VRY852006 WBU852006 WLQ852006 WVM852006 JA917542 SW917542 ACS917542 AMO917542 AWK917542 BGG917542 BQC917542 BZY917542 CJU917542 CTQ917542 DDM917542 DNI917542 DXE917542 EHA917542 EQW917542 FAS917542 FKO917542 FUK917542 GEG917542 GOC917542 GXY917542 HHU917542 HRQ917542 IBM917542 ILI917542 IVE917542 JFA917542 JOW917542 JYS917542 KIO917542 KSK917542 LCG917542 LMC917542 LVY917542 MFU917542 MPQ917542 MZM917542 NJI917542 NTE917542 ODA917542 OMW917542 OWS917542 PGO917542 PQK917542 QAG917542 QKC917542 QTY917542 RDU917542 RNQ917542 RXM917542 SHI917542 SRE917542 TBA917542 TKW917542 TUS917542 UEO917542 UOK917542 UYG917542 VIC917542 VRY917542 WBU917542 WLQ917542 WVM917542 JA983078 SW983078 ACS983078 AMO983078 AWK983078 BGG983078 BQC983078 BZY983078 CJU983078 CTQ983078 DDM983078 DNI983078 DXE983078 EHA983078 EQW983078 FAS983078 FKO983078 FUK983078 GEG983078 GOC983078 GXY983078 HHU983078 HRQ983078 IBM983078 ILI983078 IVE983078 JFA983078 JOW983078 JYS983078 KIO983078 KSK983078 LCG983078 LMC983078 LVY983078 MFU983078 MPQ983078 MZM983078 NJI983078 NTE983078 ODA983078 OMW983078 OWS983078 PGO983078 PQK983078 QAG983078 QKC983078 QTY983078 RDU983078 RNQ983078 RXM983078 SHI983078 SRE983078 TBA983078 TKW983078 TUS983078 UEO983078 UOK983078 UYG983078 VIC983078 VRY983078 WBU983078 WLQ983078 AMO7" xr:uid="{3D2A43C5-DF81-49E0-986D-C1D3BD1C8627}">
      <formula1>"調 整 ③,予 算 案 ②,予 算 ②"</formula1>
    </dataValidation>
    <dataValidation type="list" allowBlank="1" showInputMessage="1" showErrorMessage="1" sqref="DNL102:DNL103 DXH102:DXH103 EHD102:EHD103 EQZ102:EQZ103 FAV102:FAV103 FKR102:FKR103 FUN102:FUN103 GEJ102:GEJ103 GOF102:GOF103 GYB102:GYB103 HHX102:HHX103 HRT102:HRT103 IBP102:IBP103 ILL102:ILL103 IVH102:IVH103 JFD102:JFD103 JOZ102:JOZ103 JYV102:JYV103 KIR102:KIR103 KSN102:KSN103 LCJ102:LCJ103 LMF102:LMF103 LWB102:LWB103 MFX102:MFX103 MPT102:MPT103 MZP102:MZP103 NJL102:NJL103 NTH102:NTH103 ODD102:ODD103 OMZ102:OMZ103 OWV102:OWV103 PGR102:PGR103 PQN102:PQN103 QAJ102:QAJ103 QKF102:QKF103 QUB102:QUB103 RDX102:RDX103 RNT102:RNT103 RXP102:RXP103 SHL102:SHL103 SRH102:SRH103 TBD102:TBD103 TKZ102:TKZ103 TUV102:TUV103 UER102:UER103 UON102:UON103 UYJ102:UYJ103 VIF102:VIF103 VSB102:VSB103 WBX102:WBX103 WLT102:WLT103 WVP102:WVP103 JD102:JD103 SZ102:SZ103 ACV102:ACV103 AMR102:AMR103 AWN102:AWN103 BGJ102:BGJ103 BQF102:BQF103 CAB102:CAB103 CJX102:CJX103 CTT102:CTT103 WLT983083:WLT983090 WVP983083:WVP983090 H65575:H65576 JD65575:JD65576 SZ65575:SZ65576 ACV65575:ACV65576 AMR65575:AMR65576 AWN65575:AWN65576 BGJ65575:BGJ65576 BQF65575:BQF65576 CAB65575:CAB65576 CJX65575:CJX65576 CTT65575:CTT65576 DDP65575:DDP65576 DNL65575:DNL65576 DXH65575:DXH65576 EHD65575:EHD65576 EQZ65575:EQZ65576 FAV65575:FAV65576 FKR65575:FKR65576 FUN65575:FUN65576 GEJ65575:GEJ65576 GOF65575:GOF65576 GYB65575:GYB65576 HHX65575:HHX65576 HRT65575:HRT65576 IBP65575:IBP65576 ILL65575:ILL65576 IVH65575:IVH65576 JFD65575:JFD65576 JOZ65575:JOZ65576 JYV65575:JYV65576 KIR65575:KIR65576 KSN65575:KSN65576 LCJ65575:LCJ65576 LMF65575:LMF65576 LWB65575:LWB65576 MFX65575:MFX65576 MPT65575:MPT65576 MZP65575:MZP65576 NJL65575:NJL65576 NTH65575:NTH65576 ODD65575:ODD65576 OMZ65575:OMZ65576 OWV65575:OWV65576 PGR65575:PGR65576 PQN65575:PQN65576 QAJ65575:QAJ65576 QKF65575:QKF65576 QUB65575:QUB65576 RDX65575:RDX65576 RNT65575:RNT65576 RXP65575:RXP65576 SHL65575:SHL65576 SRH65575:SRH65576 TBD65575:TBD65576 TKZ65575:TKZ65576 TUV65575:TUV65576 UER65575:UER65576 UON65575:UON65576 UYJ65575:UYJ65576 VIF65575:VIF65576 VSB65575:VSB65576 WBX65575:WBX65576 WLT65575:WLT65576 WVP65575:WVP65576 H131111:H131112 JD131111:JD131112 SZ131111:SZ131112 ACV131111:ACV131112 AMR131111:AMR131112 AWN131111:AWN131112 BGJ131111:BGJ131112 BQF131111:BQF131112 CAB131111:CAB131112 CJX131111:CJX131112 CTT131111:CTT131112 DDP131111:DDP131112 DNL131111:DNL131112 DXH131111:DXH131112 EHD131111:EHD131112 EQZ131111:EQZ131112 FAV131111:FAV131112 FKR131111:FKR131112 FUN131111:FUN131112 GEJ131111:GEJ131112 GOF131111:GOF131112 GYB131111:GYB131112 HHX131111:HHX131112 HRT131111:HRT131112 IBP131111:IBP131112 ILL131111:ILL131112 IVH131111:IVH131112 JFD131111:JFD131112 JOZ131111:JOZ131112 JYV131111:JYV131112 KIR131111:KIR131112 KSN131111:KSN131112 LCJ131111:LCJ131112 LMF131111:LMF131112 LWB131111:LWB131112 MFX131111:MFX131112 MPT131111:MPT131112 MZP131111:MZP131112 NJL131111:NJL131112 NTH131111:NTH131112 ODD131111:ODD131112 OMZ131111:OMZ131112 OWV131111:OWV131112 PGR131111:PGR131112 PQN131111:PQN131112 QAJ131111:QAJ131112 QKF131111:QKF131112 QUB131111:QUB131112 RDX131111:RDX131112 RNT131111:RNT131112 RXP131111:RXP131112 SHL131111:SHL131112 SRH131111:SRH131112 TBD131111:TBD131112 TKZ131111:TKZ131112 TUV131111:TUV131112 UER131111:UER131112 UON131111:UON131112 UYJ131111:UYJ131112 VIF131111:VIF131112 VSB131111:VSB131112 WBX131111:WBX131112 WLT131111:WLT131112 WVP131111:WVP131112 H196647:H196648 JD196647:JD196648 SZ196647:SZ196648 ACV196647:ACV196648 AMR196647:AMR196648 AWN196647:AWN196648 BGJ196647:BGJ196648 BQF196647:BQF196648 CAB196647:CAB196648 CJX196647:CJX196648 CTT196647:CTT196648 DDP196647:DDP196648 DNL196647:DNL196648 DXH196647:DXH196648 EHD196647:EHD196648 EQZ196647:EQZ196648 FAV196647:FAV196648 FKR196647:FKR196648 FUN196647:FUN196648 GEJ196647:GEJ196648 GOF196647:GOF196648 GYB196647:GYB196648 HHX196647:HHX196648 HRT196647:HRT196648 IBP196647:IBP196648 ILL196647:ILL196648 IVH196647:IVH196648 JFD196647:JFD196648 JOZ196647:JOZ196648 JYV196647:JYV196648 KIR196647:KIR196648 KSN196647:KSN196648 LCJ196647:LCJ196648 LMF196647:LMF196648 LWB196647:LWB196648 MFX196647:MFX196648 MPT196647:MPT196648 MZP196647:MZP196648 NJL196647:NJL196648 NTH196647:NTH196648 ODD196647:ODD196648 OMZ196647:OMZ196648 OWV196647:OWV196648 PGR196647:PGR196648 PQN196647:PQN196648 QAJ196647:QAJ196648 QKF196647:QKF196648 QUB196647:QUB196648 RDX196647:RDX196648 RNT196647:RNT196648 RXP196647:RXP196648 SHL196647:SHL196648 SRH196647:SRH196648 TBD196647:TBD196648 TKZ196647:TKZ196648 TUV196647:TUV196648 UER196647:UER196648 UON196647:UON196648 UYJ196647:UYJ196648 VIF196647:VIF196648 VSB196647:VSB196648 WBX196647:WBX196648 WLT196647:WLT196648 WVP196647:WVP196648 H262183:H262184 JD262183:JD262184 SZ262183:SZ262184 ACV262183:ACV262184 AMR262183:AMR262184 AWN262183:AWN262184 BGJ262183:BGJ262184 BQF262183:BQF262184 CAB262183:CAB262184 CJX262183:CJX262184 CTT262183:CTT262184 DDP262183:DDP262184 DNL262183:DNL262184 DXH262183:DXH262184 EHD262183:EHD262184 EQZ262183:EQZ262184 FAV262183:FAV262184 FKR262183:FKR262184 FUN262183:FUN262184 GEJ262183:GEJ262184 GOF262183:GOF262184 GYB262183:GYB262184 HHX262183:HHX262184 HRT262183:HRT262184 IBP262183:IBP262184 ILL262183:ILL262184 IVH262183:IVH262184 JFD262183:JFD262184 JOZ262183:JOZ262184 JYV262183:JYV262184 KIR262183:KIR262184 KSN262183:KSN262184 LCJ262183:LCJ262184 LMF262183:LMF262184 LWB262183:LWB262184 MFX262183:MFX262184 MPT262183:MPT262184 MZP262183:MZP262184 NJL262183:NJL262184 NTH262183:NTH262184 ODD262183:ODD262184 OMZ262183:OMZ262184 OWV262183:OWV262184 PGR262183:PGR262184 PQN262183:PQN262184 QAJ262183:QAJ262184 QKF262183:QKF262184 QUB262183:QUB262184 RDX262183:RDX262184 RNT262183:RNT262184 RXP262183:RXP262184 SHL262183:SHL262184 SRH262183:SRH262184 TBD262183:TBD262184 TKZ262183:TKZ262184 TUV262183:TUV262184 UER262183:UER262184 UON262183:UON262184 UYJ262183:UYJ262184 VIF262183:VIF262184 VSB262183:VSB262184 WBX262183:WBX262184 WLT262183:WLT262184 WVP262183:WVP262184 H327719:H327720 JD327719:JD327720 SZ327719:SZ327720 ACV327719:ACV327720 AMR327719:AMR327720 AWN327719:AWN327720 BGJ327719:BGJ327720 BQF327719:BQF327720 CAB327719:CAB327720 CJX327719:CJX327720 CTT327719:CTT327720 DDP327719:DDP327720 DNL327719:DNL327720 DXH327719:DXH327720 EHD327719:EHD327720 EQZ327719:EQZ327720 FAV327719:FAV327720 FKR327719:FKR327720 FUN327719:FUN327720 GEJ327719:GEJ327720 GOF327719:GOF327720 GYB327719:GYB327720 HHX327719:HHX327720 HRT327719:HRT327720 IBP327719:IBP327720 ILL327719:ILL327720 IVH327719:IVH327720 JFD327719:JFD327720 JOZ327719:JOZ327720 JYV327719:JYV327720 KIR327719:KIR327720 KSN327719:KSN327720 LCJ327719:LCJ327720 LMF327719:LMF327720 LWB327719:LWB327720 MFX327719:MFX327720 MPT327719:MPT327720 MZP327719:MZP327720 NJL327719:NJL327720 NTH327719:NTH327720 ODD327719:ODD327720 OMZ327719:OMZ327720 OWV327719:OWV327720 PGR327719:PGR327720 PQN327719:PQN327720 QAJ327719:QAJ327720 QKF327719:QKF327720 QUB327719:QUB327720 RDX327719:RDX327720 RNT327719:RNT327720 RXP327719:RXP327720 SHL327719:SHL327720 SRH327719:SRH327720 TBD327719:TBD327720 TKZ327719:TKZ327720 TUV327719:TUV327720 UER327719:UER327720 UON327719:UON327720 UYJ327719:UYJ327720 VIF327719:VIF327720 VSB327719:VSB327720 WBX327719:WBX327720 WLT327719:WLT327720 WVP327719:WVP327720 H393255:H393256 JD393255:JD393256 SZ393255:SZ393256 ACV393255:ACV393256 AMR393255:AMR393256 AWN393255:AWN393256 BGJ393255:BGJ393256 BQF393255:BQF393256 CAB393255:CAB393256 CJX393255:CJX393256 CTT393255:CTT393256 DDP393255:DDP393256 DNL393255:DNL393256 DXH393255:DXH393256 EHD393255:EHD393256 EQZ393255:EQZ393256 FAV393255:FAV393256 FKR393255:FKR393256 FUN393255:FUN393256 GEJ393255:GEJ393256 GOF393255:GOF393256 GYB393255:GYB393256 HHX393255:HHX393256 HRT393255:HRT393256 IBP393255:IBP393256 ILL393255:ILL393256 IVH393255:IVH393256 JFD393255:JFD393256 JOZ393255:JOZ393256 JYV393255:JYV393256 KIR393255:KIR393256 KSN393255:KSN393256 LCJ393255:LCJ393256 LMF393255:LMF393256 LWB393255:LWB393256 MFX393255:MFX393256 MPT393255:MPT393256 MZP393255:MZP393256 NJL393255:NJL393256 NTH393255:NTH393256 ODD393255:ODD393256 OMZ393255:OMZ393256 OWV393255:OWV393256 PGR393255:PGR393256 PQN393255:PQN393256 QAJ393255:QAJ393256 QKF393255:QKF393256 QUB393255:QUB393256 RDX393255:RDX393256 RNT393255:RNT393256 RXP393255:RXP393256 SHL393255:SHL393256 SRH393255:SRH393256 TBD393255:TBD393256 TKZ393255:TKZ393256 TUV393255:TUV393256 UER393255:UER393256 UON393255:UON393256 UYJ393255:UYJ393256 VIF393255:VIF393256 VSB393255:VSB393256 WBX393255:WBX393256 WLT393255:WLT393256 WVP393255:WVP393256 H458791:H458792 JD458791:JD458792 SZ458791:SZ458792 ACV458791:ACV458792 AMR458791:AMR458792 AWN458791:AWN458792 BGJ458791:BGJ458792 BQF458791:BQF458792 CAB458791:CAB458792 CJX458791:CJX458792 CTT458791:CTT458792 DDP458791:DDP458792 DNL458791:DNL458792 DXH458791:DXH458792 EHD458791:EHD458792 EQZ458791:EQZ458792 FAV458791:FAV458792 FKR458791:FKR458792 FUN458791:FUN458792 GEJ458791:GEJ458792 GOF458791:GOF458792 GYB458791:GYB458792 HHX458791:HHX458792 HRT458791:HRT458792 IBP458791:IBP458792 ILL458791:ILL458792 IVH458791:IVH458792 JFD458791:JFD458792 JOZ458791:JOZ458792 JYV458791:JYV458792 KIR458791:KIR458792 KSN458791:KSN458792 LCJ458791:LCJ458792 LMF458791:LMF458792 LWB458791:LWB458792 MFX458791:MFX458792 MPT458791:MPT458792 MZP458791:MZP458792 NJL458791:NJL458792 NTH458791:NTH458792 ODD458791:ODD458792 OMZ458791:OMZ458792 OWV458791:OWV458792 PGR458791:PGR458792 PQN458791:PQN458792 QAJ458791:QAJ458792 QKF458791:QKF458792 QUB458791:QUB458792 RDX458791:RDX458792 RNT458791:RNT458792 RXP458791:RXP458792 SHL458791:SHL458792 SRH458791:SRH458792 TBD458791:TBD458792 TKZ458791:TKZ458792 TUV458791:TUV458792 UER458791:UER458792 UON458791:UON458792 UYJ458791:UYJ458792 VIF458791:VIF458792 VSB458791:VSB458792 WBX458791:WBX458792 WLT458791:WLT458792 WVP458791:WVP458792 H524327:H524328 JD524327:JD524328 SZ524327:SZ524328 ACV524327:ACV524328 AMR524327:AMR524328 AWN524327:AWN524328 BGJ524327:BGJ524328 BQF524327:BQF524328 CAB524327:CAB524328 CJX524327:CJX524328 CTT524327:CTT524328 DDP524327:DDP524328 DNL524327:DNL524328 DXH524327:DXH524328 EHD524327:EHD524328 EQZ524327:EQZ524328 FAV524327:FAV524328 FKR524327:FKR524328 FUN524327:FUN524328 GEJ524327:GEJ524328 GOF524327:GOF524328 GYB524327:GYB524328 HHX524327:HHX524328 HRT524327:HRT524328 IBP524327:IBP524328 ILL524327:ILL524328 IVH524327:IVH524328 JFD524327:JFD524328 JOZ524327:JOZ524328 JYV524327:JYV524328 KIR524327:KIR524328 KSN524327:KSN524328 LCJ524327:LCJ524328 LMF524327:LMF524328 LWB524327:LWB524328 MFX524327:MFX524328 MPT524327:MPT524328 MZP524327:MZP524328 NJL524327:NJL524328 NTH524327:NTH524328 ODD524327:ODD524328 OMZ524327:OMZ524328 OWV524327:OWV524328 PGR524327:PGR524328 PQN524327:PQN524328 QAJ524327:QAJ524328 QKF524327:QKF524328 QUB524327:QUB524328 RDX524327:RDX524328 RNT524327:RNT524328 RXP524327:RXP524328 SHL524327:SHL524328 SRH524327:SRH524328 TBD524327:TBD524328 TKZ524327:TKZ524328 TUV524327:TUV524328 UER524327:UER524328 UON524327:UON524328 UYJ524327:UYJ524328 VIF524327:VIF524328 VSB524327:VSB524328 WBX524327:WBX524328 WLT524327:WLT524328 WVP524327:WVP524328 H589863:H589864 JD589863:JD589864 SZ589863:SZ589864 ACV589863:ACV589864 AMR589863:AMR589864 AWN589863:AWN589864 BGJ589863:BGJ589864 BQF589863:BQF589864 CAB589863:CAB589864 CJX589863:CJX589864 CTT589863:CTT589864 DDP589863:DDP589864 DNL589863:DNL589864 DXH589863:DXH589864 EHD589863:EHD589864 EQZ589863:EQZ589864 FAV589863:FAV589864 FKR589863:FKR589864 FUN589863:FUN589864 GEJ589863:GEJ589864 GOF589863:GOF589864 GYB589863:GYB589864 HHX589863:HHX589864 HRT589863:HRT589864 IBP589863:IBP589864 ILL589863:ILL589864 IVH589863:IVH589864 JFD589863:JFD589864 JOZ589863:JOZ589864 JYV589863:JYV589864 KIR589863:KIR589864 KSN589863:KSN589864 LCJ589863:LCJ589864 LMF589863:LMF589864 LWB589863:LWB589864 MFX589863:MFX589864 MPT589863:MPT589864 MZP589863:MZP589864 NJL589863:NJL589864 NTH589863:NTH589864 ODD589863:ODD589864 OMZ589863:OMZ589864 OWV589863:OWV589864 PGR589863:PGR589864 PQN589863:PQN589864 QAJ589863:QAJ589864 QKF589863:QKF589864 QUB589863:QUB589864 RDX589863:RDX589864 RNT589863:RNT589864 RXP589863:RXP589864 SHL589863:SHL589864 SRH589863:SRH589864 TBD589863:TBD589864 TKZ589863:TKZ589864 TUV589863:TUV589864 UER589863:UER589864 UON589863:UON589864 UYJ589863:UYJ589864 VIF589863:VIF589864 VSB589863:VSB589864 WBX589863:WBX589864 WLT589863:WLT589864 WVP589863:WVP589864 H655399:H655400 JD655399:JD655400 SZ655399:SZ655400 ACV655399:ACV655400 AMR655399:AMR655400 AWN655399:AWN655400 BGJ655399:BGJ655400 BQF655399:BQF655400 CAB655399:CAB655400 CJX655399:CJX655400 CTT655399:CTT655400 DDP655399:DDP655400 DNL655399:DNL655400 DXH655399:DXH655400 EHD655399:EHD655400 EQZ655399:EQZ655400 FAV655399:FAV655400 FKR655399:FKR655400 FUN655399:FUN655400 GEJ655399:GEJ655400 GOF655399:GOF655400 GYB655399:GYB655400 HHX655399:HHX655400 HRT655399:HRT655400 IBP655399:IBP655400 ILL655399:ILL655400 IVH655399:IVH655400 JFD655399:JFD655400 JOZ655399:JOZ655400 JYV655399:JYV655400 KIR655399:KIR655400 KSN655399:KSN655400 LCJ655399:LCJ655400 LMF655399:LMF655400 LWB655399:LWB655400 MFX655399:MFX655400 MPT655399:MPT655400 MZP655399:MZP655400 NJL655399:NJL655400 NTH655399:NTH655400 ODD655399:ODD655400 OMZ655399:OMZ655400 OWV655399:OWV655400 PGR655399:PGR655400 PQN655399:PQN655400 QAJ655399:QAJ655400 QKF655399:QKF655400 QUB655399:QUB655400 RDX655399:RDX655400 RNT655399:RNT655400 RXP655399:RXP655400 SHL655399:SHL655400 SRH655399:SRH655400 TBD655399:TBD655400 TKZ655399:TKZ655400 TUV655399:TUV655400 UER655399:UER655400 UON655399:UON655400 UYJ655399:UYJ655400 VIF655399:VIF655400 VSB655399:VSB655400 WBX655399:WBX655400 WLT655399:WLT655400 WVP655399:WVP655400 H720935:H720936 JD720935:JD720936 SZ720935:SZ720936 ACV720935:ACV720936 AMR720935:AMR720936 AWN720935:AWN720936 BGJ720935:BGJ720936 BQF720935:BQF720936 CAB720935:CAB720936 CJX720935:CJX720936 CTT720935:CTT720936 DDP720935:DDP720936 DNL720935:DNL720936 DXH720935:DXH720936 EHD720935:EHD720936 EQZ720935:EQZ720936 FAV720935:FAV720936 FKR720935:FKR720936 FUN720935:FUN720936 GEJ720935:GEJ720936 GOF720935:GOF720936 GYB720935:GYB720936 HHX720935:HHX720936 HRT720935:HRT720936 IBP720935:IBP720936 ILL720935:ILL720936 IVH720935:IVH720936 JFD720935:JFD720936 JOZ720935:JOZ720936 JYV720935:JYV720936 KIR720935:KIR720936 KSN720935:KSN720936 LCJ720935:LCJ720936 LMF720935:LMF720936 LWB720935:LWB720936 MFX720935:MFX720936 MPT720935:MPT720936 MZP720935:MZP720936 NJL720935:NJL720936 NTH720935:NTH720936 ODD720935:ODD720936 OMZ720935:OMZ720936 OWV720935:OWV720936 PGR720935:PGR720936 PQN720935:PQN720936 QAJ720935:QAJ720936 QKF720935:QKF720936 QUB720935:QUB720936 RDX720935:RDX720936 RNT720935:RNT720936 RXP720935:RXP720936 SHL720935:SHL720936 SRH720935:SRH720936 TBD720935:TBD720936 TKZ720935:TKZ720936 TUV720935:TUV720936 UER720935:UER720936 UON720935:UON720936 UYJ720935:UYJ720936 VIF720935:VIF720936 VSB720935:VSB720936 WBX720935:WBX720936 WLT720935:WLT720936 WVP720935:WVP720936 H786471:H786472 JD786471:JD786472 SZ786471:SZ786472 ACV786471:ACV786472 AMR786471:AMR786472 AWN786471:AWN786472 BGJ786471:BGJ786472 BQF786471:BQF786472 CAB786471:CAB786472 CJX786471:CJX786472 CTT786471:CTT786472 DDP786471:DDP786472 DNL786471:DNL786472 DXH786471:DXH786472 EHD786471:EHD786472 EQZ786471:EQZ786472 FAV786471:FAV786472 FKR786471:FKR786472 FUN786471:FUN786472 GEJ786471:GEJ786472 GOF786471:GOF786472 GYB786471:GYB786472 HHX786471:HHX786472 HRT786471:HRT786472 IBP786471:IBP786472 ILL786471:ILL786472 IVH786471:IVH786472 JFD786471:JFD786472 JOZ786471:JOZ786472 JYV786471:JYV786472 KIR786471:KIR786472 KSN786471:KSN786472 LCJ786471:LCJ786472 LMF786471:LMF786472 LWB786471:LWB786472 MFX786471:MFX786472 MPT786471:MPT786472 MZP786471:MZP786472 NJL786471:NJL786472 NTH786471:NTH786472 ODD786471:ODD786472 OMZ786471:OMZ786472 OWV786471:OWV786472 PGR786471:PGR786472 PQN786471:PQN786472 QAJ786471:QAJ786472 QKF786471:QKF786472 QUB786471:QUB786472 RDX786471:RDX786472 RNT786471:RNT786472 RXP786471:RXP786472 SHL786471:SHL786472 SRH786471:SRH786472 TBD786471:TBD786472 TKZ786471:TKZ786472 TUV786471:TUV786472 UER786471:UER786472 UON786471:UON786472 UYJ786471:UYJ786472 VIF786471:VIF786472 VSB786471:VSB786472 WBX786471:WBX786472 WLT786471:WLT786472 WVP786471:WVP786472 H852007:H852008 JD852007:JD852008 SZ852007:SZ852008 ACV852007:ACV852008 AMR852007:AMR852008 AWN852007:AWN852008 BGJ852007:BGJ852008 BQF852007:BQF852008 CAB852007:CAB852008 CJX852007:CJX852008 CTT852007:CTT852008 DDP852007:DDP852008 DNL852007:DNL852008 DXH852007:DXH852008 EHD852007:EHD852008 EQZ852007:EQZ852008 FAV852007:FAV852008 FKR852007:FKR852008 FUN852007:FUN852008 GEJ852007:GEJ852008 GOF852007:GOF852008 GYB852007:GYB852008 HHX852007:HHX852008 HRT852007:HRT852008 IBP852007:IBP852008 ILL852007:ILL852008 IVH852007:IVH852008 JFD852007:JFD852008 JOZ852007:JOZ852008 JYV852007:JYV852008 KIR852007:KIR852008 KSN852007:KSN852008 LCJ852007:LCJ852008 LMF852007:LMF852008 LWB852007:LWB852008 MFX852007:MFX852008 MPT852007:MPT852008 MZP852007:MZP852008 NJL852007:NJL852008 NTH852007:NTH852008 ODD852007:ODD852008 OMZ852007:OMZ852008 OWV852007:OWV852008 PGR852007:PGR852008 PQN852007:PQN852008 QAJ852007:QAJ852008 QKF852007:QKF852008 QUB852007:QUB852008 RDX852007:RDX852008 RNT852007:RNT852008 RXP852007:RXP852008 SHL852007:SHL852008 SRH852007:SRH852008 TBD852007:TBD852008 TKZ852007:TKZ852008 TUV852007:TUV852008 UER852007:UER852008 UON852007:UON852008 UYJ852007:UYJ852008 VIF852007:VIF852008 VSB852007:VSB852008 WBX852007:WBX852008 WLT852007:WLT852008 WVP852007:WVP852008 H917543:H917544 JD917543:JD917544 SZ917543:SZ917544 ACV917543:ACV917544 AMR917543:AMR917544 AWN917543:AWN917544 BGJ917543:BGJ917544 BQF917543:BQF917544 CAB917543:CAB917544 CJX917543:CJX917544 CTT917543:CTT917544 DDP917543:DDP917544 DNL917543:DNL917544 DXH917543:DXH917544 EHD917543:EHD917544 EQZ917543:EQZ917544 FAV917543:FAV917544 FKR917543:FKR917544 FUN917543:FUN917544 GEJ917543:GEJ917544 GOF917543:GOF917544 GYB917543:GYB917544 HHX917543:HHX917544 HRT917543:HRT917544 IBP917543:IBP917544 ILL917543:ILL917544 IVH917543:IVH917544 JFD917543:JFD917544 JOZ917543:JOZ917544 JYV917543:JYV917544 KIR917543:KIR917544 KSN917543:KSN917544 LCJ917543:LCJ917544 LMF917543:LMF917544 LWB917543:LWB917544 MFX917543:MFX917544 MPT917543:MPT917544 MZP917543:MZP917544 NJL917543:NJL917544 NTH917543:NTH917544 ODD917543:ODD917544 OMZ917543:OMZ917544 OWV917543:OWV917544 PGR917543:PGR917544 PQN917543:PQN917544 QAJ917543:QAJ917544 QKF917543:QKF917544 QUB917543:QUB917544 RDX917543:RDX917544 RNT917543:RNT917544 RXP917543:RXP917544 SHL917543:SHL917544 SRH917543:SRH917544 TBD917543:TBD917544 TKZ917543:TKZ917544 TUV917543:TUV917544 UER917543:UER917544 UON917543:UON917544 UYJ917543:UYJ917544 VIF917543:VIF917544 VSB917543:VSB917544 WBX917543:WBX917544 WLT917543:WLT917544 WVP917543:WVP917544 H983079:H983080 JD983079:JD983080 SZ983079:SZ983080 ACV983079:ACV983080 AMR983079:AMR983080 AWN983079:AWN983080 BGJ983079:BGJ983080 BQF983079:BQF983080 CAB983079:CAB983080 CJX983079:CJX983080 CTT983079:CTT983080 DDP983079:DDP983080 DNL983079:DNL983080 DXH983079:DXH983080 EHD983079:EHD983080 EQZ983079:EQZ983080 FAV983079:FAV983080 FKR983079:FKR983080 FUN983079:FUN983080 GEJ983079:GEJ983080 GOF983079:GOF983080 GYB983079:GYB983080 HHX983079:HHX983080 HRT983079:HRT983080 IBP983079:IBP983080 ILL983079:ILL983080 IVH983079:IVH983080 JFD983079:JFD983080 JOZ983079:JOZ983080 JYV983079:JYV983080 KIR983079:KIR983080 KSN983079:KSN983080 LCJ983079:LCJ983080 LMF983079:LMF983080 LWB983079:LWB983080 MFX983079:MFX983080 MPT983079:MPT983080 MZP983079:MZP983080 NJL983079:NJL983080 NTH983079:NTH983080 ODD983079:ODD983080 OMZ983079:OMZ983080 OWV983079:OWV983080 PGR983079:PGR983080 PQN983079:PQN983080 QAJ983079:QAJ983080 QKF983079:QKF983080 QUB983079:QUB983080 RDX983079:RDX983080 RNT983079:RNT983080 RXP983079:RXP983080 SHL983079:SHL983080 SRH983079:SRH983080 TBD983079:TBD983080 TKZ983079:TKZ983080 TUV983079:TUV983080 UER983079:UER983080 UON983079:UON983080 UYJ983079:UYJ983080 VIF983079:VIF983080 VSB983079:VSB983080 WBX983079:WBX983080 WLT983079:WLT983080 WVP983079:WVP983080 H65579:H65586 JD65579:JD65586 SZ65579:SZ65586 ACV65579:ACV65586 AMR65579:AMR65586 AWN65579:AWN65586 BGJ65579:BGJ65586 BQF65579:BQF65586 CAB65579:CAB65586 CJX65579:CJX65586 CTT65579:CTT65586 DDP65579:DDP65586 DNL65579:DNL65586 DXH65579:DXH65586 EHD65579:EHD65586 EQZ65579:EQZ65586 FAV65579:FAV65586 FKR65579:FKR65586 FUN65579:FUN65586 GEJ65579:GEJ65586 GOF65579:GOF65586 GYB65579:GYB65586 HHX65579:HHX65586 HRT65579:HRT65586 IBP65579:IBP65586 ILL65579:ILL65586 IVH65579:IVH65586 JFD65579:JFD65586 JOZ65579:JOZ65586 JYV65579:JYV65586 KIR65579:KIR65586 KSN65579:KSN65586 LCJ65579:LCJ65586 LMF65579:LMF65586 LWB65579:LWB65586 MFX65579:MFX65586 MPT65579:MPT65586 MZP65579:MZP65586 NJL65579:NJL65586 NTH65579:NTH65586 ODD65579:ODD65586 OMZ65579:OMZ65586 OWV65579:OWV65586 PGR65579:PGR65586 PQN65579:PQN65586 QAJ65579:QAJ65586 QKF65579:QKF65586 QUB65579:QUB65586 RDX65579:RDX65586 RNT65579:RNT65586 RXP65579:RXP65586 SHL65579:SHL65586 SRH65579:SRH65586 TBD65579:TBD65586 TKZ65579:TKZ65586 TUV65579:TUV65586 UER65579:UER65586 UON65579:UON65586 UYJ65579:UYJ65586 VIF65579:VIF65586 VSB65579:VSB65586 WBX65579:WBX65586 WLT65579:WLT65586 WVP65579:WVP65586 H131115:H131122 JD131115:JD131122 SZ131115:SZ131122 ACV131115:ACV131122 AMR131115:AMR131122 AWN131115:AWN131122 BGJ131115:BGJ131122 BQF131115:BQF131122 CAB131115:CAB131122 CJX131115:CJX131122 CTT131115:CTT131122 DDP131115:DDP131122 DNL131115:DNL131122 DXH131115:DXH131122 EHD131115:EHD131122 EQZ131115:EQZ131122 FAV131115:FAV131122 FKR131115:FKR131122 FUN131115:FUN131122 GEJ131115:GEJ131122 GOF131115:GOF131122 GYB131115:GYB131122 HHX131115:HHX131122 HRT131115:HRT131122 IBP131115:IBP131122 ILL131115:ILL131122 IVH131115:IVH131122 JFD131115:JFD131122 JOZ131115:JOZ131122 JYV131115:JYV131122 KIR131115:KIR131122 KSN131115:KSN131122 LCJ131115:LCJ131122 LMF131115:LMF131122 LWB131115:LWB131122 MFX131115:MFX131122 MPT131115:MPT131122 MZP131115:MZP131122 NJL131115:NJL131122 NTH131115:NTH131122 ODD131115:ODD131122 OMZ131115:OMZ131122 OWV131115:OWV131122 PGR131115:PGR131122 PQN131115:PQN131122 QAJ131115:QAJ131122 QKF131115:QKF131122 QUB131115:QUB131122 RDX131115:RDX131122 RNT131115:RNT131122 RXP131115:RXP131122 SHL131115:SHL131122 SRH131115:SRH131122 TBD131115:TBD131122 TKZ131115:TKZ131122 TUV131115:TUV131122 UER131115:UER131122 UON131115:UON131122 UYJ131115:UYJ131122 VIF131115:VIF131122 VSB131115:VSB131122 WBX131115:WBX131122 WLT131115:WLT131122 WVP131115:WVP131122 H196651:H196658 JD196651:JD196658 SZ196651:SZ196658 ACV196651:ACV196658 AMR196651:AMR196658 AWN196651:AWN196658 BGJ196651:BGJ196658 BQF196651:BQF196658 CAB196651:CAB196658 CJX196651:CJX196658 CTT196651:CTT196658 DDP196651:DDP196658 DNL196651:DNL196658 DXH196651:DXH196658 EHD196651:EHD196658 EQZ196651:EQZ196658 FAV196651:FAV196658 FKR196651:FKR196658 FUN196651:FUN196658 GEJ196651:GEJ196658 GOF196651:GOF196658 GYB196651:GYB196658 HHX196651:HHX196658 HRT196651:HRT196658 IBP196651:IBP196658 ILL196651:ILL196658 IVH196651:IVH196658 JFD196651:JFD196658 JOZ196651:JOZ196658 JYV196651:JYV196658 KIR196651:KIR196658 KSN196651:KSN196658 LCJ196651:LCJ196658 LMF196651:LMF196658 LWB196651:LWB196658 MFX196651:MFX196658 MPT196651:MPT196658 MZP196651:MZP196658 NJL196651:NJL196658 NTH196651:NTH196658 ODD196651:ODD196658 OMZ196651:OMZ196658 OWV196651:OWV196658 PGR196651:PGR196658 PQN196651:PQN196658 QAJ196651:QAJ196658 QKF196651:QKF196658 QUB196651:QUB196658 RDX196651:RDX196658 RNT196651:RNT196658 RXP196651:RXP196658 SHL196651:SHL196658 SRH196651:SRH196658 TBD196651:TBD196658 TKZ196651:TKZ196658 TUV196651:TUV196658 UER196651:UER196658 UON196651:UON196658 UYJ196651:UYJ196658 VIF196651:VIF196658 VSB196651:VSB196658 WBX196651:WBX196658 WLT196651:WLT196658 WVP196651:WVP196658 H262187:H262194 JD262187:JD262194 SZ262187:SZ262194 ACV262187:ACV262194 AMR262187:AMR262194 AWN262187:AWN262194 BGJ262187:BGJ262194 BQF262187:BQF262194 CAB262187:CAB262194 CJX262187:CJX262194 CTT262187:CTT262194 DDP262187:DDP262194 DNL262187:DNL262194 DXH262187:DXH262194 EHD262187:EHD262194 EQZ262187:EQZ262194 FAV262187:FAV262194 FKR262187:FKR262194 FUN262187:FUN262194 GEJ262187:GEJ262194 GOF262187:GOF262194 GYB262187:GYB262194 HHX262187:HHX262194 HRT262187:HRT262194 IBP262187:IBP262194 ILL262187:ILL262194 IVH262187:IVH262194 JFD262187:JFD262194 JOZ262187:JOZ262194 JYV262187:JYV262194 KIR262187:KIR262194 KSN262187:KSN262194 LCJ262187:LCJ262194 LMF262187:LMF262194 LWB262187:LWB262194 MFX262187:MFX262194 MPT262187:MPT262194 MZP262187:MZP262194 NJL262187:NJL262194 NTH262187:NTH262194 ODD262187:ODD262194 OMZ262187:OMZ262194 OWV262187:OWV262194 PGR262187:PGR262194 PQN262187:PQN262194 QAJ262187:QAJ262194 QKF262187:QKF262194 QUB262187:QUB262194 RDX262187:RDX262194 RNT262187:RNT262194 RXP262187:RXP262194 SHL262187:SHL262194 SRH262187:SRH262194 TBD262187:TBD262194 TKZ262187:TKZ262194 TUV262187:TUV262194 UER262187:UER262194 UON262187:UON262194 UYJ262187:UYJ262194 VIF262187:VIF262194 VSB262187:VSB262194 WBX262187:WBX262194 WLT262187:WLT262194 WVP262187:WVP262194 H327723:H327730 JD327723:JD327730 SZ327723:SZ327730 ACV327723:ACV327730 AMR327723:AMR327730 AWN327723:AWN327730 BGJ327723:BGJ327730 BQF327723:BQF327730 CAB327723:CAB327730 CJX327723:CJX327730 CTT327723:CTT327730 DDP327723:DDP327730 DNL327723:DNL327730 DXH327723:DXH327730 EHD327723:EHD327730 EQZ327723:EQZ327730 FAV327723:FAV327730 FKR327723:FKR327730 FUN327723:FUN327730 GEJ327723:GEJ327730 GOF327723:GOF327730 GYB327723:GYB327730 HHX327723:HHX327730 HRT327723:HRT327730 IBP327723:IBP327730 ILL327723:ILL327730 IVH327723:IVH327730 JFD327723:JFD327730 JOZ327723:JOZ327730 JYV327723:JYV327730 KIR327723:KIR327730 KSN327723:KSN327730 LCJ327723:LCJ327730 LMF327723:LMF327730 LWB327723:LWB327730 MFX327723:MFX327730 MPT327723:MPT327730 MZP327723:MZP327730 NJL327723:NJL327730 NTH327723:NTH327730 ODD327723:ODD327730 OMZ327723:OMZ327730 OWV327723:OWV327730 PGR327723:PGR327730 PQN327723:PQN327730 QAJ327723:QAJ327730 QKF327723:QKF327730 QUB327723:QUB327730 RDX327723:RDX327730 RNT327723:RNT327730 RXP327723:RXP327730 SHL327723:SHL327730 SRH327723:SRH327730 TBD327723:TBD327730 TKZ327723:TKZ327730 TUV327723:TUV327730 UER327723:UER327730 UON327723:UON327730 UYJ327723:UYJ327730 VIF327723:VIF327730 VSB327723:VSB327730 WBX327723:WBX327730 WLT327723:WLT327730 WVP327723:WVP327730 H393259:H393266 JD393259:JD393266 SZ393259:SZ393266 ACV393259:ACV393266 AMR393259:AMR393266 AWN393259:AWN393266 BGJ393259:BGJ393266 BQF393259:BQF393266 CAB393259:CAB393266 CJX393259:CJX393266 CTT393259:CTT393266 DDP393259:DDP393266 DNL393259:DNL393266 DXH393259:DXH393266 EHD393259:EHD393266 EQZ393259:EQZ393266 FAV393259:FAV393266 FKR393259:FKR393266 FUN393259:FUN393266 GEJ393259:GEJ393266 GOF393259:GOF393266 GYB393259:GYB393266 HHX393259:HHX393266 HRT393259:HRT393266 IBP393259:IBP393266 ILL393259:ILL393266 IVH393259:IVH393266 JFD393259:JFD393266 JOZ393259:JOZ393266 JYV393259:JYV393266 KIR393259:KIR393266 KSN393259:KSN393266 LCJ393259:LCJ393266 LMF393259:LMF393266 LWB393259:LWB393266 MFX393259:MFX393266 MPT393259:MPT393266 MZP393259:MZP393266 NJL393259:NJL393266 NTH393259:NTH393266 ODD393259:ODD393266 OMZ393259:OMZ393266 OWV393259:OWV393266 PGR393259:PGR393266 PQN393259:PQN393266 QAJ393259:QAJ393266 QKF393259:QKF393266 QUB393259:QUB393266 RDX393259:RDX393266 RNT393259:RNT393266 RXP393259:RXP393266 SHL393259:SHL393266 SRH393259:SRH393266 TBD393259:TBD393266 TKZ393259:TKZ393266 TUV393259:TUV393266 UER393259:UER393266 UON393259:UON393266 UYJ393259:UYJ393266 VIF393259:VIF393266 VSB393259:VSB393266 WBX393259:WBX393266 WLT393259:WLT393266 WVP393259:WVP393266 H458795:H458802 JD458795:JD458802 SZ458795:SZ458802 ACV458795:ACV458802 AMR458795:AMR458802 AWN458795:AWN458802 BGJ458795:BGJ458802 BQF458795:BQF458802 CAB458795:CAB458802 CJX458795:CJX458802 CTT458795:CTT458802 DDP458795:DDP458802 DNL458795:DNL458802 DXH458795:DXH458802 EHD458795:EHD458802 EQZ458795:EQZ458802 FAV458795:FAV458802 FKR458795:FKR458802 FUN458795:FUN458802 GEJ458795:GEJ458802 GOF458795:GOF458802 GYB458795:GYB458802 HHX458795:HHX458802 HRT458795:HRT458802 IBP458795:IBP458802 ILL458795:ILL458802 IVH458795:IVH458802 JFD458795:JFD458802 JOZ458795:JOZ458802 JYV458795:JYV458802 KIR458795:KIR458802 KSN458795:KSN458802 LCJ458795:LCJ458802 LMF458795:LMF458802 LWB458795:LWB458802 MFX458795:MFX458802 MPT458795:MPT458802 MZP458795:MZP458802 NJL458795:NJL458802 NTH458795:NTH458802 ODD458795:ODD458802 OMZ458795:OMZ458802 OWV458795:OWV458802 PGR458795:PGR458802 PQN458795:PQN458802 QAJ458795:QAJ458802 QKF458795:QKF458802 QUB458795:QUB458802 RDX458795:RDX458802 RNT458795:RNT458802 RXP458795:RXP458802 SHL458795:SHL458802 SRH458795:SRH458802 TBD458795:TBD458802 TKZ458795:TKZ458802 TUV458795:TUV458802 UER458795:UER458802 UON458795:UON458802 UYJ458795:UYJ458802 VIF458795:VIF458802 VSB458795:VSB458802 WBX458795:WBX458802 WLT458795:WLT458802 WVP458795:WVP458802 H524331:H524338 JD524331:JD524338 SZ524331:SZ524338 ACV524331:ACV524338 AMR524331:AMR524338 AWN524331:AWN524338 BGJ524331:BGJ524338 BQF524331:BQF524338 CAB524331:CAB524338 CJX524331:CJX524338 CTT524331:CTT524338 DDP524331:DDP524338 DNL524331:DNL524338 DXH524331:DXH524338 EHD524331:EHD524338 EQZ524331:EQZ524338 FAV524331:FAV524338 FKR524331:FKR524338 FUN524331:FUN524338 GEJ524331:GEJ524338 GOF524331:GOF524338 GYB524331:GYB524338 HHX524331:HHX524338 HRT524331:HRT524338 IBP524331:IBP524338 ILL524331:ILL524338 IVH524331:IVH524338 JFD524331:JFD524338 JOZ524331:JOZ524338 JYV524331:JYV524338 KIR524331:KIR524338 KSN524331:KSN524338 LCJ524331:LCJ524338 LMF524331:LMF524338 LWB524331:LWB524338 MFX524331:MFX524338 MPT524331:MPT524338 MZP524331:MZP524338 NJL524331:NJL524338 NTH524331:NTH524338 ODD524331:ODD524338 OMZ524331:OMZ524338 OWV524331:OWV524338 PGR524331:PGR524338 PQN524331:PQN524338 QAJ524331:QAJ524338 QKF524331:QKF524338 QUB524331:QUB524338 RDX524331:RDX524338 RNT524331:RNT524338 RXP524331:RXP524338 SHL524331:SHL524338 SRH524331:SRH524338 TBD524331:TBD524338 TKZ524331:TKZ524338 TUV524331:TUV524338 UER524331:UER524338 UON524331:UON524338 UYJ524331:UYJ524338 VIF524331:VIF524338 VSB524331:VSB524338 WBX524331:WBX524338 WLT524331:WLT524338 WVP524331:WVP524338 H589867:H589874 JD589867:JD589874 SZ589867:SZ589874 ACV589867:ACV589874 AMR589867:AMR589874 AWN589867:AWN589874 BGJ589867:BGJ589874 BQF589867:BQF589874 CAB589867:CAB589874 CJX589867:CJX589874 CTT589867:CTT589874 DDP589867:DDP589874 DNL589867:DNL589874 DXH589867:DXH589874 EHD589867:EHD589874 EQZ589867:EQZ589874 FAV589867:FAV589874 FKR589867:FKR589874 FUN589867:FUN589874 GEJ589867:GEJ589874 GOF589867:GOF589874 GYB589867:GYB589874 HHX589867:HHX589874 HRT589867:HRT589874 IBP589867:IBP589874 ILL589867:ILL589874 IVH589867:IVH589874 JFD589867:JFD589874 JOZ589867:JOZ589874 JYV589867:JYV589874 KIR589867:KIR589874 KSN589867:KSN589874 LCJ589867:LCJ589874 LMF589867:LMF589874 LWB589867:LWB589874 MFX589867:MFX589874 MPT589867:MPT589874 MZP589867:MZP589874 NJL589867:NJL589874 NTH589867:NTH589874 ODD589867:ODD589874 OMZ589867:OMZ589874 OWV589867:OWV589874 PGR589867:PGR589874 PQN589867:PQN589874 QAJ589867:QAJ589874 QKF589867:QKF589874 QUB589867:QUB589874 RDX589867:RDX589874 RNT589867:RNT589874 RXP589867:RXP589874 SHL589867:SHL589874 SRH589867:SRH589874 TBD589867:TBD589874 TKZ589867:TKZ589874 TUV589867:TUV589874 UER589867:UER589874 UON589867:UON589874 UYJ589867:UYJ589874 VIF589867:VIF589874 VSB589867:VSB589874 WBX589867:WBX589874 WLT589867:WLT589874 WVP589867:WVP589874 H655403:H655410 JD655403:JD655410 SZ655403:SZ655410 ACV655403:ACV655410 AMR655403:AMR655410 AWN655403:AWN655410 BGJ655403:BGJ655410 BQF655403:BQF655410 CAB655403:CAB655410 CJX655403:CJX655410 CTT655403:CTT655410 DDP655403:DDP655410 DNL655403:DNL655410 DXH655403:DXH655410 EHD655403:EHD655410 EQZ655403:EQZ655410 FAV655403:FAV655410 FKR655403:FKR655410 FUN655403:FUN655410 GEJ655403:GEJ655410 GOF655403:GOF655410 GYB655403:GYB655410 HHX655403:HHX655410 HRT655403:HRT655410 IBP655403:IBP655410 ILL655403:ILL655410 IVH655403:IVH655410 JFD655403:JFD655410 JOZ655403:JOZ655410 JYV655403:JYV655410 KIR655403:KIR655410 KSN655403:KSN655410 LCJ655403:LCJ655410 LMF655403:LMF655410 LWB655403:LWB655410 MFX655403:MFX655410 MPT655403:MPT655410 MZP655403:MZP655410 NJL655403:NJL655410 NTH655403:NTH655410 ODD655403:ODD655410 OMZ655403:OMZ655410 OWV655403:OWV655410 PGR655403:PGR655410 PQN655403:PQN655410 QAJ655403:QAJ655410 QKF655403:QKF655410 QUB655403:QUB655410 RDX655403:RDX655410 RNT655403:RNT655410 RXP655403:RXP655410 SHL655403:SHL655410 SRH655403:SRH655410 TBD655403:TBD655410 TKZ655403:TKZ655410 TUV655403:TUV655410 UER655403:UER655410 UON655403:UON655410 UYJ655403:UYJ655410 VIF655403:VIF655410 VSB655403:VSB655410 WBX655403:WBX655410 WLT655403:WLT655410 WVP655403:WVP655410 H720939:H720946 JD720939:JD720946 SZ720939:SZ720946 ACV720939:ACV720946 AMR720939:AMR720946 AWN720939:AWN720946 BGJ720939:BGJ720946 BQF720939:BQF720946 CAB720939:CAB720946 CJX720939:CJX720946 CTT720939:CTT720946 DDP720939:DDP720946 DNL720939:DNL720946 DXH720939:DXH720946 EHD720939:EHD720946 EQZ720939:EQZ720946 FAV720939:FAV720946 FKR720939:FKR720946 FUN720939:FUN720946 GEJ720939:GEJ720946 GOF720939:GOF720946 GYB720939:GYB720946 HHX720939:HHX720946 HRT720939:HRT720946 IBP720939:IBP720946 ILL720939:ILL720946 IVH720939:IVH720946 JFD720939:JFD720946 JOZ720939:JOZ720946 JYV720939:JYV720946 KIR720939:KIR720946 KSN720939:KSN720946 LCJ720939:LCJ720946 LMF720939:LMF720946 LWB720939:LWB720946 MFX720939:MFX720946 MPT720939:MPT720946 MZP720939:MZP720946 NJL720939:NJL720946 NTH720939:NTH720946 ODD720939:ODD720946 OMZ720939:OMZ720946 OWV720939:OWV720946 PGR720939:PGR720946 PQN720939:PQN720946 QAJ720939:QAJ720946 QKF720939:QKF720946 QUB720939:QUB720946 RDX720939:RDX720946 RNT720939:RNT720946 RXP720939:RXP720946 SHL720939:SHL720946 SRH720939:SRH720946 TBD720939:TBD720946 TKZ720939:TKZ720946 TUV720939:TUV720946 UER720939:UER720946 UON720939:UON720946 UYJ720939:UYJ720946 VIF720939:VIF720946 VSB720939:VSB720946 WBX720939:WBX720946 WLT720939:WLT720946 WVP720939:WVP720946 H786475:H786482 JD786475:JD786482 SZ786475:SZ786482 ACV786475:ACV786482 AMR786475:AMR786482 AWN786475:AWN786482 BGJ786475:BGJ786482 BQF786475:BQF786482 CAB786475:CAB786482 CJX786475:CJX786482 CTT786475:CTT786482 DDP786475:DDP786482 DNL786475:DNL786482 DXH786475:DXH786482 EHD786475:EHD786482 EQZ786475:EQZ786482 FAV786475:FAV786482 FKR786475:FKR786482 FUN786475:FUN786482 GEJ786475:GEJ786482 GOF786475:GOF786482 GYB786475:GYB786482 HHX786475:HHX786482 HRT786475:HRT786482 IBP786475:IBP786482 ILL786475:ILL786482 IVH786475:IVH786482 JFD786475:JFD786482 JOZ786475:JOZ786482 JYV786475:JYV786482 KIR786475:KIR786482 KSN786475:KSN786482 LCJ786475:LCJ786482 LMF786475:LMF786482 LWB786475:LWB786482 MFX786475:MFX786482 MPT786475:MPT786482 MZP786475:MZP786482 NJL786475:NJL786482 NTH786475:NTH786482 ODD786475:ODD786482 OMZ786475:OMZ786482 OWV786475:OWV786482 PGR786475:PGR786482 PQN786475:PQN786482 QAJ786475:QAJ786482 QKF786475:QKF786482 QUB786475:QUB786482 RDX786475:RDX786482 RNT786475:RNT786482 RXP786475:RXP786482 SHL786475:SHL786482 SRH786475:SRH786482 TBD786475:TBD786482 TKZ786475:TKZ786482 TUV786475:TUV786482 UER786475:UER786482 UON786475:UON786482 UYJ786475:UYJ786482 VIF786475:VIF786482 VSB786475:VSB786482 WBX786475:WBX786482 WLT786475:WLT786482 WVP786475:WVP786482 H852011:H852018 JD852011:JD852018 SZ852011:SZ852018 ACV852011:ACV852018 AMR852011:AMR852018 AWN852011:AWN852018 BGJ852011:BGJ852018 BQF852011:BQF852018 CAB852011:CAB852018 CJX852011:CJX852018 CTT852011:CTT852018 DDP852011:DDP852018 DNL852011:DNL852018 DXH852011:DXH852018 EHD852011:EHD852018 EQZ852011:EQZ852018 FAV852011:FAV852018 FKR852011:FKR852018 FUN852011:FUN852018 GEJ852011:GEJ852018 GOF852011:GOF852018 GYB852011:GYB852018 HHX852011:HHX852018 HRT852011:HRT852018 IBP852011:IBP852018 ILL852011:ILL852018 IVH852011:IVH852018 JFD852011:JFD852018 JOZ852011:JOZ852018 JYV852011:JYV852018 KIR852011:KIR852018 KSN852011:KSN852018 LCJ852011:LCJ852018 LMF852011:LMF852018 LWB852011:LWB852018 MFX852011:MFX852018 MPT852011:MPT852018 MZP852011:MZP852018 NJL852011:NJL852018 NTH852011:NTH852018 ODD852011:ODD852018 OMZ852011:OMZ852018 OWV852011:OWV852018 PGR852011:PGR852018 PQN852011:PQN852018 QAJ852011:QAJ852018 QKF852011:QKF852018 QUB852011:QUB852018 RDX852011:RDX852018 RNT852011:RNT852018 RXP852011:RXP852018 SHL852011:SHL852018 SRH852011:SRH852018 TBD852011:TBD852018 TKZ852011:TKZ852018 TUV852011:TUV852018 UER852011:UER852018 UON852011:UON852018 UYJ852011:UYJ852018 VIF852011:VIF852018 VSB852011:VSB852018 WBX852011:WBX852018 WLT852011:WLT852018 WVP852011:WVP852018 H917547:H917554 JD917547:JD917554 SZ917547:SZ917554 ACV917547:ACV917554 AMR917547:AMR917554 AWN917547:AWN917554 BGJ917547:BGJ917554 BQF917547:BQF917554 CAB917547:CAB917554 CJX917547:CJX917554 CTT917547:CTT917554 DDP917547:DDP917554 DNL917547:DNL917554 DXH917547:DXH917554 EHD917547:EHD917554 EQZ917547:EQZ917554 FAV917547:FAV917554 FKR917547:FKR917554 FUN917547:FUN917554 GEJ917547:GEJ917554 GOF917547:GOF917554 GYB917547:GYB917554 HHX917547:HHX917554 HRT917547:HRT917554 IBP917547:IBP917554 ILL917547:ILL917554 IVH917547:IVH917554 JFD917547:JFD917554 JOZ917547:JOZ917554 JYV917547:JYV917554 KIR917547:KIR917554 KSN917547:KSN917554 LCJ917547:LCJ917554 LMF917547:LMF917554 LWB917547:LWB917554 MFX917547:MFX917554 MPT917547:MPT917554 MZP917547:MZP917554 NJL917547:NJL917554 NTH917547:NTH917554 ODD917547:ODD917554 OMZ917547:OMZ917554 OWV917547:OWV917554 PGR917547:PGR917554 PQN917547:PQN917554 QAJ917547:QAJ917554 QKF917547:QKF917554 QUB917547:QUB917554 RDX917547:RDX917554 RNT917547:RNT917554 RXP917547:RXP917554 SHL917547:SHL917554 SRH917547:SRH917554 TBD917547:TBD917554 TKZ917547:TKZ917554 TUV917547:TUV917554 UER917547:UER917554 UON917547:UON917554 UYJ917547:UYJ917554 VIF917547:VIF917554 VSB917547:VSB917554 WBX917547:WBX917554 WLT917547:WLT917554 WVP917547:WVP917554 H983083:H983090 JD983083:JD983090 SZ983083:SZ983090 ACV983083:ACV983090 AMR983083:AMR983090 AWN983083:AWN983090 BGJ983083:BGJ983090 BQF983083:BQF983090 CAB983083:CAB983090 CJX983083:CJX983090 CTT983083:CTT983090 DDP983083:DDP983090 DNL983083:DNL983090 DXH983083:DXH983090 EHD983083:EHD983090 EQZ983083:EQZ983090 FAV983083:FAV983090 FKR983083:FKR983090 FUN983083:FUN983090 GEJ983083:GEJ983090 GOF983083:GOF983090 GYB983083:GYB983090 HHX983083:HHX983090 HRT983083:HRT983090 IBP983083:IBP983090 ILL983083:ILL983090 IVH983083:IVH983090 JFD983083:JFD983090 JOZ983083:JOZ983090 JYV983083:JYV983090 KIR983083:KIR983090 KSN983083:KSN983090 LCJ983083:LCJ983090 LMF983083:LMF983090 LWB983083:LWB983090 MFX983083:MFX983090 MPT983083:MPT983090 MZP983083:MZP983090 NJL983083:NJL983090 NTH983083:NTH983090 ODD983083:ODD983090 OMZ983083:OMZ983090 OWV983083:OWV983090 PGR983083:PGR983090 PQN983083:PQN983090 QAJ983083:QAJ983090 QKF983083:QKF983090 QUB983083:QUB983090 RDX983083:RDX983090 RNT983083:RNT983090 RXP983083:RXP983090 SHL983083:SHL983090 SRH983083:SRH983090 TBD983083:TBD983090 TKZ983083:TKZ983090 TUV983083:TUV983090 UER983083:UER983090 UON983083:UON983090 UYJ983083:UYJ983090 VIF983083:VIF983090 VSB983083:VSB983090 WBX983083:WBX983090 JD24:JD29 WVP24:WVP29 WLT24:WLT29 WBX24:WBX29 VSB24:VSB29 VIF24:VIF29 UYJ24:UYJ29 UON24:UON29 UER24:UER29 TUV24:TUV29 TKZ24:TKZ29 TBD24:TBD29 SRH24:SRH29 SHL24:SHL29 RXP24:RXP29 RNT24:RNT29 RDX24:RDX29 QUB24:QUB29 QKF24:QKF29 QAJ24:QAJ29 PQN24:PQN29 PGR24:PGR29 OWV24:OWV29 OMZ24:OMZ29 ODD24:ODD29 NTH24:NTH29 NJL24:NJL29 MZP24:MZP29 MPT24:MPT29 MFX24:MFX29 LWB24:LWB29 LMF24:LMF29 LCJ24:LCJ29 KSN24:KSN29 KIR24:KIR29 JYV24:JYV29 JOZ24:JOZ29 JFD24:JFD29 IVH24:IVH29 ILL24:ILL29 IBP24:IBP29 HRT24:HRT29 HHX24:HHX29 GYB24:GYB29 GOF24:GOF29 GEJ24:GEJ29 FUN24:FUN29 FKR24:FKR29 FAV24:FAV29 EQZ24:EQZ29 EHD24:EHD29 DXH24:DXH29 DNL24:DNL29 DDP24:DDP29 CTT24:CTT29 CJX24:CJX29 CAB24:CAB29 BQF24:BQF29 BGJ24:BGJ29 AWN24:AWN29 AMR24:AMR29 ACV24:ACV29 SZ24:SZ29 SZ32:SZ33 JD32:JD33 WVP32:WVP33 WLT32:WLT33 WBX32:WBX33 VSB32:VSB33 VIF32:VIF33 UYJ32:UYJ33 UON32:UON33 UER32:UER33 TUV32:TUV33 TKZ32:TKZ33 TBD32:TBD33 SRH32:SRH33 SHL32:SHL33 RXP32:RXP33 RNT32:RNT33 RDX32:RDX33 QUB32:QUB33 QKF32:QKF33 QAJ32:QAJ33 PQN32:PQN33 PGR32:PGR33 OWV32:OWV33 OMZ32:OMZ33 ODD32:ODD33 NTH32:NTH33 NJL32:NJL33 MZP32:MZP33 MPT32:MPT33 MFX32:MFX33 LWB32:LWB33 LMF32:LMF33 LCJ32:LCJ33 KSN32:KSN33 KIR32:KIR33 JYV32:JYV33 JOZ32:JOZ33 JFD32:JFD33 IVH32:IVH33 ILL32:ILL33 IBP32:IBP33 HRT32:HRT33 HHX32:HHX33 GYB32:GYB33 GOF32:GOF33 GEJ32:GEJ33 FUN32:FUN33 FKR32:FKR33 FAV32:FAV33 EQZ32:EQZ33 EHD32:EHD33 DXH32:DXH33 DNL32:DNL33 DDP32:DDP33 CTT32:CTT33 CJX32:CJX33 CAB32:CAB33 BQF32:BQF33 BGJ32:BGJ33 AWN32:AWN33 AMR32:AMR33 ACV32:ACV33 JD10:JD21 DDP102:DDP103 AMR56:AMR61 ACV56:ACV61 SZ56:SZ61 JD56:JD61 WVP56:WVP61 WLT56:WLT61 WBX56:WBX61 VSB56:VSB61 VIF56:VIF61 UYJ56:UYJ61 UON56:UON61 UER56:UER61 TUV56:TUV61 TKZ56:TKZ61 TBD56:TBD61 SRH56:SRH61 SHL56:SHL61 RXP56:RXP61 RNT56:RNT61 RDX56:RDX61 QUB56:QUB61 QKF56:QKF61 QAJ56:QAJ61 PQN56:PQN61 PGR56:PGR61 OWV56:OWV61 OMZ56:OMZ61 ODD56:ODD61 NTH56:NTH61 NJL56:NJL61 MZP56:MZP61 MPT56:MPT61 MFX56:MFX61 LWB56:LWB61 LMF56:LMF61 LCJ56:LCJ61 KSN56:KSN61 KIR56:KIR61 JYV56:JYV61 JOZ56:JOZ61 JFD56:JFD61 IVH56:IVH61 ILL56:ILL61 IBP56:IBP61 HRT56:HRT61 HHX56:HHX61 GYB56:GYB61 GOF56:GOF61 GEJ56:GEJ61 FUN56:FUN61 FKR56:FKR61 FAV56:FAV61 EQZ56:EQZ61 EHD56:EHD61 DXH56:DXH61 DNL56:DNL61 DDP56:DDP61 CTT56:CTT61 CJX56:CJX61 CAB56:CAB61 BQF56:BQF61 BGJ56:BGJ61 AWN56:AWN61 AWN64:AWN65 AMR64:AMR65 ACV64:ACV65 SZ64:SZ65 JD64:JD65 WVP64:WVP65 WLT64:WLT65 WBX64:WBX65 VSB64:VSB65 VIF64:VIF65 UYJ64:UYJ65 UON64:UON65 UER64:UER65 TUV64:TUV65 TKZ64:TKZ65 TBD64:TBD65 SRH64:SRH65 SHL64:SHL65 RXP64:RXP65 RNT64:RNT65 RDX64:RDX65 QUB64:QUB65 QKF64:QKF65 QAJ64:QAJ65 PQN64:PQN65 PGR64:PGR65 OWV64:OWV65 OMZ64:OMZ65 ODD64:ODD65 NTH64:NTH65 NJL64:NJL65 MZP64:MZP65 MPT64:MPT65 MFX64:MFX65 LWB64:LWB65 LMF64:LMF65 LCJ64:LCJ65 KSN64:KSN65 KIR64:KIR65 JYV64:JYV65 JOZ64:JOZ65 JFD64:JFD65 IVH64:IVH65 ILL64:ILL65 IBP64:IBP65 HRT64:HRT65 HHX64:HHX65 GYB64:GYB65 GOF64:GOF65 GEJ64:GEJ65 FUN64:FUN65 FKR64:FKR65 FAV64:FAV65 EQZ64:EQZ65 EHD64:EHD65 DXH64:DXH65 DNL64:DNL65 DDP64:DDP65 CTT64:CTT65 CJX64:CJX65 CAB64:CAB65 BQF64:BQF65 BGJ64:BGJ65 BGJ70:BGJ73 AWN70:AWN73 AMR70:AMR73 ACV70:ACV73 SZ70:SZ73 JD70:JD73 WVP70:WVP73 WLT70:WLT73 WBX70:WBX73 VSB70:VSB73 VIF70:VIF73 UYJ70:UYJ73 UON70:UON73 UER70:UER73 TUV70:TUV73 TKZ70:TKZ73 TBD70:TBD73 SRH70:SRH73 SHL70:SHL73 RXP70:RXP73 RNT70:RNT73 RDX70:RDX73 QUB70:QUB73 QKF70:QKF73 QAJ70:QAJ73 PQN70:PQN73 PGR70:PGR73 OWV70:OWV73 OMZ70:OMZ73 ODD70:ODD73 NTH70:NTH73 NJL70:NJL73 MZP70:MZP73 MPT70:MPT73 MFX70:MFX73 LWB70:LWB73 LMF70:LMF73 LCJ70:LCJ73 KSN70:KSN73 KIR70:KIR73 JYV70:JYV73 JOZ70:JOZ73 JFD70:JFD73 IVH70:IVH73 ILL70:ILL73 IBP70:IBP73 HRT70:HRT73 HHX70:HHX73 GYB70:GYB73 GOF70:GOF73 GEJ70:GEJ73 FUN70:FUN73 FKR70:FKR73 FAV70:FAV73 EQZ70:EQZ73 EHD70:EHD73 DXH70:DXH73 DNL70:DNL73 DDP70:DDP73 CTT70:CTT73 CJX70:CJX73 CAB70:CAB73 BQF70:BQF73 BQF76:BQF77 BGJ76:BGJ77 AWN76:AWN77 AMR76:AMR77 ACV76:ACV77 SZ76:SZ77 JD76:JD77 WVP76:WVP77 WLT76:WLT77 WBX76:WBX77 VSB76:VSB77 VIF76:VIF77 UYJ76:UYJ77 UON76:UON77 UER76:UER77 TUV76:TUV77 TKZ76:TKZ77 TBD76:TBD77 SRH76:SRH77 SHL76:SHL77 RXP76:RXP77 RNT76:RNT77 RDX76:RDX77 QUB76:QUB77 QKF76:QKF77 QAJ76:QAJ77 PQN76:PQN77 PGR76:PGR77 OWV76:OWV77 OMZ76:OMZ77 ODD76:ODD77 NTH76:NTH77 NJL76:NJL77 MZP76:MZP77 MPT76:MPT77 MFX76:MFX77 LWB76:LWB77 LMF76:LMF77 LCJ76:LCJ77 KSN76:KSN77 KIR76:KIR77 JYV76:JYV77 JOZ76:JOZ77 JFD76:JFD77 IVH76:IVH77 ILL76:ILL77 IBP76:IBP77 HRT76:HRT77 HHX76:HHX77 GYB76:GYB77 GOF76:GOF77 GEJ76:GEJ77 FUN76:FUN77 FKR76:FKR77 FAV76:FAV77 EQZ76:EQZ77 EHD76:EHD77 DXH76:DXH77 DNL76:DNL77 DDP76:DDP77 CTT76:CTT77 CJX76:CJX77 CAB76:CAB77 SZ36:SZ53 CJX94:CJX95 CAB94:CAB95 BQF94:BQF95 BGJ94:BGJ95 AWN94:AWN95 AMR94:AMR95 ACV94:ACV95 SZ94:SZ95 JD94:JD95 WVP94:WVP95 WLT94:WLT95 WBX94:WBX95 VSB94:VSB95 VIF94:VIF95 UYJ94:UYJ95 UON94:UON95 UER94:UER95 TUV94:TUV95 TKZ94:TKZ95 TBD94:TBD95 SRH94:SRH95 SHL94:SHL95 RXP94:RXP95 RNT94:RNT95 RDX94:RDX95 QUB94:QUB95 QKF94:QKF95 QAJ94:QAJ95 PQN94:PQN95 PGR94:PGR95 OWV94:OWV95 OMZ94:OMZ95 ODD94:ODD95 NTH94:NTH95 NJL94:NJL95 MZP94:MZP95 MPT94:MPT95 MFX94:MFX95 LWB94:LWB95 LMF94:LMF95 LCJ94:LCJ95 KSN94:KSN95 KIR94:KIR95 JYV94:JYV95 JOZ94:JOZ95 JFD94:JFD95 IVH94:IVH95 ILL94:ILL95 IBP94:IBP95 HRT94:HRT95 HHX94:HHX95 GYB94:GYB95 GOF94:GOF95 GEJ94:GEJ95 FUN94:FUN95 FKR94:FKR95 FAV94:FAV95 EQZ94:EQZ95 EHD94:EHD95 DXH94:DXH95 DNL94:DNL95 DDP94:DDP95 CTT94:CTT95 CTT98:CTT99 CJX98:CJX99 CAB98:CAB99 BQF98:BQF99 BGJ98:BGJ99 AWN98:AWN99 AMR98:AMR99 ACV98:ACV99 SZ98:SZ99 JD98:JD99 WVP98:WVP99 WLT98:WLT99 WBX98:WBX99 VSB98:VSB99 VIF98:VIF99 UYJ98:UYJ99 UON98:UON99 UER98:UER99 TUV98:TUV99 TKZ98:TKZ99 TBD98:TBD99 SRH98:SRH99 SHL98:SHL99 RXP98:RXP99 RNT98:RNT99 RDX98:RDX99 QUB98:QUB99 QKF98:QKF99 QAJ98:QAJ99 PQN98:PQN99 PGR98:PGR99 OWV98:OWV99 OMZ98:OMZ99 ODD98:ODD99 NTH98:NTH99 NJL98:NJL99 MZP98:MZP99 MPT98:MPT99 MFX98:MFX99 LWB98:LWB99 LMF98:LMF99 LCJ98:LCJ99 KSN98:KSN99 KIR98:KIR99 JYV98:JYV99 JOZ98:JOZ99 JFD98:JFD99 IVH98:IVH99 ILL98:ILL99 IBP98:IBP99 HRT98:HRT99 HHX98:HHX99 GYB98:GYB99 GOF98:GOF99 GEJ98:GEJ99 FUN98:FUN99 FKR98:FKR99 FAV98:FAV99 EQZ98:EQZ99 EHD98:EHD99 DXH98:DXH99 DNL98:DNL99 DDP98:DDP99 WVP10:WVP21 WLT10:WLT21 WBX10:WBX21 VSB10:VSB21 VIF10:VIF21 UYJ10:UYJ21 UON10:UON21 UER10:UER21 TUV10:TUV21 TKZ10:TKZ21 TBD10:TBD21 SRH10:SRH21 SHL10:SHL21 RXP10:RXP21 RNT10:RNT21 RDX10:RDX21 QUB10:QUB21 QKF10:QKF21 QAJ10:QAJ21 PQN10:PQN21 PGR10:PGR21 OWV10:OWV21 OMZ10:OMZ21 ODD10:ODD21 NTH10:NTH21 NJL10:NJL21 MZP10:MZP21 MPT10:MPT21 MFX10:MFX21 LWB10:LWB21 LMF10:LMF21 LCJ10:LCJ21 KSN10:KSN21 KIR10:KIR21 JYV10:JYV21 JOZ10:JOZ21 JFD10:JFD21 IVH10:IVH21 ILL10:ILL21 IBP10:IBP21 HRT10:HRT21 HHX10:HHX21 GYB10:GYB21 GOF10:GOF21 GEJ10:GEJ21 FUN10:FUN21 FKR10:FKR21 FAV10:FAV21 EQZ10:EQZ21 EHD10:EHD21 DXH10:DXH21 DNL10:DNL21 DDP10:DDP21 CTT10:CTT21 CJX10:CJX21 CAB10:CAB21 BQF10:BQF21 BGJ10:BGJ21 AWN10:AWN21 AMR10:AMR21 ACV10:ACV21 SZ10:SZ21 ACV36:ACV53 AMR36:AMR53 AWN36:AWN53 BGJ36:BGJ53 BQF36:BQF53 CAB36:CAB53 CJX36:CJX53 CTT36:CTT53 DDP36:DDP53 DNL36:DNL53 DXH36:DXH53 EHD36:EHD53 EQZ36:EQZ53 FAV36:FAV53 FKR36:FKR53 FUN36:FUN53 GEJ36:GEJ53 GOF36:GOF53 GYB36:GYB53 HHX36:HHX53 HRT36:HRT53 IBP36:IBP53 ILL36:ILL53 IVH36:IVH53 JFD36:JFD53 JOZ36:JOZ53 JYV36:JYV53 KIR36:KIR53 KSN36:KSN53 LCJ36:LCJ53 LMF36:LMF53 LWB36:LWB53 MFX36:MFX53 MPT36:MPT53 MZP36:MZP53 NJL36:NJL53 NTH36:NTH53 ODD36:ODD53 OMZ36:OMZ53 OWV36:OWV53 PGR36:PGR53 PQN36:PQN53 QAJ36:QAJ53 QKF36:QKF53 QUB36:QUB53 RDX36:RDX53 RNT36:RNT53 RXP36:RXP53 SHL36:SHL53 SRH36:SRH53 TBD36:TBD53 TKZ36:TKZ53 TUV36:TUV53 UER36:UER53 UON36:UON53 UYJ36:UYJ53 VIF36:VIF53 VSB36:VSB53 WBX36:WBX53 WLT36:WLT53 WVP36:WVP53 JD36:JD53 CJX80:CJX91 CTT80:CTT91 DDP80:DDP91 DNL80:DNL91 DXH80:DXH91 EHD80:EHD91 EQZ80:EQZ91 FAV80:FAV91 FKR80:FKR91 FUN80:FUN91 GEJ80:GEJ91 GOF80:GOF91 GYB80:GYB91 HHX80:HHX91 HRT80:HRT91 IBP80:IBP91 ILL80:ILL91 IVH80:IVH91 JFD80:JFD91 JOZ80:JOZ91 JYV80:JYV91 KIR80:KIR91 KSN80:KSN91 LCJ80:LCJ91 LMF80:LMF91 LWB80:LWB91 MFX80:MFX91 MPT80:MPT91 MZP80:MZP91 NJL80:NJL91 NTH80:NTH91 ODD80:ODD91 OMZ80:OMZ91 OWV80:OWV91 PGR80:PGR91 PQN80:PQN91 QAJ80:QAJ91 QKF80:QKF91 QUB80:QUB91 RDX80:RDX91 RNT80:RNT91 RXP80:RXP91 SHL80:SHL91 SRH80:SRH91 TBD80:TBD91 TKZ80:TKZ91 TUV80:TUV91 UER80:UER91 UON80:UON91 UYJ80:UYJ91 VIF80:VIF91 VSB80:VSB91 WBX80:WBX91 WLT80:WLT91 WVP80:WVP91 JD80:JD91 SZ80:SZ91 ACV80:ACV91 AMR80:AMR91 AWN80:AWN91 BGJ80:BGJ91 BQF80:BQF91 CAB80:CAB91" xr:uid="{6C293BE8-0095-4FBA-8206-F5FD37CEACA5}">
      <formula1>"　　,区ＣＭ"</formula1>
    </dataValidation>
  </dataValidations>
  <hyperlinks>
    <hyperlink ref="C12:C13" location="事業概要説明資料!V41" display="事業概要説明資料!V41" xr:uid="{E68C4615-8950-4818-A80E-A0DD52721809}"/>
    <hyperlink ref="C18:C19" location="事業概要説明資料!V146" display="事業概要説明資料!V146" xr:uid="{4ACD517A-7638-46A3-981C-0651DB7E0F01}"/>
    <hyperlink ref="C24:C25" location="事業概要説明資料!V216" display="事業概要説明資料!V216" xr:uid="{A2F120DA-6E4B-4E1A-8BB9-F011F5373BA7}"/>
    <hyperlink ref="C26:C27" location="事業概要説明資料!V251" display="消費税及び地方消費税納付額（港湾施設提供事業）" xr:uid="{9D0D3C5D-9F58-4820-9B38-B7CBA2FB19DC}"/>
    <hyperlink ref="C28:C29" location="事業概要説明資料!V286" display="事業概要説明資料!V286" xr:uid="{CED90F25-1A12-437A-9900-FE28C0D68E70}"/>
    <hyperlink ref="C32:C33" location="事業概要説明資料!V321" display="事業概要説明資料!V321" xr:uid="{AE910FD4-BCE0-45DC-B361-0BFA49D1D1E9}"/>
    <hyperlink ref="C36:C37" location="事業概要説明資料!V356" display="事業概要説明資料!V356" xr:uid="{4FBE3E8B-688C-413E-8FD2-4C032D39E126}"/>
    <hyperlink ref="C38:C39" location="事業概要説明資料!V391" display="事業概要説明資料!V391" xr:uid="{36498A8C-23E1-4D4B-87B3-04CD1FEDFF35}"/>
    <hyperlink ref="C44:C45" location="事業概要説明資料!V497" display="事業概要説明資料!V497" xr:uid="{FF617752-19DF-4AB8-B21F-0662E8F8D2D1}"/>
    <hyperlink ref="C46:C47" location="事業概要説明資料!V532" display="事業概要説明資料!V532" xr:uid="{0F948048-8D29-4CC9-ACD7-7BDADE6C55A2}"/>
    <hyperlink ref="C48:C49" location="事業概要説明資料!V567" display="事業概要説明資料!V567" xr:uid="{BB1B55E6-07D9-4378-841E-10A0BF10F6F8}"/>
    <hyperlink ref="C56:C57" location="事業概要説明資料!V672" display="事業概要説明資料!V672" xr:uid="{5B2F245E-F254-4999-A02C-2D07AE482A71}"/>
    <hyperlink ref="C58:C59" location="事業概要説明資料!V707" display="事業概要説明資料!V707" xr:uid="{E20900D2-8988-4DBD-8E13-6D4D4B380FB8}"/>
    <hyperlink ref="C64:C65" location="事業概要説明資料!V777" display="事業概要説明資料!V777" xr:uid="{4B7B40DE-7E09-4267-82FB-90874BB4979D}"/>
    <hyperlink ref="C70:C71" location="事業概要説明資料!V812" display="事業概要説明資料!V812" xr:uid="{2D1CC2FF-182B-487C-803B-4573620F32A5}"/>
    <hyperlink ref="C72:C73" location="事業概要説明資料!V847" display="事業概要説明資料!V847" xr:uid="{A6DB48F8-7F72-40D7-98FA-B974523F87F0}"/>
    <hyperlink ref="C76:C77" location="事業概要説明資料!V882" display="事業概要説明資料!V882" xr:uid="{1FBA4190-FDEE-44DA-81F2-A26C7C979945}"/>
    <hyperlink ref="C80:C81" location="事業概要説明資料!V917" display="事業概要説明資料!V917" xr:uid="{D4983B2E-A4E7-4C41-A3A3-B2046B450D7A}"/>
    <hyperlink ref="C82:C83" location="事業概要説明資料!V952" display="事業概要説明資料!V952" xr:uid="{DD11320C-EC71-4388-A0E6-B7D569A60B45}"/>
    <hyperlink ref="C84:C85" location="事業概要説明資料!V987" display="事業概要説明資料!V987" xr:uid="{161A1033-E4AD-4E07-BE5E-4BEEE74EF869}"/>
    <hyperlink ref="C86:C87" location="事業概要説明資料!V1022" display="事業概要説明資料!V1022" xr:uid="{5A60ED6F-CCCA-4AAB-97C6-6A8A9558D5B3}"/>
    <hyperlink ref="C94:C95" location="事業概要説明資料!V1127" display="事業概要説明資料!V1127" xr:uid="{E4BDF76E-7762-4CA9-B4C0-FC90AC7B6025}"/>
    <hyperlink ref="C98:C99" location="事業概要説明資料!V1162" display="事業概要説明資料!V1162" xr:uid="{AFA9788A-153F-4402-AE5C-649BA8290121}"/>
    <hyperlink ref="C102:C103" location="事業概要説明資料!V1197" display="事業概要説明資料!V1197" xr:uid="{AAF6E03D-60A5-4F5F-B021-341D06F6932D}"/>
    <hyperlink ref="C60:C61" location="事業概要説明資料!V742" display="消費税及び地方消費税納付額（大阪港埋立事業）" xr:uid="{E96E81FE-6E04-469A-841E-F04464E29D7F}"/>
    <hyperlink ref="C90:C91" location="事業概要説明資料!V1092" display="国際観光拠点の形成及び国際物流拠点の機能強化に向けた夢洲地区の基盤整備事業" xr:uid="{A614C092-5C02-4C1B-B32B-4B32DB4762A9}"/>
    <hyperlink ref="C50:C51" location="事業概要説明資料!V602" display="事業概要説明資料!V602" xr:uid="{0EA0E96A-0056-46DA-88AF-878EA3351AD1}"/>
    <hyperlink ref="C20:C21" location="事業概要説明資料!V181" display="事業概要説明資料!V181" xr:uid="{B8DC00F2-03E8-4CB6-924D-675344A78975}"/>
    <hyperlink ref="C14:C15" location="事業概要説明資料!V76" display="事業概要説明資料!V76" xr:uid="{3945CFCB-CC38-4C6A-9F54-6040632E2013}"/>
    <hyperlink ref="C16:C17" location="事業概要説明資料!V111" display="事業概要説明資料!V111" xr:uid="{B965B325-C70B-40EF-AFF8-F7C448B587E8}"/>
    <hyperlink ref="C42:C43" location="事業概要説明資料!V461" display="集客施設等地区の活性化に係る業務（大阪港埋立事業）" xr:uid="{5D909B03-00FC-4B6F-9CC1-BD3BBF17DDAE}"/>
    <hyperlink ref="C40:C41" location="事業概要説明資料!V426" display="事業概要説明資料!V426" xr:uid="{79D268CF-EBBE-4E3B-897B-832099EF0BA3}"/>
    <hyperlink ref="C52:C53" location="事業概要説明資料!V637" display="事業概要説明資料!V637" xr:uid="{E92C1861-B4F7-4B6A-95C6-96C8B586ECB1}"/>
    <hyperlink ref="C88:C89" location="事業概要説明資料!V1057" display="ＩＲ用地にかかる土地改良事業" xr:uid="{62572318-4FBC-4819-B5EA-B9B98211441A}"/>
    <hyperlink ref="C10:C11" location="事業概要説明資料!V6" display="事業概要説明資料!V6" xr:uid="{69243044-98A1-4CAC-9777-3275519970C5}"/>
  </hyperlinks>
  <pageMargins left="0.70866141732283472" right="0.70866141732283472" top="0.78740157480314965" bottom="0.59055118110236227" header="0.31496062992125984" footer="0.31496062992125984"/>
  <pageSetup paperSize="9" scale="73" fitToWidth="0" fitToHeight="0" orientation="portrait" cellComments="asDisplayed" r:id="rId1"/>
  <rowBreaks count="1" manualBreakCount="1">
    <brk id="63" max="8" man="1"/>
  </rowBreaks>
  <colBreaks count="1" manualBreakCount="1">
    <brk id="9"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A224AE-031C-4543-BE32-E9D4CAFA1AB5}">
  <dimension ref="A1:IQ1226"/>
  <sheetViews>
    <sheetView view="pageBreakPreview" zoomScale="80" zoomScaleNormal="100" zoomScaleSheetLayoutView="80" workbookViewId="0">
      <selection sqref="A1:C1"/>
    </sheetView>
  </sheetViews>
  <sheetFormatPr defaultColWidth="8.09765625" defaultRowHeight="18"/>
  <cols>
    <col min="1" max="50" width="1.796875" customWidth="1"/>
    <col min="51" max="51" width="1.5" customWidth="1"/>
  </cols>
  <sheetData>
    <row r="1" spans="1:113" s="23" customFormat="1" ht="19.2">
      <c r="A1" s="22" t="s">
        <v>86</v>
      </c>
      <c r="AW1" s="24"/>
      <c r="AX1" s="25"/>
      <c r="AY1" s="24"/>
    </row>
    <row r="2" spans="1:113" s="23" customFormat="1" ht="13.2"/>
    <row r="3" spans="1:113" s="23" customFormat="1" ht="13.2">
      <c r="A3" s="26"/>
      <c r="B3" s="115" t="s">
        <v>87</v>
      </c>
      <c r="C3" s="115"/>
      <c r="D3" s="115"/>
      <c r="E3" s="115"/>
      <c r="F3" s="115"/>
      <c r="G3" s="115"/>
      <c r="H3" s="115"/>
      <c r="I3" s="115"/>
      <c r="J3" s="115"/>
      <c r="K3" s="115"/>
      <c r="L3" s="115"/>
      <c r="M3" s="115"/>
      <c r="N3" s="115"/>
      <c r="O3" s="115"/>
      <c r="P3" s="115"/>
      <c r="Q3" s="115"/>
      <c r="R3" s="115"/>
      <c r="S3" s="115"/>
      <c r="T3" s="115"/>
      <c r="U3" s="115"/>
      <c r="V3" s="115"/>
      <c r="W3" s="115"/>
      <c r="X3" s="115"/>
      <c r="Y3" s="115"/>
      <c r="Z3" s="115"/>
      <c r="AA3" s="115"/>
      <c r="AB3" s="115"/>
      <c r="AC3" s="115"/>
      <c r="AD3" s="115"/>
      <c r="AE3" s="115"/>
      <c r="AF3" s="115"/>
      <c r="AG3" s="115"/>
      <c r="AH3" s="115"/>
      <c r="AI3" s="115"/>
      <c r="AJ3" s="115"/>
      <c r="AK3" s="115"/>
      <c r="AL3" s="115"/>
      <c r="AM3" s="115"/>
      <c r="AN3" s="115"/>
      <c r="AO3" s="115"/>
      <c r="AP3" s="115"/>
      <c r="AQ3" s="115"/>
      <c r="AR3" s="115"/>
      <c r="AS3" s="115"/>
      <c r="AT3" s="115"/>
      <c r="AU3" s="115"/>
      <c r="AV3" s="115"/>
      <c r="AW3" s="115"/>
      <c r="AX3" s="115"/>
      <c r="AY3" s="26"/>
    </row>
    <row r="4" spans="1:113" s="23" customFormat="1" ht="13.2">
      <c r="Z4" s="27"/>
      <c r="AD4" s="27"/>
      <c r="AE4" s="27"/>
      <c r="AF4" s="27"/>
      <c r="AG4" s="27"/>
      <c r="AH4" s="27"/>
      <c r="AI4" s="27"/>
      <c r="AO4" s="27"/>
    </row>
    <row r="5" spans="1:113" s="23" customFormat="1" ht="13.8" thickBot="1">
      <c r="Z5" s="27"/>
      <c r="AD5" s="27"/>
      <c r="AE5" s="27"/>
      <c r="AF5" s="27"/>
      <c r="AG5" s="27"/>
      <c r="AH5" s="27"/>
      <c r="AI5" s="27"/>
      <c r="AO5" s="27"/>
      <c r="DI5" s="28"/>
    </row>
    <row r="6" spans="1:113" s="23" customFormat="1" ht="24.6" customHeight="1" thickBot="1">
      <c r="A6" s="116" t="s">
        <v>88</v>
      </c>
      <c r="B6" s="117"/>
      <c r="C6" s="117"/>
      <c r="D6" s="117"/>
      <c r="E6" s="117"/>
      <c r="F6" s="117"/>
      <c r="G6" s="117"/>
      <c r="H6" s="117"/>
      <c r="I6" s="117"/>
      <c r="J6" s="117"/>
      <c r="K6" s="118"/>
      <c r="L6" s="119">
        <v>1</v>
      </c>
      <c r="M6" s="120"/>
      <c r="N6" s="120"/>
      <c r="O6" s="121"/>
      <c r="P6" s="122" t="s">
        <v>89</v>
      </c>
      <c r="Q6" s="120"/>
      <c r="R6" s="120"/>
      <c r="S6" s="120"/>
      <c r="T6" s="120"/>
      <c r="U6" s="123"/>
      <c r="V6" s="124" t="s">
        <v>90</v>
      </c>
      <c r="W6" s="125"/>
      <c r="X6" s="125"/>
      <c r="Y6" s="125"/>
      <c r="Z6" s="125"/>
      <c r="AA6" s="125"/>
      <c r="AB6" s="125"/>
      <c r="AC6" s="125"/>
      <c r="AD6" s="125"/>
      <c r="AE6" s="125"/>
      <c r="AF6" s="125"/>
      <c r="AG6" s="125"/>
      <c r="AH6" s="125"/>
      <c r="AI6" s="125"/>
      <c r="AJ6" s="125"/>
      <c r="AK6" s="125"/>
      <c r="AL6" s="125"/>
      <c r="AM6" s="125"/>
      <c r="AN6" s="125"/>
      <c r="AO6" s="125"/>
      <c r="AP6" s="125"/>
      <c r="AQ6" s="125"/>
      <c r="AR6" s="125"/>
      <c r="AS6" s="125"/>
      <c r="AT6" s="125"/>
      <c r="AU6" s="125"/>
      <c r="AV6" s="125"/>
      <c r="AW6" s="125"/>
      <c r="AX6" s="126"/>
      <c r="DI6" s="28"/>
    </row>
    <row r="7" spans="1:113" s="23" customFormat="1" ht="14.4">
      <c r="A7" s="29"/>
      <c r="B7" s="29"/>
      <c r="C7" s="29"/>
      <c r="D7" s="29"/>
      <c r="E7" s="29"/>
      <c r="F7" s="29"/>
      <c r="G7" s="29"/>
      <c r="H7" s="29"/>
      <c r="I7" s="29"/>
      <c r="J7" s="29"/>
      <c r="K7" s="29"/>
      <c r="L7" s="30"/>
      <c r="M7" s="30"/>
      <c r="N7" s="30"/>
      <c r="O7" s="30"/>
      <c r="P7" s="29"/>
      <c r="Q7" s="29"/>
      <c r="R7" s="29"/>
      <c r="S7" s="29"/>
      <c r="T7" s="29"/>
      <c r="U7" s="29"/>
      <c r="V7" s="31"/>
      <c r="W7" s="31"/>
      <c r="X7" s="31"/>
      <c r="Y7" s="31"/>
      <c r="Z7" s="31"/>
      <c r="AA7" s="31"/>
      <c r="AB7" s="31"/>
      <c r="AC7" s="31"/>
      <c r="AD7" s="31"/>
      <c r="AE7" s="31"/>
      <c r="AF7" s="31"/>
      <c r="AG7" s="31"/>
      <c r="AH7" s="31"/>
      <c r="AI7" s="31"/>
      <c r="AJ7" s="31"/>
      <c r="AK7" s="31"/>
      <c r="AL7" s="31"/>
      <c r="AM7" s="31"/>
      <c r="AN7" s="31"/>
      <c r="AO7" s="31"/>
      <c r="AP7" s="31"/>
      <c r="AQ7" s="31"/>
      <c r="AR7" s="31"/>
      <c r="AS7" s="31"/>
      <c r="AT7" s="31"/>
      <c r="AU7" s="31"/>
      <c r="AV7" s="31"/>
      <c r="AW7" s="31"/>
      <c r="AX7" s="31"/>
      <c r="DI7" s="28"/>
    </row>
    <row r="8" spans="1:113" s="23" customFormat="1" ht="15" thickBot="1">
      <c r="A8" s="32"/>
      <c r="B8" s="33" t="s">
        <v>91</v>
      </c>
      <c r="C8" s="34"/>
      <c r="D8" s="34"/>
      <c r="E8" s="34"/>
      <c r="F8" s="34"/>
      <c r="G8" s="34"/>
      <c r="H8" s="34"/>
      <c r="I8" s="34"/>
      <c r="J8" s="34"/>
      <c r="K8" s="34"/>
      <c r="L8" s="35"/>
      <c r="M8" s="35"/>
      <c r="N8" s="35"/>
      <c r="O8" s="35"/>
      <c r="P8" s="34"/>
      <c r="Q8" s="34"/>
      <c r="R8" s="34"/>
      <c r="S8" s="34"/>
      <c r="T8" s="34"/>
      <c r="U8" s="34"/>
      <c r="V8" s="33"/>
      <c r="W8" s="33"/>
      <c r="X8" s="33"/>
      <c r="Y8" s="33"/>
      <c r="Z8" s="33"/>
      <c r="AA8" s="33"/>
      <c r="AB8" s="33"/>
      <c r="AC8" s="33"/>
      <c r="AD8" s="33"/>
      <c r="AE8" s="33"/>
      <c r="AF8" s="33"/>
      <c r="AG8" s="33"/>
      <c r="AH8" s="33"/>
      <c r="AI8" s="33"/>
      <c r="AJ8" s="33"/>
      <c r="AK8" s="33"/>
      <c r="AL8" s="33"/>
      <c r="AM8" s="33"/>
      <c r="AN8" s="33"/>
      <c r="AO8" s="33"/>
      <c r="AP8" s="33"/>
      <c r="AQ8" s="33"/>
      <c r="AR8" s="33"/>
      <c r="AS8" s="33"/>
      <c r="AT8" s="33"/>
      <c r="AU8" s="33"/>
      <c r="AV8" s="33"/>
      <c r="AW8" s="33"/>
      <c r="AX8" s="33"/>
      <c r="DI8" s="28"/>
    </row>
    <row r="9" spans="1:113" s="23" customFormat="1" ht="14.4">
      <c r="A9" s="34"/>
      <c r="B9" s="36"/>
      <c r="C9" s="29"/>
      <c r="D9" s="29"/>
      <c r="E9" s="29"/>
      <c r="F9" s="29"/>
      <c r="G9" s="29"/>
      <c r="H9" s="29"/>
      <c r="I9" s="29"/>
      <c r="J9" s="29"/>
      <c r="K9" s="29"/>
      <c r="L9" s="30"/>
      <c r="M9" s="30"/>
      <c r="N9" s="30"/>
      <c r="O9" s="30"/>
      <c r="P9" s="29"/>
      <c r="Q9" s="29"/>
      <c r="R9" s="29"/>
      <c r="S9" s="29"/>
      <c r="T9" s="29"/>
      <c r="U9" s="29"/>
      <c r="V9" s="31"/>
      <c r="W9" s="31"/>
      <c r="X9" s="31"/>
      <c r="Y9" s="31"/>
      <c r="Z9" s="31"/>
      <c r="AA9" s="31"/>
      <c r="AB9" s="31"/>
      <c r="AC9" s="31"/>
      <c r="AD9" s="31"/>
      <c r="AE9" s="31"/>
      <c r="AF9" s="31"/>
      <c r="AG9" s="31"/>
      <c r="AH9" s="31"/>
      <c r="AI9" s="31"/>
      <c r="AJ9" s="31"/>
      <c r="AK9" s="31"/>
      <c r="AL9" s="31"/>
      <c r="AM9" s="31"/>
      <c r="AN9" s="31"/>
      <c r="AO9" s="31"/>
      <c r="AP9" s="31"/>
      <c r="AQ9" s="31"/>
      <c r="AR9" s="31"/>
      <c r="AS9" s="31"/>
      <c r="AT9" s="31"/>
      <c r="AU9" s="31"/>
      <c r="AV9" s="31"/>
      <c r="AW9" s="31"/>
      <c r="AX9" s="37"/>
    </row>
    <row r="10" spans="1:113" s="23" customFormat="1" ht="13.2" customHeight="1">
      <c r="A10" s="34"/>
      <c r="B10" s="127" t="s">
        <v>92</v>
      </c>
      <c r="C10" s="128"/>
      <c r="D10" s="128"/>
      <c r="E10" s="128"/>
      <c r="F10" s="128"/>
      <c r="G10" s="128"/>
      <c r="H10" s="128"/>
      <c r="I10" s="128"/>
      <c r="J10" s="128"/>
      <c r="K10" s="128"/>
      <c r="L10" s="128"/>
      <c r="M10" s="128"/>
      <c r="N10" s="128"/>
      <c r="O10" s="128"/>
      <c r="P10" s="128"/>
      <c r="Q10" s="128"/>
      <c r="R10" s="128"/>
      <c r="S10" s="128"/>
      <c r="T10" s="128"/>
      <c r="U10" s="128"/>
      <c r="V10" s="128"/>
      <c r="W10" s="128"/>
      <c r="X10" s="128"/>
      <c r="Y10" s="128"/>
      <c r="Z10" s="128"/>
      <c r="AA10" s="128"/>
      <c r="AB10" s="128"/>
      <c r="AC10" s="128"/>
      <c r="AD10" s="128"/>
      <c r="AE10" s="128"/>
      <c r="AF10" s="128"/>
      <c r="AG10" s="128"/>
      <c r="AH10" s="128"/>
      <c r="AI10" s="128"/>
      <c r="AJ10" s="128"/>
      <c r="AK10" s="128"/>
      <c r="AL10" s="128"/>
      <c r="AM10" s="128"/>
      <c r="AN10" s="128"/>
      <c r="AO10" s="128"/>
      <c r="AP10" s="128"/>
      <c r="AQ10" s="128"/>
      <c r="AR10" s="128"/>
      <c r="AS10" s="128"/>
      <c r="AT10" s="128"/>
      <c r="AU10" s="128"/>
      <c r="AV10" s="128"/>
      <c r="AW10" s="128"/>
      <c r="AX10" s="129"/>
    </row>
    <row r="11" spans="1:113" s="23" customFormat="1" ht="13.2">
      <c r="A11" s="34"/>
      <c r="B11" s="127"/>
      <c r="C11" s="128"/>
      <c r="D11" s="128"/>
      <c r="E11" s="128"/>
      <c r="F11" s="128"/>
      <c r="G11" s="128"/>
      <c r="H11" s="128"/>
      <c r="I11" s="128"/>
      <c r="J11" s="128"/>
      <c r="K11" s="128"/>
      <c r="L11" s="128"/>
      <c r="M11" s="128"/>
      <c r="N11" s="128"/>
      <c r="O11" s="128"/>
      <c r="P11" s="128"/>
      <c r="Q11" s="128"/>
      <c r="R11" s="128"/>
      <c r="S11" s="128"/>
      <c r="T11" s="128"/>
      <c r="U11" s="128"/>
      <c r="V11" s="128"/>
      <c r="W11" s="128"/>
      <c r="X11" s="128"/>
      <c r="Y11" s="128"/>
      <c r="Z11" s="128"/>
      <c r="AA11" s="128"/>
      <c r="AB11" s="128"/>
      <c r="AC11" s="128"/>
      <c r="AD11" s="128"/>
      <c r="AE11" s="128"/>
      <c r="AF11" s="128"/>
      <c r="AG11" s="128"/>
      <c r="AH11" s="128"/>
      <c r="AI11" s="128"/>
      <c r="AJ11" s="128"/>
      <c r="AK11" s="128"/>
      <c r="AL11" s="128"/>
      <c r="AM11" s="128"/>
      <c r="AN11" s="128"/>
      <c r="AO11" s="128"/>
      <c r="AP11" s="128"/>
      <c r="AQ11" s="128"/>
      <c r="AR11" s="128"/>
      <c r="AS11" s="128"/>
      <c r="AT11" s="128"/>
      <c r="AU11" s="128"/>
      <c r="AV11" s="128"/>
      <c r="AW11" s="128"/>
      <c r="AX11" s="129"/>
      <c r="BC11" s="17"/>
    </row>
    <row r="12" spans="1:113" s="23" customFormat="1" ht="13.2">
      <c r="A12" s="34"/>
      <c r="B12" s="127"/>
      <c r="C12" s="128"/>
      <c r="D12" s="128"/>
      <c r="E12" s="128"/>
      <c r="F12" s="128"/>
      <c r="G12" s="128"/>
      <c r="H12" s="128"/>
      <c r="I12" s="128"/>
      <c r="J12" s="128"/>
      <c r="K12" s="128"/>
      <c r="L12" s="128"/>
      <c r="M12" s="128"/>
      <c r="N12" s="128"/>
      <c r="O12" s="128"/>
      <c r="P12" s="128"/>
      <c r="Q12" s="128"/>
      <c r="R12" s="128"/>
      <c r="S12" s="128"/>
      <c r="T12" s="128"/>
      <c r="U12" s="128"/>
      <c r="V12" s="128"/>
      <c r="W12" s="128"/>
      <c r="X12" s="128"/>
      <c r="Y12" s="128"/>
      <c r="Z12" s="128"/>
      <c r="AA12" s="128"/>
      <c r="AB12" s="128"/>
      <c r="AC12" s="128"/>
      <c r="AD12" s="128"/>
      <c r="AE12" s="128"/>
      <c r="AF12" s="128"/>
      <c r="AG12" s="128"/>
      <c r="AH12" s="128"/>
      <c r="AI12" s="128"/>
      <c r="AJ12" s="128"/>
      <c r="AK12" s="128"/>
      <c r="AL12" s="128"/>
      <c r="AM12" s="128"/>
      <c r="AN12" s="128"/>
      <c r="AO12" s="128"/>
      <c r="AP12" s="128"/>
      <c r="AQ12" s="128"/>
      <c r="AR12" s="128"/>
      <c r="AS12" s="128"/>
      <c r="AT12" s="128"/>
      <c r="AU12" s="128"/>
      <c r="AV12" s="128"/>
      <c r="AW12" s="128"/>
      <c r="AX12" s="129"/>
    </row>
    <row r="13" spans="1:113" s="23" customFormat="1" ht="13.2">
      <c r="A13" s="34"/>
      <c r="B13" s="127"/>
      <c r="C13" s="128"/>
      <c r="D13" s="128"/>
      <c r="E13" s="128"/>
      <c r="F13" s="128"/>
      <c r="G13" s="128"/>
      <c r="H13" s="128"/>
      <c r="I13" s="128"/>
      <c r="J13" s="128"/>
      <c r="K13" s="128"/>
      <c r="L13" s="128"/>
      <c r="M13" s="128"/>
      <c r="N13" s="128"/>
      <c r="O13" s="128"/>
      <c r="P13" s="128"/>
      <c r="Q13" s="128"/>
      <c r="R13" s="128"/>
      <c r="S13" s="128"/>
      <c r="T13" s="128"/>
      <c r="U13" s="128"/>
      <c r="V13" s="128"/>
      <c r="W13" s="128"/>
      <c r="X13" s="128"/>
      <c r="Y13" s="128"/>
      <c r="Z13" s="128"/>
      <c r="AA13" s="128"/>
      <c r="AB13" s="128"/>
      <c r="AC13" s="128"/>
      <c r="AD13" s="128"/>
      <c r="AE13" s="128"/>
      <c r="AF13" s="128"/>
      <c r="AG13" s="128"/>
      <c r="AH13" s="128"/>
      <c r="AI13" s="128"/>
      <c r="AJ13" s="128"/>
      <c r="AK13" s="128"/>
      <c r="AL13" s="128"/>
      <c r="AM13" s="128"/>
      <c r="AN13" s="128"/>
      <c r="AO13" s="128"/>
      <c r="AP13" s="128"/>
      <c r="AQ13" s="128"/>
      <c r="AR13" s="128"/>
      <c r="AS13" s="128"/>
      <c r="AT13" s="128"/>
      <c r="AU13" s="128"/>
      <c r="AV13" s="128"/>
      <c r="AW13" s="128"/>
      <c r="AX13" s="129"/>
    </row>
    <row r="14" spans="1:113" s="23" customFormat="1" ht="13.2">
      <c r="A14" s="34"/>
      <c r="B14" s="127"/>
      <c r="C14" s="128"/>
      <c r="D14" s="128"/>
      <c r="E14" s="128"/>
      <c r="F14" s="128"/>
      <c r="G14" s="128"/>
      <c r="H14" s="128"/>
      <c r="I14" s="128"/>
      <c r="J14" s="128"/>
      <c r="K14" s="128"/>
      <c r="L14" s="128"/>
      <c r="M14" s="128"/>
      <c r="N14" s="128"/>
      <c r="O14" s="128"/>
      <c r="P14" s="128"/>
      <c r="Q14" s="128"/>
      <c r="R14" s="128"/>
      <c r="S14" s="128"/>
      <c r="T14" s="128"/>
      <c r="U14" s="128"/>
      <c r="V14" s="128"/>
      <c r="W14" s="128"/>
      <c r="X14" s="128"/>
      <c r="Y14" s="128"/>
      <c r="Z14" s="128"/>
      <c r="AA14" s="128"/>
      <c r="AB14" s="128"/>
      <c r="AC14" s="128"/>
      <c r="AD14" s="128"/>
      <c r="AE14" s="128"/>
      <c r="AF14" s="128"/>
      <c r="AG14" s="128"/>
      <c r="AH14" s="128"/>
      <c r="AI14" s="128"/>
      <c r="AJ14" s="128"/>
      <c r="AK14" s="128"/>
      <c r="AL14" s="128"/>
      <c r="AM14" s="128"/>
      <c r="AN14" s="128"/>
      <c r="AO14" s="128"/>
      <c r="AP14" s="128"/>
      <c r="AQ14" s="128"/>
      <c r="AR14" s="128"/>
      <c r="AS14" s="128"/>
      <c r="AT14" s="128"/>
      <c r="AU14" s="128"/>
      <c r="AV14" s="128"/>
      <c r="AW14" s="128"/>
      <c r="AX14" s="129"/>
    </row>
    <row r="15" spans="1:113" s="23" customFormat="1" ht="13.2">
      <c r="A15" s="34"/>
      <c r="B15" s="127"/>
      <c r="C15" s="128"/>
      <c r="D15" s="128"/>
      <c r="E15" s="128"/>
      <c r="F15" s="128"/>
      <c r="G15" s="128"/>
      <c r="H15" s="128"/>
      <c r="I15" s="128"/>
      <c r="J15" s="128"/>
      <c r="K15" s="128"/>
      <c r="L15" s="128"/>
      <c r="M15" s="128"/>
      <c r="N15" s="128"/>
      <c r="O15" s="128"/>
      <c r="P15" s="128"/>
      <c r="Q15" s="128"/>
      <c r="R15" s="128"/>
      <c r="S15" s="128"/>
      <c r="T15" s="128"/>
      <c r="U15" s="128"/>
      <c r="V15" s="128"/>
      <c r="W15" s="128"/>
      <c r="X15" s="128"/>
      <c r="Y15" s="128"/>
      <c r="Z15" s="128"/>
      <c r="AA15" s="128"/>
      <c r="AB15" s="128"/>
      <c r="AC15" s="128"/>
      <c r="AD15" s="128"/>
      <c r="AE15" s="128"/>
      <c r="AF15" s="128"/>
      <c r="AG15" s="128"/>
      <c r="AH15" s="128"/>
      <c r="AI15" s="128"/>
      <c r="AJ15" s="128"/>
      <c r="AK15" s="128"/>
      <c r="AL15" s="128"/>
      <c r="AM15" s="128"/>
      <c r="AN15" s="128"/>
      <c r="AO15" s="128"/>
      <c r="AP15" s="128"/>
      <c r="AQ15" s="128"/>
      <c r="AR15" s="128"/>
      <c r="AS15" s="128"/>
      <c r="AT15" s="128"/>
      <c r="AU15" s="128"/>
      <c r="AV15" s="128"/>
      <c r="AW15" s="128"/>
      <c r="AX15" s="129"/>
    </row>
    <row r="16" spans="1:113" s="23" customFormat="1" ht="13.2">
      <c r="A16" s="34"/>
      <c r="B16" s="127"/>
      <c r="C16" s="128"/>
      <c r="D16" s="128"/>
      <c r="E16" s="128"/>
      <c r="F16" s="128"/>
      <c r="G16" s="128"/>
      <c r="H16" s="128"/>
      <c r="I16" s="128"/>
      <c r="J16" s="128"/>
      <c r="K16" s="128"/>
      <c r="L16" s="128"/>
      <c r="M16" s="128"/>
      <c r="N16" s="128"/>
      <c r="O16" s="128"/>
      <c r="P16" s="128"/>
      <c r="Q16" s="128"/>
      <c r="R16" s="128"/>
      <c r="S16" s="128"/>
      <c r="T16" s="128"/>
      <c r="U16" s="128"/>
      <c r="V16" s="128"/>
      <c r="W16" s="128"/>
      <c r="X16" s="128"/>
      <c r="Y16" s="128"/>
      <c r="Z16" s="128"/>
      <c r="AA16" s="128"/>
      <c r="AB16" s="128"/>
      <c r="AC16" s="128"/>
      <c r="AD16" s="128"/>
      <c r="AE16" s="128"/>
      <c r="AF16" s="128"/>
      <c r="AG16" s="128"/>
      <c r="AH16" s="128"/>
      <c r="AI16" s="128"/>
      <c r="AJ16" s="128"/>
      <c r="AK16" s="128"/>
      <c r="AL16" s="128"/>
      <c r="AM16" s="128"/>
      <c r="AN16" s="128"/>
      <c r="AO16" s="128"/>
      <c r="AP16" s="128"/>
      <c r="AQ16" s="128"/>
      <c r="AR16" s="128"/>
      <c r="AS16" s="128"/>
      <c r="AT16" s="128"/>
      <c r="AU16" s="128"/>
      <c r="AV16" s="128"/>
      <c r="AW16" s="128"/>
      <c r="AX16" s="129"/>
    </row>
    <row r="17" spans="1:251" s="23" customFormat="1" ht="13.2">
      <c r="A17" s="34"/>
      <c r="B17" s="127"/>
      <c r="C17" s="128"/>
      <c r="D17" s="128"/>
      <c r="E17" s="128"/>
      <c r="F17" s="128"/>
      <c r="G17" s="128"/>
      <c r="H17" s="128"/>
      <c r="I17" s="128"/>
      <c r="J17" s="128"/>
      <c r="K17" s="128"/>
      <c r="L17" s="128"/>
      <c r="M17" s="128"/>
      <c r="N17" s="128"/>
      <c r="O17" s="128"/>
      <c r="P17" s="128"/>
      <c r="Q17" s="128"/>
      <c r="R17" s="128"/>
      <c r="S17" s="128"/>
      <c r="T17" s="128"/>
      <c r="U17" s="128"/>
      <c r="V17" s="128"/>
      <c r="W17" s="128"/>
      <c r="X17" s="128"/>
      <c r="Y17" s="128"/>
      <c r="Z17" s="128"/>
      <c r="AA17" s="128"/>
      <c r="AB17" s="128"/>
      <c r="AC17" s="128"/>
      <c r="AD17" s="128"/>
      <c r="AE17" s="128"/>
      <c r="AF17" s="128"/>
      <c r="AG17" s="128"/>
      <c r="AH17" s="128"/>
      <c r="AI17" s="128"/>
      <c r="AJ17" s="128"/>
      <c r="AK17" s="128"/>
      <c r="AL17" s="128"/>
      <c r="AM17" s="128"/>
      <c r="AN17" s="128"/>
      <c r="AO17" s="128"/>
      <c r="AP17" s="128"/>
      <c r="AQ17" s="128"/>
      <c r="AR17" s="128"/>
      <c r="AS17" s="128"/>
      <c r="AT17" s="128"/>
      <c r="AU17" s="128"/>
      <c r="AV17" s="128"/>
      <c r="AW17" s="128"/>
      <c r="AX17" s="129"/>
    </row>
    <row r="18" spans="1:251" s="23" customFormat="1" ht="13.2">
      <c r="A18" s="34"/>
      <c r="B18" s="127"/>
      <c r="C18" s="128"/>
      <c r="D18" s="128"/>
      <c r="E18" s="128"/>
      <c r="F18" s="128"/>
      <c r="G18" s="128"/>
      <c r="H18" s="128"/>
      <c r="I18" s="128"/>
      <c r="J18" s="128"/>
      <c r="K18" s="128"/>
      <c r="L18" s="128"/>
      <c r="M18" s="128"/>
      <c r="N18" s="128"/>
      <c r="O18" s="128"/>
      <c r="P18" s="128"/>
      <c r="Q18" s="128"/>
      <c r="R18" s="128"/>
      <c r="S18" s="128"/>
      <c r="T18" s="128"/>
      <c r="U18" s="128"/>
      <c r="V18" s="128"/>
      <c r="W18" s="128"/>
      <c r="X18" s="128"/>
      <c r="Y18" s="128"/>
      <c r="Z18" s="128"/>
      <c r="AA18" s="128"/>
      <c r="AB18" s="128"/>
      <c r="AC18" s="128"/>
      <c r="AD18" s="128"/>
      <c r="AE18" s="128"/>
      <c r="AF18" s="128"/>
      <c r="AG18" s="128"/>
      <c r="AH18" s="128"/>
      <c r="AI18" s="128"/>
      <c r="AJ18" s="128"/>
      <c r="AK18" s="128"/>
      <c r="AL18" s="128"/>
      <c r="AM18" s="128"/>
      <c r="AN18" s="128"/>
      <c r="AO18" s="128"/>
      <c r="AP18" s="128"/>
      <c r="AQ18" s="128"/>
      <c r="AR18" s="128"/>
      <c r="AS18" s="128"/>
      <c r="AT18" s="128"/>
      <c r="AU18" s="128"/>
      <c r="AV18" s="128"/>
      <c r="AW18" s="128"/>
      <c r="AX18" s="129"/>
    </row>
    <row r="19" spans="1:251" s="23" customFormat="1" ht="13.2">
      <c r="A19" s="34"/>
      <c r="B19" s="127"/>
      <c r="C19" s="128"/>
      <c r="D19" s="128"/>
      <c r="E19" s="128"/>
      <c r="F19" s="128"/>
      <c r="G19" s="128"/>
      <c r="H19" s="128"/>
      <c r="I19" s="128"/>
      <c r="J19" s="128"/>
      <c r="K19" s="128"/>
      <c r="L19" s="128"/>
      <c r="M19" s="128"/>
      <c r="N19" s="128"/>
      <c r="O19" s="128"/>
      <c r="P19" s="128"/>
      <c r="Q19" s="128"/>
      <c r="R19" s="128"/>
      <c r="S19" s="128"/>
      <c r="T19" s="128"/>
      <c r="U19" s="128"/>
      <c r="V19" s="128"/>
      <c r="W19" s="128"/>
      <c r="X19" s="128"/>
      <c r="Y19" s="128"/>
      <c r="Z19" s="128"/>
      <c r="AA19" s="128"/>
      <c r="AB19" s="128"/>
      <c r="AC19" s="128"/>
      <c r="AD19" s="128"/>
      <c r="AE19" s="128"/>
      <c r="AF19" s="128"/>
      <c r="AG19" s="128"/>
      <c r="AH19" s="128"/>
      <c r="AI19" s="128"/>
      <c r="AJ19" s="128"/>
      <c r="AK19" s="128"/>
      <c r="AL19" s="128"/>
      <c r="AM19" s="128"/>
      <c r="AN19" s="128"/>
      <c r="AO19" s="128"/>
      <c r="AP19" s="128"/>
      <c r="AQ19" s="128"/>
      <c r="AR19" s="128"/>
      <c r="AS19" s="128"/>
      <c r="AT19" s="128"/>
      <c r="AU19" s="128"/>
      <c r="AV19" s="128"/>
      <c r="AW19" s="128"/>
      <c r="AX19" s="129"/>
    </row>
    <row r="20" spans="1:251" s="23" customFormat="1" ht="15" thickBot="1">
      <c r="A20" s="38"/>
      <c r="B20" s="39"/>
      <c r="C20" s="40"/>
      <c r="D20" s="40"/>
      <c r="E20" s="40"/>
      <c r="F20" s="40"/>
      <c r="G20" s="40"/>
      <c r="H20" s="40"/>
      <c r="I20" s="40"/>
      <c r="J20" s="40"/>
      <c r="K20" s="40"/>
      <c r="L20" s="40"/>
      <c r="M20" s="40"/>
      <c r="N20" s="40"/>
      <c r="O20" s="40"/>
      <c r="P20" s="40"/>
      <c r="Q20" s="40"/>
      <c r="R20" s="40"/>
      <c r="S20" s="40"/>
      <c r="T20" s="40"/>
      <c r="U20" s="40"/>
      <c r="V20" s="40"/>
      <c r="W20" s="40"/>
      <c r="X20" s="40"/>
      <c r="Y20" s="40"/>
      <c r="Z20" s="40"/>
      <c r="AA20" s="40"/>
      <c r="AB20" s="40"/>
      <c r="AC20" s="40"/>
      <c r="AD20" s="40"/>
      <c r="AE20" s="40"/>
      <c r="AF20" s="40"/>
      <c r="AG20" s="40"/>
      <c r="AH20" s="40"/>
      <c r="AI20" s="40"/>
      <c r="AJ20" s="40"/>
      <c r="AK20" s="40"/>
      <c r="AL20" s="40"/>
      <c r="AM20" s="40"/>
      <c r="AN20" s="40"/>
      <c r="AO20" s="40"/>
      <c r="AP20" s="40"/>
      <c r="AQ20" s="40"/>
      <c r="AR20" s="40"/>
      <c r="AS20" s="40"/>
      <c r="AT20" s="40"/>
      <c r="AU20" s="40"/>
      <c r="AV20" s="40"/>
      <c r="AW20" s="40"/>
      <c r="AX20" s="41"/>
    </row>
    <row r="21" spans="1:251" s="23" customFormat="1" ht="13.2">
      <c r="B21" s="42"/>
    </row>
    <row r="22" spans="1:251" s="23" customFormat="1" ht="14.4">
      <c r="B22" s="33" t="s">
        <v>93</v>
      </c>
      <c r="C22" s="34"/>
      <c r="D22" s="34"/>
      <c r="E22" s="34"/>
      <c r="F22" s="34"/>
      <c r="G22" s="34"/>
      <c r="H22" s="34"/>
      <c r="I22" s="34"/>
      <c r="J22" s="34"/>
      <c r="K22" s="34"/>
      <c r="L22" s="35"/>
      <c r="M22" s="35"/>
      <c r="N22" s="35"/>
      <c r="O22" s="35"/>
      <c r="P22" s="34"/>
      <c r="Q22" s="34"/>
      <c r="R22" s="34"/>
      <c r="S22" s="34"/>
      <c r="T22" s="34"/>
      <c r="U22" s="34"/>
      <c r="V22" s="33"/>
      <c r="W22" s="33"/>
      <c r="X22" s="33"/>
      <c r="Y22" s="33"/>
      <c r="Z22" s="33"/>
      <c r="AA22" s="33"/>
      <c r="AB22" s="33"/>
      <c r="AC22" s="33"/>
      <c r="AD22" s="33"/>
      <c r="AE22" s="33"/>
      <c r="AF22" s="33"/>
      <c r="AG22" s="33"/>
      <c r="AH22" s="33"/>
      <c r="AI22" s="33"/>
      <c r="AJ22" s="33"/>
      <c r="AK22" s="33"/>
      <c r="AL22" s="33"/>
      <c r="AM22" s="33"/>
      <c r="AN22" s="33"/>
      <c r="AO22" s="33"/>
      <c r="AP22" s="33"/>
      <c r="AQ22" s="33"/>
      <c r="AR22" s="33"/>
      <c r="AS22" s="33"/>
      <c r="AT22" s="33"/>
      <c r="AU22" s="33"/>
      <c r="AV22" s="33"/>
      <c r="AW22" s="33"/>
      <c r="AX22" s="33"/>
    </row>
    <row r="23" spans="1:251" s="23" customFormat="1" ht="15" thickBot="1">
      <c r="B23" s="33"/>
      <c r="C23" s="34"/>
      <c r="D23" s="34"/>
      <c r="E23" s="34"/>
      <c r="F23" s="34"/>
      <c r="G23" s="34"/>
      <c r="H23" s="34"/>
      <c r="I23" s="34"/>
      <c r="J23" s="34"/>
      <c r="K23" s="34"/>
      <c r="L23" s="35"/>
      <c r="M23" s="35"/>
      <c r="N23" s="35"/>
      <c r="O23" s="35"/>
      <c r="P23" s="34"/>
      <c r="Q23" s="34"/>
      <c r="R23" s="34"/>
      <c r="S23" s="34"/>
      <c r="T23" s="34"/>
      <c r="U23" s="34"/>
      <c r="V23" s="33"/>
      <c r="W23" s="33"/>
      <c r="X23" s="33"/>
      <c r="Y23" s="33"/>
      <c r="Z23" s="33"/>
      <c r="AA23" s="33"/>
      <c r="AB23" s="33"/>
      <c r="AC23" s="33"/>
      <c r="AD23" s="33"/>
      <c r="AE23" s="33"/>
      <c r="AF23" s="33"/>
      <c r="AG23" s="33"/>
      <c r="AH23" s="33"/>
      <c r="AI23" s="33"/>
      <c r="AJ23" s="33"/>
      <c r="AK23" s="33"/>
      <c r="AL23" s="33"/>
      <c r="AM23" s="33"/>
      <c r="AN23" s="33"/>
      <c r="AO23" s="33"/>
      <c r="AP23" s="33"/>
      <c r="AQ23" s="33"/>
      <c r="AR23" s="33"/>
      <c r="AS23" s="33"/>
      <c r="AT23" s="33"/>
      <c r="AU23" s="33"/>
      <c r="AV23" s="33"/>
      <c r="AW23" s="33"/>
      <c r="AX23" s="43" t="s">
        <v>94</v>
      </c>
    </row>
    <row r="24" spans="1:251" s="17" customFormat="1" ht="13.2">
      <c r="A24" s="34"/>
      <c r="B24" s="139" t="s">
        <v>95</v>
      </c>
      <c r="C24" s="140"/>
      <c r="D24" s="140"/>
      <c r="E24" s="140"/>
      <c r="F24" s="140"/>
      <c r="G24" s="140"/>
      <c r="H24" s="140"/>
      <c r="I24" s="140"/>
      <c r="J24" s="140"/>
      <c r="K24" s="140"/>
      <c r="L24" s="140"/>
      <c r="M24" s="140"/>
      <c r="N24" s="140"/>
      <c r="O24" s="140"/>
      <c r="P24" s="140"/>
      <c r="Q24" s="140"/>
      <c r="R24" s="140"/>
      <c r="S24" s="140"/>
      <c r="T24" s="140"/>
      <c r="U24" s="140"/>
      <c r="V24" s="140"/>
      <c r="W24" s="140"/>
      <c r="X24" s="140"/>
      <c r="Y24" s="140"/>
      <c r="Z24" s="141"/>
      <c r="AA24" s="145" t="s">
        <v>96</v>
      </c>
      <c r="AB24" s="146"/>
      <c r="AC24" s="146"/>
      <c r="AD24" s="146"/>
      <c r="AE24" s="146"/>
      <c r="AF24" s="146"/>
      <c r="AG24" s="146"/>
      <c r="AH24" s="146"/>
      <c r="AI24" s="147"/>
      <c r="AJ24" s="145" t="s">
        <v>97</v>
      </c>
      <c r="AK24" s="146"/>
      <c r="AL24" s="146"/>
      <c r="AM24" s="146"/>
      <c r="AN24" s="146"/>
      <c r="AO24" s="146"/>
      <c r="AP24" s="146"/>
      <c r="AQ24" s="146"/>
      <c r="AR24" s="147"/>
      <c r="AS24" s="145" t="s">
        <v>98</v>
      </c>
      <c r="AT24" s="146"/>
      <c r="AU24" s="146"/>
      <c r="AV24" s="146"/>
      <c r="AW24" s="146"/>
      <c r="AX24" s="151"/>
      <c r="AY24" s="23"/>
      <c r="AZ24" s="23"/>
      <c r="BA24" s="23"/>
      <c r="BB24" s="23"/>
      <c r="BC24" s="23"/>
      <c r="BD24" s="23"/>
      <c r="BE24" s="23"/>
      <c r="BF24" s="23"/>
      <c r="BG24" s="23"/>
      <c r="BH24" s="23"/>
      <c r="BI24" s="23"/>
      <c r="BJ24" s="23"/>
      <c r="BK24" s="23"/>
      <c r="BL24" s="23"/>
      <c r="BM24" s="23"/>
      <c r="BN24" s="23"/>
      <c r="BO24" s="23"/>
      <c r="BP24" s="23"/>
      <c r="BQ24" s="23"/>
      <c r="BR24" s="23"/>
      <c r="BS24" s="23"/>
      <c r="BT24" s="23"/>
      <c r="BU24" s="23"/>
      <c r="BV24" s="23"/>
      <c r="BW24" s="23"/>
      <c r="BX24" s="23"/>
      <c r="BY24" s="23"/>
      <c r="BZ24" s="23"/>
      <c r="CA24" s="23"/>
      <c r="CB24" s="23"/>
      <c r="CC24" s="23"/>
      <c r="CD24" s="23"/>
      <c r="CE24" s="23"/>
      <c r="CF24" s="23"/>
      <c r="CG24" s="23"/>
      <c r="CH24" s="23"/>
      <c r="CI24" s="23"/>
      <c r="CJ24" s="23"/>
      <c r="CK24" s="23"/>
      <c r="CL24" s="23"/>
      <c r="CM24" s="23"/>
      <c r="CN24" s="23"/>
      <c r="CO24" s="23"/>
      <c r="CP24" s="23"/>
      <c r="CQ24" s="23"/>
      <c r="CR24" s="23"/>
      <c r="CS24" s="23"/>
      <c r="CT24" s="23"/>
      <c r="CU24" s="23"/>
      <c r="CV24" s="23"/>
      <c r="CW24" s="23"/>
      <c r="CX24" s="23"/>
      <c r="CY24" s="23"/>
      <c r="CZ24" s="23"/>
      <c r="DA24" s="23"/>
      <c r="DB24" s="23"/>
      <c r="DC24" s="23"/>
      <c r="DD24" s="23"/>
      <c r="DE24" s="23"/>
      <c r="DF24" s="23"/>
      <c r="DG24" s="23"/>
      <c r="DH24" s="23"/>
      <c r="DI24" s="23"/>
      <c r="DJ24" s="23"/>
      <c r="DK24" s="23"/>
      <c r="DL24" s="23"/>
      <c r="DM24" s="23"/>
      <c r="DN24" s="23"/>
      <c r="DO24" s="23"/>
      <c r="DP24" s="23"/>
      <c r="DQ24" s="23"/>
      <c r="DR24" s="23"/>
      <c r="DS24" s="23"/>
      <c r="DT24" s="23"/>
      <c r="DU24" s="23"/>
      <c r="DV24" s="23"/>
      <c r="DW24" s="23"/>
      <c r="DX24" s="23"/>
      <c r="DY24" s="23"/>
      <c r="DZ24" s="23"/>
      <c r="EA24" s="23"/>
      <c r="EB24" s="23"/>
      <c r="EC24" s="23"/>
      <c r="ED24" s="23"/>
      <c r="EE24" s="23"/>
      <c r="EF24" s="23"/>
      <c r="EG24" s="23"/>
      <c r="EH24" s="23"/>
      <c r="EI24" s="23"/>
      <c r="EJ24" s="23"/>
      <c r="EK24" s="23"/>
      <c r="EL24" s="23"/>
      <c r="EM24" s="23"/>
      <c r="EN24" s="23"/>
      <c r="EO24" s="23"/>
      <c r="EP24" s="23"/>
      <c r="EQ24" s="23"/>
      <c r="ER24" s="23"/>
      <c r="ES24" s="23"/>
      <c r="ET24" s="23"/>
      <c r="EU24" s="23"/>
      <c r="EV24" s="23"/>
      <c r="EW24" s="23"/>
      <c r="EX24" s="23"/>
      <c r="EY24" s="23"/>
      <c r="EZ24" s="23"/>
      <c r="FA24" s="23"/>
      <c r="FB24" s="23"/>
      <c r="FC24" s="23"/>
      <c r="FD24" s="23"/>
      <c r="FE24" s="23"/>
      <c r="FF24" s="23"/>
      <c r="FG24" s="23"/>
      <c r="FH24" s="23"/>
      <c r="FI24" s="23"/>
      <c r="FJ24" s="23"/>
      <c r="FK24" s="23"/>
      <c r="FL24" s="23"/>
      <c r="FM24" s="23"/>
      <c r="FN24" s="23"/>
      <c r="FO24" s="23"/>
      <c r="FP24" s="23"/>
      <c r="FQ24" s="23"/>
      <c r="FR24" s="23"/>
      <c r="FS24" s="23"/>
      <c r="FT24" s="23"/>
      <c r="FU24" s="23"/>
      <c r="FV24" s="23"/>
      <c r="FW24" s="23"/>
      <c r="FX24" s="23"/>
      <c r="FY24" s="23"/>
      <c r="FZ24" s="23"/>
      <c r="GA24" s="23"/>
      <c r="GB24" s="23"/>
      <c r="GC24" s="23"/>
      <c r="GD24" s="23"/>
      <c r="GE24" s="23"/>
      <c r="GF24" s="23"/>
      <c r="GG24" s="23"/>
      <c r="GH24" s="23"/>
      <c r="GI24" s="23"/>
      <c r="GJ24" s="23"/>
      <c r="GK24" s="23"/>
      <c r="GL24" s="23"/>
      <c r="GM24" s="23"/>
      <c r="GN24" s="23"/>
      <c r="GO24" s="23"/>
      <c r="GP24" s="23"/>
      <c r="GQ24" s="23"/>
      <c r="GR24" s="23"/>
      <c r="GS24" s="23"/>
      <c r="GT24" s="23"/>
      <c r="GU24" s="23"/>
      <c r="GV24" s="23"/>
      <c r="GW24" s="23"/>
      <c r="GX24" s="23"/>
      <c r="GY24" s="23"/>
      <c r="GZ24" s="23"/>
      <c r="HA24" s="23"/>
      <c r="HB24" s="23"/>
      <c r="HC24" s="23"/>
      <c r="HD24" s="23"/>
      <c r="HE24" s="23"/>
      <c r="HF24" s="23"/>
      <c r="HG24" s="23"/>
      <c r="HH24" s="23"/>
      <c r="HI24" s="23"/>
      <c r="HJ24" s="23"/>
      <c r="HK24" s="23"/>
      <c r="HL24" s="23"/>
      <c r="HM24" s="23"/>
      <c r="HN24" s="23"/>
      <c r="HO24" s="23"/>
      <c r="HP24" s="23"/>
      <c r="HQ24" s="23"/>
      <c r="HR24" s="23"/>
      <c r="HS24" s="23"/>
      <c r="HT24" s="23"/>
      <c r="HU24" s="23"/>
      <c r="HV24" s="23"/>
      <c r="HW24" s="23"/>
      <c r="HX24" s="23"/>
      <c r="HY24" s="23"/>
      <c r="HZ24" s="23"/>
      <c r="IA24" s="23"/>
      <c r="IB24" s="23"/>
      <c r="IC24" s="23"/>
      <c r="ID24" s="23"/>
      <c r="IE24" s="23"/>
      <c r="IF24" s="23"/>
      <c r="IG24" s="23"/>
      <c r="IH24" s="23"/>
      <c r="II24" s="23"/>
      <c r="IJ24" s="23"/>
      <c r="IK24" s="23"/>
      <c r="IL24" s="23"/>
      <c r="IM24" s="23"/>
      <c r="IN24" s="23"/>
      <c r="IO24" s="23"/>
      <c r="IP24" s="23"/>
      <c r="IQ24" s="23"/>
    </row>
    <row r="25" spans="1:251" s="17" customFormat="1" ht="13.2">
      <c r="A25" s="34"/>
      <c r="B25" s="142"/>
      <c r="C25" s="143"/>
      <c r="D25" s="143"/>
      <c r="E25" s="143"/>
      <c r="F25" s="143"/>
      <c r="G25" s="143"/>
      <c r="H25" s="143"/>
      <c r="I25" s="143"/>
      <c r="J25" s="143"/>
      <c r="K25" s="143"/>
      <c r="L25" s="143"/>
      <c r="M25" s="143"/>
      <c r="N25" s="143"/>
      <c r="O25" s="143"/>
      <c r="P25" s="143"/>
      <c r="Q25" s="143"/>
      <c r="R25" s="143"/>
      <c r="S25" s="143"/>
      <c r="T25" s="143"/>
      <c r="U25" s="143"/>
      <c r="V25" s="143"/>
      <c r="W25" s="143"/>
      <c r="X25" s="143"/>
      <c r="Y25" s="143"/>
      <c r="Z25" s="144"/>
      <c r="AA25" s="148"/>
      <c r="AB25" s="149"/>
      <c r="AC25" s="149"/>
      <c r="AD25" s="149"/>
      <c r="AE25" s="149"/>
      <c r="AF25" s="149"/>
      <c r="AG25" s="149"/>
      <c r="AH25" s="149"/>
      <c r="AI25" s="150"/>
      <c r="AJ25" s="148"/>
      <c r="AK25" s="149"/>
      <c r="AL25" s="149"/>
      <c r="AM25" s="149"/>
      <c r="AN25" s="149"/>
      <c r="AO25" s="149"/>
      <c r="AP25" s="149"/>
      <c r="AQ25" s="149"/>
      <c r="AR25" s="150"/>
      <c r="AS25" s="148"/>
      <c r="AT25" s="149"/>
      <c r="AU25" s="149"/>
      <c r="AV25" s="149"/>
      <c r="AW25" s="149"/>
      <c r="AX25" s="152"/>
      <c r="AY25" s="23"/>
      <c r="AZ25" s="23"/>
      <c r="BA25" s="23"/>
      <c r="BB25" s="44"/>
      <c r="BC25" s="45"/>
      <c r="BE25" s="23"/>
      <c r="BF25" s="23"/>
      <c r="BG25" s="23"/>
      <c r="BH25" s="23"/>
      <c r="BI25" s="23"/>
      <c r="BJ25" s="23"/>
      <c r="BK25" s="23"/>
      <c r="BL25" s="23"/>
      <c r="BM25" s="23"/>
      <c r="BN25" s="23"/>
      <c r="BO25" s="23"/>
      <c r="BP25" s="23"/>
      <c r="BQ25" s="23"/>
      <c r="BR25" s="23"/>
      <c r="BS25" s="23"/>
      <c r="BT25" s="23"/>
      <c r="BU25" s="23"/>
      <c r="BV25" s="23"/>
      <c r="BW25" s="23"/>
      <c r="BX25" s="23"/>
      <c r="BY25" s="23"/>
      <c r="BZ25" s="23"/>
      <c r="CA25" s="23"/>
      <c r="CB25" s="23"/>
      <c r="CC25" s="23"/>
      <c r="CD25" s="23"/>
      <c r="CE25" s="23"/>
      <c r="CF25" s="23"/>
      <c r="CG25" s="23"/>
      <c r="CH25" s="23"/>
      <c r="CI25" s="23"/>
      <c r="CJ25" s="23"/>
      <c r="CK25" s="23"/>
      <c r="CL25" s="23"/>
      <c r="CM25" s="23"/>
      <c r="CN25" s="23"/>
      <c r="CO25" s="23"/>
      <c r="CP25" s="23"/>
      <c r="CQ25" s="23"/>
      <c r="CR25" s="23"/>
      <c r="CS25" s="23"/>
      <c r="CT25" s="23"/>
      <c r="CU25" s="23"/>
      <c r="CV25" s="23"/>
      <c r="CW25" s="23"/>
      <c r="CX25" s="23"/>
      <c r="CY25" s="23"/>
      <c r="CZ25" s="23"/>
      <c r="DA25" s="23"/>
      <c r="DB25" s="23"/>
      <c r="DC25" s="23"/>
      <c r="DD25" s="23"/>
      <c r="DE25" s="23"/>
      <c r="DF25" s="23"/>
      <c r="DG25" s="23"/>
      <c r="DH25" s="23"/>
      <c r="DI25" s="23"/>
      <c r="DJ25" s="23"/>
      <c r="DK25" s="23"/>
      <c r="DL25" s="23"/>
      <c r="DM25" s="23"/>
      <c r="DN25" s="23"/>
      <c r="DO25" s="23"/>
      <c r="DP25" s="23"/>
      <c r="DQ25" s="23"/>
      <c r="DR25" s="23"/>
      <c r="DS25" s="23"/>
      <c r="DT25" s="23"/>
      <c r="DU25" s="23"/>
      <c r="DV25" s="23"/>
      <c r="DW25" s="23"/>
      <c r="DX25" s="23"/>
      <c r="DY25" s="23"/>
      <c r="DZ25" s="23"/>
      <c r="EA25" s="23"/>
      <c r="EB25" s="23"/>
      <c r="EC25" s="23"/>
      <c r="ED25" s="23"/>
      <c r="EE25" s="23"/>
      <c r="EF25" s="23"/>
      <c r="EG25" s="23"/>
      <c r="EH25" s="23"/>
      <c r="EI25" s="23"/>
      <c r="EJ25" s="23"/>
      <c r="EK25" s="23"/>
      <c r="EL25" s="23"/>
      <c r="EM25" s="23"/>
      <c r="EN25" s="23"/>
      <c r="EO25" s="23"/>
      <c r="EP25" s="23"/>
      <c r="EQ25" s="23"/>
      <c r="ER25" s="23"/>
      <c r="ES25" s="23"/>
      <c r="ET25" s="23"/>
      <c r="EU25" s="23"/>
      <c r="EV25" s="23"/>
      <c r="EW25" s="23"/>
      <c r="EX25" s="23"/>
      <c r="EY25" s="23"/>
      <c r="EZ25" s="23"/>
      <c r="FA25" s="23"/>
      <c r="FB25" s="23"/>
      <c r="FC25" s="23"/>
      <c r="FD25" s="23"/>
      <c r="FE25" s="23"/>
      <c r="FF25" s="23"/>
      <c r="FG25" s="23"/>
      <c r="FH25" s="23"/>
      <c r="FI25" s="23"/>
      <c r="FJ25" s="23"/>
      <c r="FK25" s="23"/>
      <c r="FL25" s="23"/>
      <c r="FM25" s="23"/>
      <c r="FN25" s="23"/>
      <c r="FO25" s="23"/>
      <c r="FP25" s="23"/>
      <c r="FQ25" s="23"/>
      <c r="FR25" s="23"/>
      <c r="FS25" s="23"/>
      <c r="FT25" s="23"/>
      <c r="FU25" s="23"/>
      <c r="FV25" s="23"/>
      <c r="FW25" s="23"/>
      <c r="FX25" s="23"/>
      <c r="FY25" s="23"/>
      <c r="FZ25" s="23"/>
      <c r="GA25" s="23"/>
      <c r="GB25" s="23"/>
      <c r="GC25" s="23"/>
      <c r="GD25" s="23"/>
      <c r="GE25" s="23"/>
      <c r="GF25" s="23"/>
      <c r="GG25" s="23"/>
      <c r="GH25" s="23"/>
      <c r="GI25" s="23"/>
      <c r="GJ25" s="23"/>
      <c r="GK25" s="23"/>
      <c r="GL25" s="23"/>
      <c r="GM25" s="23"/>
      <c r="GN25" s="23"/>
      <c r="GO25" s="23"/>
      <c r="GP25" s="23"/>
      <c r="GQ25" s="23"/>
      <c r="GR25" s="23"/>
      <c r="GS25" s="23"/>
      <c r="GT25" s="23"/>
      <c r="GU25" s="23"/>
      <c r="GV25" s="23"/>
      <c r="GW25" s="23"/>
      <c r="GX25" s="23"/>
      <c r="GY25" s="23"/>
      <c r="GZ25" s="23"/>
      <c r="HA25" s="23"/>
      <c r="HB25" s="23"/>
      <c r="HC25" s="23"/>
      <c r="HD25" s="23"/>
      <c r="HE25" s="23"/>
      <c r="HF25" s="23"/>
      <c r="HG25" s="23"/>
      <c r="HH25" s="23"/>
      <c r="HI25" s="23"/>
      <c r="HJ25" s="23"/>
      <c r="HK25" s="23"/>
      <c r="HL25" s="23"/>
      <c r="HM25" s="23"/>
      <c r="HN25" s="23"/>
      <c r="HO25" s="23"/>
      <c r="HP25" s="23"/>
      <c r="HQ25" s="23"/>
      <c r="HR25" s="23"/>
      <c r="HS25" s="23"/>
      <c r="HT25" s="23"/>
      <c r="HU25" s="23"/>
      <c r="HV25" s="23"/>
      <c r="HW25" s="23"/>
      <c r="HX25" s="23"/>
      <c r="HY25" s="23"/>
      <c r="HZ25" s="23"/>
      <c r="IA25" s="23"/>
      <c r="IB25" s="23"/>
      <c r="IC25" s="23"/>
      <c r="ID25" s="23"/>
      <c r="IE25" s="23"/>
      <c r="IF25" s="23"/>
      <c r="IG25" s="23"/>
      <c r="IH25" s="23"/>
      <c r="II25" s="23"/>
      <c r="IJ25" s="23"/>
      <c r="IK25" s="23"/>
      <c r="IL25" s="23"/>
      <c r="IM25" s="23"/>
      <c r="IN25" s="23"/>
      <c r="IO25" s="23"/>
      <c r="IP25" s="23"/>
      <c r="IQ25" s="23"/>
    </row>
    <row r="26" spans="1:251" s="17" customFormat="1" ht="18.75" customHeight="1">
      <c r="A26" s="34"/>
      <c r="B26" s="46"/>
      <c r="C26" s="130" t="s">
        <v>99</v>
      </c>
      <c r="D26" s="130"/>
      <c r="E26" s="130"/>
      <c r="F26" s="130"/>
      <c r="G26" s="130"/>
      <c r="H26" s="130"/>
      <c r="I26" s="130"/>
      <c r="J26" s="130"/>
      <c r="K26" s="130"/>
      <c r="L26" s="130"/>
      <c r="M26" s="130"/>
      <c r="N26" s="130"/>
      <c r="O26" s="130"/>
      <c r="P26" s="130"/>
      <c r="Q26" s="130"/>
      <c r="R26" s="130"/>
      <c r="S26" s="130"/>
      <c r="T26" s="130"/>
      <c r="U26" s="130"/>
      <c r="V26" s="130"/>
      <c r="W26" s="130"/>
      <c r="X26" s="130"/>
      <c r="Y26" s="130"/>
      <c r="Z26" s="131"/>
      <c r="AA26" s="132">
        <v>6037</v>
      </c>
      <c r="AB26" s="133"/>
      <c r="AC26" s="133"/>
      <c r="AD26" s="133"/>
      <c r="AE26" s="133"/>
      <c r="AF26" s="133"/>
      <c r="AG26" s="133"/>
      <c r="AH26" s="133"/>
      <c r="AI26" s="134"/>
      <c r="AJ26" s="132">
        <v>5725</v>
      </c>
      <c r="AK26" s="133"/>
      <c r="AL26" s="133"/>
      <c r="AM26" s="133"/>
      <c r="AN26" s="133"/>
      <c r="AO26" s="133"/>
      <c r="AP26" s="133"/>
      <c r="AQ26" s="133"/>
      <c r="AR26" s="134"/>
      <c r="AS26" s="132"/>
      <c r="AT26" s="133"/>
      <c r="AU26" s="133"/>
      <c r="AV26" s="133"/>
      <c r="AW26" s="133"/>
      <c r="AX26" s="135"/>
      <c r="AY26" s="23"/>
      <c r="AZ26" s="23"/>
      <c r="BA26" s="23"/>
      <c r="BB26" s="23"/>
      <c r="BC26" s="23"/>
      <c r="BD26" s="23"/>
      <c r="BE26" s="23"/>
      <c r="BF26" s="23"/>
      <c r="BG26" s="23"/>
      <c r="BH26" s="23"/>
      <c r="BI26" s="23"/>
      <c r="BJ26" s="23"/>
      <c r="BK26" s="23"/>
      <c r="BL26" s="23"/>
      <c r="BM26" s="23"/>
      <c r="BN26" s="23"/>
      <c r="BO26" s="23"/>
      <c r="BP26" s="23"/>
      <c r="BQ26" s="23"/>
      <c r="BR26" s="23"/>
      <c r="BS26" s="23"/>
      <c r="BT26" s="23"/>
      <c r="BU26" s="23"/>
      <c r="BV26" s="23"/>
      <c r="BW26" s="23"/>
      <c r="BX26" s="23"/>
      <c r="BY26" s="23"/>
      <c r="BZ26" s="23"/>
      <c r="CA26" s="23"/>
      <c r="CB26" s="23"/>
      <c r="CC26" s="23"/>
      <c r="CD26" s="23"/>
      <c r="CE26" s="23"/>
      <c r="CF26" s="23"/>
      <c r="CG26" s="23"/>
      <c r="CH26" s="23"/>
      <c r="CI26" s="23"/>
      <c r="CJ26" s="23"/>
      <c r="CK26" s="23"/>
      <c r="CL26" s="23"/>
      <c r="CM26" s="23"/>
      <c r="CN26" s="23"/>
      <c r="CO26" s="23"/>
      <c r="CP26" s="23"/>
      <c r="CQ26" s="23"/>
      <c r="CR26" s="23"/>
      <c r="CS26" s="23"/>
      <c r="CT26" s="23"/>
      <c r="CU26" s="23"/>
      <c r="CV26" s="23"/>
      <c r="CW26" s="23"/>
      <c r="CX26" s="23"/>
      <c r="CY26" s="23"/>
      <c r="CZ26" s="23"/>
      <c r="DA26" s="23"/>
      <c r="DB26" s="23"/>
      <c r="DC26" s="23"/>
      <c r="DD26" s="23"/>
      <c r="DE26" s="23"/>
      <c r="DF26" s="23"/>
      <c r="DG26" s="23"/>
      <c r="DH26" s="23"/>
      <c r="DI26" s="23"/>
      <c r="DJ26" s="23"/>
      <c r="DK26" s="23"/>
      <c r="DL26" s="23"/>
      <c r="DM26" s="23"/>
      <c r="DN26" s="23"/>
      <c r="DO26" s="23"/>
      <c r="DP26" s="23"/>
      <c r="DQ26" s="23"/>
      <c r="DR26" s="23"/>
      <c r="DS26" s="23"/>
      <c r="DT26" s="23"/>
      <c r="DU26" s="23"/>
      <c r="DV26" s="23"/>
      <c r="DW26" s="23"/>
      <c r="DX26" s="23"/>
      <c r="DY26" s="23"/>
      <c r="DZ26" s="23"/>
      <c r="EA26" s="23"/>
      <c r="EB26" s="23"/>
      <c r="EC26" s="23"/>
      <c r="ED26" s="23"/>
      <c r="EE26" s="23"/>
      <c r="EF26" s="23"/>
      <c r="EG26" s="23"/>
      <c r="EH26" s="23"/>
      <c r="EI26" s="23"/>
      <c r="EJ26" s="23"/>
      <c r="EK26" s="23"/>
      <c r="EL26" s="23"/>
      <c r="EM26" s="23"/>
      <c r="EN26" s="23"/>
      <c r="EO26" s="23"/>
      <c r="EP26" s="23"/>
      <c r="EQ26" s="23"/>
      <c r="ER26" s="23"/>
      <c r="ES26" s="23"/>
      <c r="ET26" s="23"/>
      <c r="EU26" s="23"/>
      <c r="EV26" s="23"/>
      <c r="EW26" s="23"/>
      <c r="EX26" s="23"/>
      <c r="EY26" s="23"/>
      <c r="EZ26" s="23"/>
      <c r="FA26" s="23"/>
      <c r="FB26" s="23"/>
      <c r="FC26" s="23"/>
      <c r="FD26" s="23"/>
      <c r="FE26" s="23"/>
      <c r="FF26" s="23"/>
      <c r="FG26" s="23"/>
      <c r="FH26" s="23"/>
      <c r="FI26" s="23"/>
      <c r="FJ26" s="23"/>
      <c r="FK26" s="23"/>
      <c r="FL26" s="23"/>
      <c r="FM26" s="23"/>
      <c r="FN26" s="23"/>
      <c r="FO26" s="23"/>
      <c r="FP26" s="23"/>
      <c r="FQ26" s="23"/>
      <c r="FR26" s="23"/>
      <c r="FS26" s="23"/>
      <c r="FT26" s="23"/>
      <c r="FU26" s="23"/>
      <c r="FV26" s="23"/>
      <c r="FW26" s="23"/>
      <c r="FX26" s="23"/>
      <c r="FY26" s="23"/>
      <c r="FZ26" s="23"/>
      <c r="GA26" s="23"/>
      <c r="GB26" s="23"/>
      <c r="GC26" s="23"/>
      <c r="GD26" s="23"/>
      <c r="GE26" s="23"/>
      <c r="GF26" s="23"/>
      <c r="GG26" s="23"/>
      <c r="GH26" s="23"/>
      <c r="GI26" s="23"/>
      <c r="GJ26" s="23"/>
      <c r="GK26" s="23"/>
      <c r="GL26" s="23"/>
      <c r="GM26" s="23"/>
      <c r="GN26" s="23"/>
      <c r="GO26" s="23"/>
      <c r="GP26" s="23"/>
      <c r="GQ26" s="23"/>
      <c r="GR26" s="23"/>
      <c r="GS26" s="23"/>
      <c r="GT26" s="23"/>
      <c r="GU26" s="23"/>
      <c r="GV26" s="23"/>
      <c r="GW26" s="23"/>
      <c r="GX26" s="23"/>
      <c r="GY26" s="23"/>
      <c r="GZ26" s="23"/>
      <c r="HA26" s="23"/>
      <c r="HB26" s="23"/>
      <c r="HC26" s="23"/>
      <c r="HD26" s="23"/>
      <c r="HE26" s="23"/>
      <c r="HF26" s="23"/>
      <c r="HG26" s="23"/>
      <c r="HH26" s="23"/>
      <c r="HI26" s="23"/>
      <c r="HJ26" s="23"/>
      <c r="HK26" s="23"/>
      <c r="HL26" s="23"/>
      <c r="HM26" s="23"/>
      <c r="HN26" s="23"/>
      <c r="HO26" s="23"/>
      <c r="HP26" s="23"/>
      <c r="HQ26" s="23"/>
      <c r="HR26" s="23"/>
      <c r="HS26" s="23"/>
      <c r="HT26" s="23"/>
      <c r="HU26" s="23"/>
      <c r="HV26" s="23"/>
      <c r="HW26" s="23"/>
      <c r="HX26" s="23"/>
      <c r="HY26" s="23"/>
      <c r="HZ26" s="23"/>
      <c r="IA26" s="23"/>
      <c r="IB26" s="23"/>
      <c r="IC26" s="23"/>
      <c r="ID26" s="23"/>
      <c r="IE26" s="23"/>
      <c r="IF26" s="23"/>
      <c r="IG26" s="23"/>
      <c r="IH26" s="23"/>
      <c r="II26" s="23"/>
      <c r="IJ26" s="23"/>
      <c r="IK26" s="23"/>
      <c r="IL26" s="23"/>
      <c r="IM26" s="23"/>
      <c r="IN26" s="23"/>
      <c r="IO26" s="23"/>
      <c r="IP26" s="23"/>
      <c r="IQ26" s="23"/>
    </row>
    <row r="27" spans="1:251" s="17" customFormat="1" ht="18.75" customHeight="1">
      <c r="A27" s="34"/>
      <c r="B27" s="47"/>
      <c r="C27" s="130" t="s">
        <v>100</v>
      </c>
      <c r="D27" s="130"/>
      <c r="E27" s="130"/>
      <c r="F27" s="130"/>
      <c r="G27" s="130"/>
      <c r="H27" s="130"/>
      <c r="I27" s="130"/>
      <c r="J27" s="130"/>
      <c r="K27" s="130"/>
      <c r="L27" s="130"/>
      <c r="M27" s="130"/>
      <c r="N27" s="130"/>
      <c r="O27" s="130"/>
      <c r="P27" s="130"/>
      <c r="Q27" s="130"/>
      <c r="R27" s="130"/>
      <c r="S27" s="130"/>
      <c r="T27" s="130"/>
      <c r="U27" s="130"/>
      <c r="V27" s="130"/>
      <c r="W27" s="130"/>
      <c r="X27" s="130"/>
      <c r="Y27" s="130"/>
      <c r="Z27" s="131"/>
      <c r="AA27" s="132">
        <v>84069</v>
      </c>
      <c r="AB27" s="133"/>
      <c r="AC27" s="133"/>
      <c r="AD27" s="133"/>
      <c r="AE27" s="133"/>
      <c r="AF27" s="133"/>
      <c r="AG27" s="133"/>
      <c r="AH27" s="133"/>
      <c r="AI27" s="134"/>
      <c r="AJ27" s="132">
        <v>82412</v>
      </c>
      <c r="AK27" s="133"/>
      <c r="AL27" s="133"/>
      <c r="AM27" s="133"/>
      <c r="AN27" s="133"/>
      <c r="AO27" s="133"/>
      <c r="AP27" s="133"/>
      <c r="AQ27" s="133"/>
      <c r="AR27" s="134"/>
      <c r="AS27" s="132"/>
      <c r="AT27" s="133"/>
      <c r="AU27" s="133"/>
      <c r="AV27" s="133"/>
      <c r="AW27" s="133"/>
      <c r="AX27" s="135"/>
      <c r="AY27" s="23"/>
      <c r="AZ27" s="23"/>
      <c r="BA27" s="23"/>
      <c r="BB27" s="23"/>
      <c r="BC27" s="23"/>
      <c r="BD27" s="23"/>
      <c r="BE27" s="23"/>
      <c r="BF27" s="23"/>
      <c r="BG27" s="23"/>
      <c r="BH27" s="23"/>
      <c r="BI27" s="23"/>
      <c r="BJ27" s="23"/>
      <c r="BK27" s="23"/>
      <c r="BL27" s="23"/>
      <c r="BM27" s="23"/>
      <c r="BN27" s="23"/>
      <c r="BO27" s="23"/>
      <c r="BP27" s="23"/>
      <c r="BQ27" s="23"/>
      <c r="BR27" s="23"/>
      <c r="BS27" s="23"/>
      <c r="BT27" s="23"/>
      <c r="BU27" s="23"/>
      <c r="BV27" s="23"/>
      <c r="BW27" s="23"/>
      <c r="BX27" s="23"/>
      <c r="BY27" s="23"/>
      <c r="BZ27" s="23"/>
      <c r="CA27" s="23"/>
      <c r="CB27" s="23"/>
      <c r="CC27" s="23"/>
      <c r="CD27" s="23"/>
      <c r="CE27" s="23"/>
      <c r="CF27" s="23"/>
      <c r="CG27" s="23"/>
      <c r="CH27" s="23"/>
      <c r="CI27" s="23"/>
      <c r="CJ27" s="23"/>
      <c r="CK27" s="23"/>
      <c r="CL27" s="23"/>
      <c r="CM27" s="23"/>
      <c r="CN27" s="23"/>
      <c r="CO27" s="23"/>
      <c r="CP27" s="23"/>
      <c r="CQ27" s="23"/>
      <c r="CR27" s="23"/>
      <c r="CS27" s="23"/>
      <c r="CT27" s="23"/>
      <c r="CU27" s="23"/>
      <c r="CV27" s="23"/>
      <c r="CW27" s="23"/>
      <c r="CX27" s="23"/>
      <c r="CY27" s="23"/>
      <c r="CZ27" s="23"/>
      <c r="DA27" s="23"/>
      <c r="DB27" s="23"/>
      <c r="DC27" s="23"/>
      <c r="DD27" s="23"/>
      <c r="DE27" s="23"/>
      <c r="DF27" s="23"/>
      <c r="DG27" s="23"/>
      <c r="DH27" s="23"/>
      <c r="DI27" s="23"/>
      <c r="DJ27" s="23"/>
      <c r="DK27" s="23"/>
      <c r="DL27" s="23"/>
      <c r="DM27" s="23"/>
      <c r="DN27" s="23"/>
      <c r="DO27" s="23"/>
      <c r="DP27" s="23"/>
      <c r="DQ27" s="23"/>
      <c r="DR27" s="23"/>
      <c r="DS27" s="23"/>
      <c r="DT27" s="23"/>
      <c r="DU27" s="23"/>
      <c r="DV27" s="23"/>
      <c r="DW27" s="23"/>
      <c r="DX27" s="23"/>
      <c r="DY27" s="23"/>
      <c r="DZ27" s="23"/>
      <c r="EA27" s="23"/>
      <c r="EB27" s="23"/>
      <c r="EC27" s="23"/>
      <c r="ED27" s="23"/>
      <c r="EE27" s="23"/>
      <c r="EF27" s="23"/>
      <c r="EG27" s="23"/>
      <c r="EH27" s="23"/>
      <c r="EI27" s="23"/>
      <c r="EJ27" s="23"/>
      <c r="EK27" s="23"/>
      <c r="EL27" s="23"/>
      <c r="EM27" s="23"/>
      <c r="EN27" s="23"/>
      <c r="EO27" s="23"/>
      <c r="EP27" s="23"/>
      <c r="EQ27" s="23"/>
      <c r="ER27" s="23"/>
      <c r="ES27" s="23"/>
      <c r="ET27" s="23"/>
      <c r="EU27" s="23"/>
      <c r="EV27" s="23"/>
      <c r="EW27" s="23"/>
      <c r="EX27" s="23"/>
      <c r="EY27" s="23"/>
      <c r="EZ27" s="23"/>
      <c r="FA27" s="23"/>
      <c r="FB27" s="23"/>
      <c r="FC27" s="23"/>
      <c r="FD27" s="23"/>
      <c r="FE27" s="23"/>
      <c r="FF27" s="23"/>
      <c r="FG27" s="23"/>
      <c r="FH27" s="23"/>
      <c r="FI27" s="23"/>
      <c r="FJ27" s="23"/>
      <c r="FK27" s="23"/>
      <c r="FL27" s="23"/>
      <c r="FM27" s="23"/>
      <c r="FN27" s="23"/>
      <c r="FO27" s="23"/>
      <c r="FP27" s="23"/>
      <c r="FQ27" s="23"/>
      <c r="FR27" s="23"/>
      <c r="FS27" s="23"/>
      <c r="FT27" s="23"/>
      <c r="FU27" s="23"/>
      <c r="FV27" s="23"/>
      <c r="FW27" s="23"/>
      <c r="FX27" s="23"/>
      <c r="FY27" s="23"/>
      <c r="FZ27" s="23"/>
      <c r="GA27" s="23"/>
      <c r="GB27" s="23"/>
      <c r="GC27" s="23"/>
      <c r="GD27" s="23"/>
      <c r="GE27" s="23"/>
      <c r="GF27" s="23"/>
      <c r="GG27" s="23"/>
      <c r="GH27" s="23"/>
      <c r="GI27" s="23"/>
      <c r="GJ27" s="23"/>
      <c r="GK27" s="23"/>
      <c r="GL27" s="23"/>
      <c r="GM27" s="23"/>
      <c r="GN27" s="23"/>
      <c r="GO27" s="23"/>
      <c r="GP27" s="23"/>
      <c r="GQ27" s="23"/>
      <c r="GR27" s="23"/>
      <c r="GS27" s="23"/>
      <c r="GT27" s="23"/>
      <c r="GU27" s="23"/>
      <c r="GV27" s="23"/>
      <c r="GW27" s="23"/>
      <c r="GX27" s="23"/>
      <c r="GY27" s="23"/>
      <c r="GZ27" s="23"/>
      <c r="HA27" s="23"/>
      <c r="HB27" s="23"/>
      <c r="HC27" s="23"/>
      <c r="HD27" s="23"/>
      <c r="HE27" s="23"/>
      <c r="HF27" s="23"/>
      <c r="HG27" s="23"/>
      <c r="HH27" s="23"/>
      <c r="HI27" s="23"/>
      <c r="HJ27" s="23"/>
      <c r="HK27" s="23"/>
      <c r="HL27" s="23"/>
      <c r="HM27" s="23"/>
      <c r="HN27" s="23"/>
      <c r="HO27" s="23"/>
      <c r="HP27" s="23"/>
      <c r="HQ27" s="23"/>
      <c r="HR27" s="23"/>
      <c r="HS27" s="23"/>
      <c r="HT27" s="23"/>
      <c r="HU27" s="23"/>
      <c r="HV27" s="23"/>
      <c r="HW27" s="23"/>
      <c r="HX27" s="23"/>
      <c r="HY27" s="23"/>
      <c r="HZ27" s="23"/>
      <c r="IA27" s="23"/>
      <c r="IB27" s="23"/>
      <c r="IC27" s="23"/>
      <c r="ID27" s="23"/>
      <c r="IE27" s="23"/>
      <c r="IF27" s="23"/>
      <c r="IG27" s="23"/>
      <c r="IH27" s="23"/>
      <c r="II27" s="23"/>
      <c r="IJ27" s="23"/>
      <c r="IK27" s="23"/>
      <c r="IL27" s="23"/>
      <c r="IM27" s="23"/>
      <c r="IN27" s="23"/>
      <c r="IO27" s="23"/>
      <c r="IP27" s="23"/>
      <c r="IQ27" s="23"/>
    </row>
    <row r="28" spans="1:251" s="17" customFormat="1" ht="18.75" customHeight="1">
      <c r="A28" s="34"/>
      <c r="B28" s="47"/>
      <c r="C28" s="130" t="s">
        <v>101</v>
      </c>
      <c r="D28" s="130"/>
      <c r="E28" s="130"/>
      <c r="F28" s="130"/>
      <c r="G28" s="130"/>
      <c r="H28" s="130"/>
      <c r="I28" s="130"/>
      <c r="J28" s="130"/>
      <c r="K28" s="130"/>
      <c r="L28" s="130"/>
      <c r="M28" s="130"/>
      <c r="N28" s="130"/>
      <c r="O28" s="130"/>
      <c r="P28" s="130"/>
      <c r="Q28" s="130"/>
      <c r="R28" s="130"/>
      <c r="S28" s="130"/>
      <c r="T28" s="130"/>
      <c r="U28" s="130"/>
      <c r="V28" s="130"/>
      <c r="W28" s="130"/>
      <c r="X28" s="130"/>
      <c r="Y28" s="130"/>
      <c r="Z28" s="131"/>
      <c r="AA28" s="132">
        <v>22437</v>
      </c>
      <c r="AB28" s="133"/>
      <c r="AC28" s="133"/>
      <c r="AD28" s="133"/>
      <c r="AE28" s="133"/>
      <c r="AF28" s="133"/>
      <c r="AG28" s="133"/>
      <c r="AH28" s="133"/>
      <c r="AI28" s="134"/>
      <c r="AJ28" s="132">
        <v>32337</v>
      </c>
      <c r="AK28" s="133"/>
      <c r="AL28" s="133"/>
      <c r="AM28" s="133"/>
      <c r="AN28" s="133"/>
      <c r="AO28" s="133"/>
      <c r="AP28" s="133"/>
      <c r="AQ28" s="133"/>
      <c r="AR28" s="134"/>
      <c r="AS28" s="132"/>
      <c r="AT28" s="133"/>
      <c r="AU28" s="133"/>
      <c r="AV28" s="133"/>
      <c r="AW28" s="133"/>
      <c r="AX28" s="135"/>
      <c r="AY28" s="23"/>
      <c r="AZ28" s="23"/>
      <c r="BA28" s="23"/>
      <c r="BB28" s="23"/>
      <c r="BC28" s="23"/>
      <c r="BD28" s="23"/>
      <c r="BE28" s="23"/>
      <c r="BF28" s="23"/>
      <c r="BG28" s="23"/>
      <c r="BH28" s="23"/>
      <c r="BI28" s="23"/>
      <c r="BJ28" s="23"/>
      <c r="BK28" s="23"/>
      <c r="BL28" s="23"/>
      <c r="BM28" s="23"/>
      <c r="BN28" s="23"/>
      <c r="BO28" s="23"/>
      <c r="BP28" s="23"/>
      <c r="BQ28" s="23"/>
      <c r="BR28" s="23"/>
      <c r="BS28" s="23"/>
      <c r="BT28" s="23"/>
      <c r="BU28" s="23"/>
      <c r="BV28" s="23"/>
      <c r="BW28" s="23"/>
      <c r="BX28" s="23"/>
      <c r="BY28" s="23"/>
      <c r="BZ28" s="23"/>
      <c r="CA28" s="23"/>
      <c r="CB28" s="23"/>
      <c r="CC28" s="23"/>
      <c r="CD28" s="23"/>
      <c r="CE28" s="23"/>
      <c r="CF28" s="23"/>
      <c r="CG28" s="23"/>
      <c r="CH28" s="23"/>
      <c r="CI28" s="23"/>
      <c r="CJ28" s="23"/>
      <c r="CK28" s="23"/>
      <c r="CL28" s="23"/>
      <c r="CM28" s="23"/>
      <c r="CN28" s="23"/>
      <c r="CO28" s="23"/>
      <c r="CP28" s="23"/>
      <c r="CQ28" s="23"/>
      <c r="CR28" s="23"/>
      <c r="CS28" s="23"/>
      <c r="CT28" s="23"/>
      <c r="CU28" s="23"/>
      <c r="CV28" s="23"/>
      <c r="CW28" s="23"/>
      <c r="CX28" s="23"/>
      <c r="CY28" s="23"/>
      <c r="CZ28" s="23"/>
      <c r="DA28" s="23"/>
      <c r="DB28" s="23"/>
      <c r="DC28" s="23"/>
      <c r="DD28" s="23"/>
      <c r="DE28" s="23"/>
      <c r="DF28" s="23"/>
      <c r="DG28" s="23"/>
      <c r="DH28" s="23"/>
      <c r="DI28" s="23"/>
      <c r="DJ28" s="23"/>
      <c r="DK28" s="23"/>
      <c r="DL28" s="23"/>
      <c r="DM28" s="23"/>
      <c r="DN28" s="23"/>
      <c r="DO28" s="23"/>
      <c r="DP28" s="23"/>
      <c r="DQ28" s="23"/>
      <c r="DR28" s="23"/>
      <c r="DS28" s="23"/>
      <c r="DT28" s="23"/>
      <c r="DU28" s="23"/>
      <c r="DV28" s="23"/>
      <c r="DW28" s="23"/>
      <c r="DX28" s="23"/>
      <c r="DY28" s="23"/>
      <c r="DZ28" s="23"/>
      <c r="EA28" s="23"/>
      <c r="EB28" s="23"/>
      <c r="EC28" s="23"/>
      <c r="ED28" s="23"/>
      <c r="EE28" s="23"/>
      <c r="EF28" s="23"/>
      <c r="EG28" s="23"/>
      <c r="EH28" s="23"/>
      <c r="EI28" s="23"/>
      <c r="EJ28" s="23"/>
      <c r="EK28" s="23"/>
      <c r="EL28" s="23"/>
      <c r="EM28" s="23"/>
      <c r="EN28" s="23"/>
      <c r="EO28" s="23"/>
      <c r="EP28" s="23"/>
      <c r="EQ28" s="23"/>
      <c r="ER28" s="23"/>
      <c r="ES28" s="23"/>
      <c r="ET28" s="23"/>
      <c r="EU28" s="23"/>
      <c r="EV28" s="23"/>
      <c r="EW28" s="23"/>
      <c r="EX28" s="23"/>
      <c r="EY28" s="23"/>
      <c r="EZ28" s="23"/>
      <c r="FA28" s="23"/>
      <c r="FB28" s="23"/>
      <c r="FC28" s="23"/>
      <c r="FD28" s="23"/>
      <c r="FE28" s="23"/>
      <c r="FF28" s="23"/>
      <c r="FG28" s="23"/>
      <c r="FH28" s="23"/>
      <c r="FI28" s="23"/>
      <c r="FJ28" s="23"/>
      <c r="FK28" s="23"/>
      <c r="FL28" s="23"/>
      <c r="FM28" s="23"/>
      <c r="FN28" s="23"/>
      <c r="FO28" s="23"/>
      <c r="FP28" s="23"/>
      <c r="FQ28" s="23"/>
      <c r="FR28" s="23"/>
      <c r="FS28" s="23"/>
      <c r="FT28" s="23"/>
      <c r="FU28" s="23"/>
      <c r="FV28" s="23"/>
      <c r="FW28" s="23"/>
      <c r="FX28" s="23"/>
      <c r="FY28" s="23"/>
      <c r="FZ28" s="23"/>
      <c r="GA28" s="23"/>
      <c r="GB28" s="23"/>
      <c r="GC28" s="23"/>
      <c r="GD28" s="23"/>
      <c r="GE28" s="23"/>
      <c r="GF28" s="23"/>
      <c r="GG28" s="23"/>
      <c r="GH28" s="23"/>
      <c r="GI28" s="23"/>
      <c r="GJ28" s="23"/>
      <c r="GK28" s="23"/>
      <c r="GL28" s="23"/>
      <c r="GM28" s="23"/>
      <c r="GN28" s="23"/>
      <c r="GO28" s="23"/>
      <c r="GP28" s="23"/>
      <c r="GQ28" s="23"/>
      <c r="GR28" s="23"/>
      <c r="GS28" s="23"/>
      <c r="GT28" s="23"/>
      <c r="GU28" s="23"/>
      <c r="GV28" s="23"/>
      <c r="GW28" s="23"/>
      <c r="GX28" s="23"/>
      <c r="GY28" s="23"/>
      <c r="GZ28" s="23"/>
      <c r="HA28" s="23"/>
      <c r="HB28" s="23"/>
      <c r="HC28" s="23"/>
      <c r="HD28" s="23"/>
      <c r="HE28" s="23"/>
      <c r="HF28" s="23"/>
      <c r="HG28" s="23"/>
      <c r="HH28" s="23"/>
      <c r="HI28" s="23"/>
      <c r="HJ28" s="23"/>
      <c r="HK28" s="23"/>
      <c r="HL28" s="23"/>
      <c r="HM28" s="23"/>
      <c r="HN28" s="23"/>
      <c r="HO28" s="23"/>
      <c r="HP28" s="23"/>
      <c r="HQ28" s="23"/>
      <c r="HR28" s="23"/>
      <c r="HS28" s="23"/>
      <c r="HT28" s="23"/>
      <c r="HU28" s="23"/>
      <c r="HV28" s="23"/>
      <c r="HW28" s="23"/>
      <c r="HX28" s="23"/>
      <c r="HY28" s="23"/>
      <c r="HZ28" s="23"/>
      <c r="IA28" s="23"/>
      <c r="IB28" s="23"/>
      <c r="IC28" s="23"/>
      <c r="ID28" s="23"/>
      <c r="IE28" s="23"/>
      <c r="IF28" s="23"/>
      <c r="IG28" s="23"/>
      <c r="IH28" s="23"/>
      <c r="II28" s="23"/>
      <c r="IJ28" s="23"/>
      <c r="IK28" s="23"/>
      <c r="IL28" s="23"/>
      <c r="IM28" s="23"/>
      <c r="IN28" s="23"/>
      <c r="IO28" s="23"/>
      <c r="IP28" s="23"/>
      <c r="IQ28" s="23"/>
    </row>
    <row r="29" spans="1:251" s="17" customFormat="1" ht="18.75" customHeight="1">
      <c r="A29" s="34"/>
      <c r="B29" s="47"/>
      <c r="C29" s="130" t="s">
        <v>102</v>
      </c>
      <c r="D29" s="130"/>
      <c r="E29" s="130"/>
      <c r="F29" s="130"/>
      <c r="G29" s="130"/>
      <c r="H29" s="130"/>
      <c r="I29" s="130"/>
      <c r="J29" s="130"/>
      <c r="K29" s="130"/>
      <c r="L29" s="130"/>
      <c r="M29" s="130"/>
      <c r="N29" s="130"/>
      <c r="O29" s="130"/>
      <c r="P29" s="130"/>
      <c r="Q29" s="130"/>
      <c r="R29" s="130"/>
      <c r="S29" s="130"/>
      <c r="T29" s="130"/>
      <c r="U29" s="130"/>
      <c r="V29" s="130"/>
      <c r="W29" s="130"/>
      <c r="X29" s="130"/>
      <c r="Y29" s="130"/>
      <c r="Z29" s="131"/>
      <c r="AA29" s="132">
        <v>237891</v>
      </c>
      <c r="AB29" s="133"/>
      <c r="AC29" s="133"/>
      <c r="AD29" s="133"/>
      <c r="AE29" s="133"/>
      <c r="AF29" s="133"/>
      <c r="AG29" s="133"/>
      <c r="AH29" s="133"/>
      <c r="AI29" s="134"/>
      <c r="AJ29" s="132">
        <v>356792</v>
      </c>
      <c r="AK29" s="133"/>
      <c r="AL29" s="133"/>
      <c r="AM29" s="133"/>
      <c r="AN29" s="133"/>
      <c r="AO29" s="133"/>
      <c r="AP29" s="133"/>
      <c r="AQ29" s="133"/>
      <c r="AR29" s="134"/>
      <c r="AS29" s="132"/>
      <c r="AT29" s="133"/>
      <c r="AU29" s="133"/>
      <c r="AV29" s="133"/>
      <c r="AW29" s="133"/>
      <c r="AX29" s="135"/>
      <c r="AY29" s="23"/>
      <c r="AZ29" s="23"/>
      <c r="BA29" s="23"/>
      <c r="BB29" s="23"/>
      <c r="BC29" s="23"/>
      <c r="BD29" s="23"/>
      <c r="BE29" s="23"/>
      <c r="BF29" s="23"/>
      <c r="BG29" s="23"/>
      <c r="BH29" s="23"/>
      <c r="BI29" s="23"/>
      <c r="BJ29" s="23"/>
      <c r="BK29" s="23"/>
      <c r="BL29" s="23"/>
      <c r="BM29" s="23"/>
      <c r="BN29" s="23"/>
      <c r="BO29" s="23"/>
      <c r="BP29" s="23"/>
      <c r="BQ29" s="23"/>
      <c r="BR29" s="23"/>
      <c r="BS29" s="23"/>
      <c r="BT29" s="23"/>
      <c r="BU29" s="23"/>
      <c r="BV29" s="23"/>
      <c r="BW29" s="23"/>
      <c r="BX29" s="23"/>
      <c r="BY29" s="23"/>
      <c r="BZ29" s="23"/>
      <c r="CA29" s="23"/>
      <c r="CB29" s="23"/>
      <c r="CC29" s="23"/>
      <c r="CD29" s="23"/>
      <c r="CE29" s="23"/>
      <c r="CF29" s="23"/>
      <c r="CG29" s="23"/>
      <c r="CH29" s="23"/>
      <c r="CI29" s="23"/>
      <c r="CJ29" s="23"/>
      <c r="CK29" s="23"/>
      <c r="CL29" s="23"/>
      <c r="CM29" s="23"/>
      <c r="CN29" s="23"/>
      <c r="CO29" s="23"/>
      <c r="CP29" s="23"/>
      <c r="CQ29" s="23"/>
      <c r="CR29" s="23"/>
      <c r="CS29" s="23"/>
      <c r="CT29" s="23"/>
      <c r="CU29" s="23"/>
      <c r="CV29" s="23"/>
      <c r="CW29" s="23"/>
      <c r="CX29" s="23"/>
      <c r="CY29" s="23"/>
      <c r="CZ29" s="23"/>
      <c r="DA29" s="23"/>
      <c r="DB29" s="23"/>
      <c r="DC29" s="23"/>
      <c r="DD29" s="23"/>
      <c r="DE29" s="23"/>
      <c r="DF29" s="23"/>
      <c r="DG29" s="23"/>
      <c r="DH29" s="23"/>
      <c r="DI29" s="23"/>
      <c r="DJ29" s="23"/>
      <c r="DK29" s="23"/>
      <c r="DL29" s="23"/>
      <c r="DM29" s="23"/>
      <c r="DN29" s="23"/>
      <c r="DO29" s="23"/>
      <c r="DP29" s="23"/>
      <c r="DQ29" s="23"/>
      <c r="DR29" s="23"/>
      <c r="DS29" s="23"/>
      <c r="DT29" s="23"/>
      <c r="DU29" s="23"/>
      <c r="DV29" s="23"/>
      <c r="DW29" s="23"/>
      <c r="DX29" s="23"/>
      <c r="DY29" s="23"/>
      <c r="DZ29" s="23"/>
      <c r="EA29" s="23"/>
      <c r="EB29" s="23"/>
      <c r="EC29" s="23"/>
      <c r="ED29" s="23"/>
      <c r="EE29" s="23"/>
      <c r="EF29" s="23"/>
      <c r="EG29" s="23"/>
      <c r="EH29" s="23"/>
      <c r="EI29" s="23"/>
      <c r="EJ29" s="23"/>
      <c r="EK29" s="23"/>
      <c r="EL29" s="23"/>
      <c r="EM29" s="23"/>
      <c r="EN29" s="23"/>
      <c r="EO29" s="23"/>
      <c r="EP29" s="23"/>
      <c r="EQ29" s="23"/>
      <c r="ER29" s="23"/>
      <c r="ES29" s="23"/>
      <c r="ET29" s="23"/>
      <c r="EU29" s="23"/>
      <c r="EV29" s="23"/>
      <c r="EW29" s="23"/>
      <c r="EX29" s="23"/>
      <c r="EY29" s="23"/>
      <c r="EZ29" s="23"/>
      <c r="FA29" s="23"/>
      <c r="FB29" s="23"/>
      <c r="FC29" s="23"/>
      <c r="FD29" s="23"/>
      <c r="FE29" s="23"/>
      <c r="FF29" s="23"/>
      <c r="FG29" s="23"/>
      <c r="FH29" s="23"/>
      <c r="FI29" s="23"/>
      <c r="FJ29" s="23"/>
      <c r="FK29" s="23"/>
      <c r="FL29" s="23"/>
      <c r="FM29" s="23"/>
      <c r="FN29" s="23"/>
      <c r="FO29" s="23"/>
      <c r="FP29" s="23"/>
      <c r="FQ29" s="23"/>
      <c r="FR29" s="23"/>
      <c r="FS29" s="23"/>
      <c r="FT29" s="23"/>
      <c r="FU29" s="23"/>
      <c r="FV29" s="23"/>
      <c r="FW29" s="23"/>
      <c r="FX29" s="23"/>
      <c r="FY29" s="23"/>
      <c r="FZ29" s="23"/>
      <c r="GA29" s="23"/>
      <c r="GB29" s="23"/>
      <c r="GC29" s="23"/>
      <c r="GD29" s="23"/>
      <c r="GE29" s="23"/>
      <c r="GF29" s="23"/>
      <c r="GG29" s="23"/>
      <c r="GH29" s="23"/>
      <c r="GI29" s="23"/>
      <c r="GJ29" s="23"/>
      <c r="GK29" s="23"/>
      <c r="GL29" s="23"/>
      <c r="GM29" s="23"/>
      <c r="GN29" s="23"/>
      <c r="GO29" s="23"/>
      <c r="GP29" s="23"/>
      <c r="GQ29" s="23"/>
      <c r="GR29" s="23"/>
      <c r="GS29" s="23"/>
      <c r="GT29" s="23"/>
      <c r="GU29" s="23"/>
      <c r="GV29" s="23"/>
      <c r="GW29" s="23"/>
      <c r="GX29" s="23"/>
      <c r="GY29" s="23"/>
      <c r="GZ29" s="23"/>
      <c r="HA29" s="23"/>
      <c r="HB29" s="23"/>
      <c r="HC29" s="23"/>
      <c r="HD29" s="23"/>
      <c r="HE29" s="23"/>
      <c r="HF29" s="23"/>
      <c r="HG29" s="23"/>
      <c r="HH29" s="23"/>
      <c r="HI29" s="23"/>
      <c r="HJ29" s="23"/>
      <c r="HK29" s="23"/>
      <c r="HL29" s="23"/>
      <c r="HM29" s="23"/>
      <c r="HN29" s="23"/>
      <c r="HO29" s="23"/>
      <c r="HP29" s="23"/>
      <c r="HQ29" s="23"/>
      <c r="HR29" s="23"/>
      <c r="HS29" s="23"/>
      <c r="HT29" s="23"/>
      <c r="HU29" s="23"/>
      <c r="HV29" s="23"/>
      <c r="HW29" s="23"/>
      <c r="HX29" s="23"/>
      <c r="HY29" s="23"/>
      <c r="HZ29" s="23"/>
      <c r="IA29" s="23"/>
      <c r="IB29" s="23"/>
      <c r="IC29" s="23"/>
      <c r="ID29" s="23"/>
      <c r="IE29" s="23"/>
      <c r="IF29" s="23"/>
      <c r="IG29" s="23"/>
      <c r="IH29" s="23"/>
      <c r="II29" s="23"/>
      <c r="IJ29" s="23"/>
      <c r="IK29" s="23"/>
      <c r="IL29" s="23"/>
      <c r="IM29" s="23"/>
      <c r="IN29" s="23"/>
      <c r="IO29" s="23"/>
      <c r="IP29" s="23"/>
      <c r="IQ29" s="23"/>
    </row>
    <row r="30" spans="1:251" s="17" customFormat="1" ht="18.75" customHeight="1">
      <c r="A30" s="34"/>
      <c r="B30" s="48"/>
      <c r="C30" s="130" t="s">
        <v>103</v>
      </c>
      <c r="D30" s="130"/>
      <c r="E30" s="130"/>
      <c r="F30" s="130"/>
      <c r="G30" s="130"/>
      <c r="H30" s="130"/>
      <c r="I30" s="130"/>
      <c r="J30" s="130"/>
      <c r="K30" s="130"/>
      <c r="L30" s="130"/>
      <c r="M30" s="130"/>
      <c r="N30" s="130"/>
      <c r="O30" s="130"/>
      <c r="P30" s="130"/>
      <c r="Q30" s="130"/>
      <c r="R30" s="130"/>
      <c r="S30" s="130"/>
      <c r="T30" s="130"/>
      <c r="U30" s="130"/>
      <c r="V30" s="130"/>
      <c r="W30" s="130"/>
      <c r="X30" s="130"/>
      <c r="Y30" s="130"/>
      <c r="Z30" s="131"/>
      <c r="AA30" s="132">
        <v>133</v>
      </c>
      <c r="AB30" s="133"/>
      <c r="AC30" s="133"/>
      <c r="AD30" s="133"/>
      <c r="AE30" s="133"/>
      <c r="AF30" s="133"/>
      <c r="AG30" s="133"/>
      <c r="AH30" s="133"/>
      <c r="AI30" s="134"/>
      <c r="AJ30" s="132">
        <v>140</v>
      </c>
      <c r="AK30" s="133"/>
      <c r="AL30" s="133"/>
      <c r="AM30" s="133"/>
      <c r="AN30" s="133"/>
      <c r="AO30" s="133"/>
      <c r="AP30" s="133"/>
      <c r="AQ30" s="133"/>
      <c r="AR30" s="134"/>
      <c r="AS30" s="136"/>
      <c r="AT30" s="137"/>
      <c r="AU30" s="137"/>
      <c r="AV30" s="137"/>
      <c r="AW30" s="137"/>
      <c r="AX30" s="138"/>
      <c r="AY30" s="23"/>
      <c r="AZ30" s="23"/>
      <c r="BA30" s="23"/>
      <c r="BB30" s="23"/>
      <c r="BC30" s="23"/>
      <c r="BD30" s="23"/>
      <c r="BE30" s="23"/>
      <c r="BF30" s="23"/>
      <c r="BG30" s="23"/>
      <c r="BH30" s="23"/>
      <c r="BI30" s="23"/>
      <c r="BJ30" s="23"/>
      <c r="BK30" s="23"/>
      <c r="BL30" s="23"/>
      <c r="BM30" s="23"/>
      <c r="BN30" s="23"/>
      <c r="BO30" s="23"/>
      <c r="BP30" s="23"/>
      <c r="BQ30" s="23"/>
      <c r="BR30" s="23"/>
      <c r="BS30" s="23"/>
      <c r="BT30" s="23"/>
      <c r="BU30" s="23"/>
      <c r="BV30" s="23"/>
      <c r="BW30" s="23"/>
      <c r="BX30" s="23"/>
      <c r="BY30" s="23"/>
      <c r="BZ30" s="23"/>
      <c r="CA30" s="23"/>
      <c r="CB30" s="23"/>
      <c r="CC30" s="23"/>
      <c r="CD30" s="23"/>
      <c r="CE30" s="23"/>
      <c r="CF30" s="23"/>
      <c r="CG30" s="23"/>
      <c r="CH30" s="23"/>
      <c r="CI30" s="23"/>
      <c r="CJ30" s="23"/>
      <c r="CK30" s="23"/>
      <c r="CL30" s="23"/>
      <c r="CM30" s="23"/>
      <c r="CN30" s="23"/>
      <c r="CO30" s="23"/>
      <c r="CP30" s="23"/>
      <c r="CQ30" s="23"/>
      <c r="CR30" s="23"/>
      <c r="CS30" s="23"/>
      <c r="CT30" s="23"/>
      <c r="CU30" s="23"/>
      <c r="CV30" s="23"/>
      <c r="CW30" s="23"/>
      <c r="CX30" s="23"/>
      <c r="CY30" s="23"/>
      <c r="CZ30" s="23"/>
      <c r="DA30" s="23"/>
      <c r="DB30" s="23"/>
      <c r="DC30" s="23"/>
      <c r="DD30" s="23"/>
      <c r="DE30" s="23"/>
      <c r="DF30" s="23"/>
      <c r="DG30" s="23"/>
      <c r="DH30" s="23"/>
      <c r="DI30" s="23"/>
      <c r="DJ30" s="23"/>
      <c r="DK30" s="23"/>
      <c r="DL30" s="23"/>
      <c r="DM30" s="23"/>
      <c r="DN30" s="23"/>
      <c r="DO30" s="23"/>
      <c r="DP30" s="23"/>
      <c r="DQ30" s="23"/>
      <c r="DR30" s="23"/>
      <c r="DS30" s="23"/>
      <c r="DT30" s="23"/>
      <c r="DU30" s="23"/>
      <c r="DV30" s="23"/>
      <c r="DW30" s="23"/>
      <c r="DX30" s="23"/>
      <c r="DY30" s="23"/>
      <c r="DZ30" s="23"/>
      <c r="EA30" s="23"/>
      <c r="EB30" s="23"/>
      <c r="EC30" s="23"/>
      <c r="ED30" s="23"/>
      <c r="EE30" s="23"/>
      <c r="EF30" s="23"/>
      <c r="EG30" s="23"/>
      <c r="EH30" s="23"/>
      <c r="EI30" s="23"/>
      <c r="EJ30" s="23"/>
      <c r="EK30" s="23"/>
      <c r="EL30" s="23"/>
      <c r="EM30" s="23"/>
      <c r="EN30" s="23"/>
      <c r="EO30" s="23"/>
      <c r="EP30" s="23"/>
      <c r="EQ30" s="23"/>
      <c r="ER30" s="23"/>
      <c r="ES30" s="23"/>
      <c r="ET30" s="23"/>
      <c r="EU30" s="23"/>
      <c r="EV30" s="23"/>
      <c r="EW30" s="23"/>
      <c r="EX30" s="23"/>
      <c r="EY30" s="23"/>
      <c r="EZ30" s="23"/>
      <c r="FA30" s="23"/>
      <c r="FB30" s="23"/>
      <c r="FC30" s="23"/>
      <c r="FD30" s="23"/>
      <c r="FE30" s="23"/>
      <c r="FF30" s="23"/>
      <c r="FG30" s="23"/>
      <c r="FH30" s="23"/>
      <c r="FI30" s="23"/>
      <c r="FJ30" s="23"/>
      <c r="FK30" s="23"/>
      <c r="FL30" s="23"/>
      <c r="FM30" s="23"/>
      <c r="FN30" s="23"/>
      <c r="FO30" s="23"/>
      <c r="FP30" s="23"/>
      <c r="FQ30" s="23"/>
      <c r="FR30" s="23"/>
      <c r="FS30" s="23"/>
      <c r="FT30" s="23"/>
      <c r="FU30" s="23"/>
      <c r="FV30" s="23"/>
      <c r="FW30" s="23"/>
      <c r="FX30" s="23"/>
      <c r="FY30" s="23"/>
      <c r="FZ30" s="23"/>
      <c r="GA30" s="23"/>
      <c r="GB30" s="23"/>
      <c r="GC30" s="23"/>
      <c r="GD30" s="23"/>
      <c r="GE30" s="23"/>
      <c r="GF30" s="23"/>
      <c r="GG30" s="23"/>
      <c r="GH30" s="23"/>
      <c r="GI30" s="23"/>
      <c r="GJ30" s="23"/>
      <c r="GK30" s="23"/>
      <c r="GL30" s="23"/>
      <c r="GM30" s="23"/>
      <c r="GN30" s="23"/>
      <c r="GO30" s="23"/>
      <c r="GP30" s="23"/>
      <c r="GQ30" s="23"/>
      <c r="GR30" s="23"/>
      <c r="GS30" s="23"/>
      <c r="GT30" s="23"/>
      <c r="GU30" s="23"/>
      <c r="GV30" s="23"/>
      <c r="GW30" s="23"/>
      <c r="GX30" s="23"/>
      <c r="GY30" s="23"/>
      <c r="GZ30" s="23"/>
      <c r="HA30" s="23"/>
      <c r="HB30" s="23"/>
      <c r="HC30" s="23"/>
      <c r="HD30" s="23"/>
      <c r="HE30" s="23"/>
      <c r="HF30" s="23"/>
      <c r="HG30" s="23"/>
      <c r="HH30" s="23"/>
      <c r="HI30" s="23"/>
      <c r="HJ30" s="23"/>
      <c r="HK30" s="23"/>
      <c r="HL30" s="23"/>
      <c r="HM30" s="23"/>
      <c r="HN30" s="23"/>
      <c r="HO30" s="23"/>
      <c r="HP30" s="23"/>
      <c r="HQ30" s="23"/>
      <c r="HR30" s="23"/>
      <c r="HS30" s="23"/>
      <c r="HT30" s="23"/>
      <c r="HU30" s="23"/>
      <c r="HV30" s="23"/>
      <c r="HW30" s="23"/>
      <c r="HX30" s="23"/>
      <c r="HY30" s="23"/>
      <c r="HZ30" s="23"/>
      <c r="IA30" s="23"/>
      <c r="IB30" s="23"/>
      <c r="IC30" s="23"/>
      <c r="ID30" s="23"/>
      <c r="IE30" s="23"/>
      <c r="IF30" s="23"/>
      <c r="IG30" s="23"/>
      <c r="IH30" s="23"/>
      <c r="II30" s="23"/>
      <c r="IJ30" s="23"/>
      <c r="IK30" s="23"/>
      <c r="IL30" s="23"/>
      <c r="IM30" s="23"/>
      <c r="IN30" s="23"/>
      <c r="IO30" s="23"/>
      <c r="IP30" s="23"/>
      <c r="IQ30" s="23"/>
    </row>
    <row r="31" spans="1:251" s="17" customFormat="1" ht="18.75" customHeight="1">
      <c r="A31" s="34"/>
      <c r="B31" s="47"/>
      <c r="C31" s="130" t="s">
        <v>104</v>
      </c>
      <c r="D31" s="130"/>
      <c r="E31" s="130"/>
      <c r="F31" s="130"/>
      <c r="G31" s="130"/>
      <c r="H31" s="130"/>
      <c r="I31" s="130"/>
      <c r="J31" s="130"/>
      <c r="K31" s="130"/>
      <c r="L31" s="130"/>
      <c r="M31" s="130"/>
      <c r="N31" s="130"/>
      <c r="O31" s="130"/>
      <c r="P31" s="130"/>
      <c r="Q31" s="130"/>
      <c r="R31" s="130"/>
      <c r="S31" s="130"/>
      <c r="T31" s="130"/>
      <c r="U31" s="130"/>
      <c r="V31" s="130"/>
      <c r="W31" s="130"/>
      <c r="X31" s="130"/>
      <c r="Y31" s="130"/>
      <c r="Z31" s="131"/>
      <c r="AA31" s="132">
        <v>468</v>
      </c>
      <c r="AB31" s="133"/>
      <c r="AC31" s="133"/>
      <c r="AD31" s="133"/>
      <c r="AE31" s="133"/>
      <c r="AF31" s="133"/>
      <c r="AG31" s="133"/>
      <c r="AH31" s="133"/>
      <c r="AI31" s="134"/>
      <c r="AJ31" s="132">
        <v>327</v>
      </c>
      <c r="AK31" s="133"/>
      <c r="AL31" s="133"/>
      <c r="AM31" s="133"/>
      <c r="AN31" s="133"/>
      <c r="AO31" s="133"/>
      <c r="AP31" s="133"/>
      <c r="AQ31" s="133"/>
      <c r="AR31" s="134"/>
      <c r="AS31" s="132"/>
      <c r="AT31" s="133"/>
      <c r="AU31" s="133"/>
      <c r="AV31" s="133"/>
      <c r="AW31" s="133"/>
      <c r="AX31" s="135"/>
      <c r="AY31" s="23"/>
      <c r="AZ31" s="23"/>
      <c r="BA31" s="23"/>
      <c r="BB31" s="23"/>
      <c r="BC31" s="23"/>
      <c r="BD31" s="23"/>
      <c r="BE31" s="23"/>
      <c r="BF31" s="23"/>
      <c r="BG31" s="23"/>
      <c r="BH31" s="23"/>
      <c r="BI31" s="23"/>
      <c r="BJ31" s="23"/>
      <c r="BK31" s="23"/>
      <c r="BL31" s="23"/>
      <c r="BM31" s="23"/>
      <c r="BN31" s="23"/>
      <c r="BO31" s="23"/>
      <c r="BP31" s="23"/>
      <c r="BQ31" s="23"/>
      <c r="BR31" s="23"/>
      <c r="BS31" s="23"/>
      <c r="BT31" s="23"/>
      <c r="BU31" s="23"/>
      <c r="BV31" s="23"/>
      <c r="BW31" s="23"/>
      <c r="BX31" s="23"/>
      <c r="BY31" s="23"/>
      <c r="BZ31" s="23"/>
      <c r="CA31" s="23"/>
      <c r="CB31" s="23"/>
      <c r="CC31" s="23"/>
      <c r="CD31" s="23"/>
      <c r="CE31" s="23"/>
      <c r="CF31" s="23"/>
      <c r="CG31" s="23"/>
      <c r="CH31" s="23"/>
      <c r="CI31" s="23"/>
      <c r="CJ31" s="23"/>
      <c r="CK31" s="23"/>
      <c r="CL31" s="23"/>
      <c r="CM31" s="23"/>
      <c r="CN31" s="23"/>
      <c r="CO31" s="23"/>
      <c r="CP31" s="23"/>
      <c r="CQ31" s="23"/>
      <c r="CR31" s="23"/>
      <c r="CS31" s="23"/>
      <c r="CT31" s="23"/>
      <c r="CU31" s="23"/>
      <c r="CV31" s="23"/>
      <c r="CW31" s="23"/>
      <c r="CX31" s="23"/>
      <c r="CY31" s="23"/>
      <c r="CZ31" s="23"/>
      <c r="DA31" s="23"/>
      <c r="DB31" s="23"/>
      <c r="DC31" s="23"/>
      <c r="DD31" s="23"/>
      <c r="DE31" s="23"/>
      <c r="DF31" s="23"/>
      <c r="DG31" s="23"/>
      <c r="DH31" s="23"/>
      <c r="DI31" s="23"/>
      <c r="DJ31" s="23"/>
      <c r="DK31" s="23"/>
      <c r="DL31" s="23"/>
      <c r="DM31" s="23"/>
      <c r="DN31" s="23"/>
      <c r="DO31" s="23"/>
      <c r="DP31" s="23"/>
      <c r="DQ31" s="23"/>
      <c r="DR31" s="23"/>
      <c r="DS31" s="23"/>
      <c r="DT31" s="23"/>
      <c r="DU31" s="23"/>
      <c r="DV31" s="23"/>
      <c r="DW31" s="23"/>
      <c r="DX31" s="23"/>
      <c r="DY31" s="23"/>
      <c r="DZ31" s="23"/>
      <c r="EA31" s="23"/>
      <c r="EB31" s="23"/>
      <c r="EC31" s="23"/>
      <c r="ED31" s="23"/>
      <c r="EE31" s="23"/>
      <c r="EF31" s="23"/>
      <c r="EG31" s="23"/>
      <c r="EH31" s="23"/>
      <c r="EI31" s="23"/>
      <c r="EJ31" s="23"/>
      <c r="EK31" s="23"/>
      <c r="EL31" s="23"/>
      <c r="EM31" s="23"/>
      <c r="EN31" s="23"/>
      <c r="EO31" s="23"/>
      <c r="EP31" s="23"/>
      <c r="EQ31" s="23"/>
      <c r="ER31" s="23"/>
      <c r="ES31" s="23"/>
      <c r="ET31" s="23"/>
      <c r="EU31" s="23"/>
      <c r="EV31" s="23"/>
      <c r="EW31" s="23"/>
      <c r="EX31" s="23"/>
      <c r="EY31" s="23"/>
      <c r="EZ31" s="23"/>
      <c r="FA31" s="23"/>
      <c r="FB31" s="23"/>
      <c r="FC31" s="23"/>
      <c r="FD31" s="23"/>
      <c r="FE31" s="23"/>
      <c r="FF31" s="23"/>
      <c r="FG31" s="23"/>
      <c r="FH31" s="23"/>
      <c r="FI31" s="23"/>
      <c r="FJ31" s="23"/>
      <c r="FK31" s="23"/>
      <c r="FL31" s="23"/>
      <c r="FM31" s="23"/>
      <c r="FN31" s="23"/>
      <c r="FO31" s="23"/>
      <c r="FP31" s="23"/>
      <c r="FQ31" s="23"/>
      <c r="FR31" s="23"/>
      <c r="FS31" s="23"/>
      <c r="FT31" s="23"/>
      <c r="FU31" s="23"/>
      <c r="FV31" s="23"/>
      <c r="FW31" s="23"/>
      <c r="FX31" s="23"/>
      <c r="FY31" s="23"/>
      <c r="FZ31" s="23"/>
      <c r="GA31" s="23"/>
      <c r="GB31" s="23"/>
      <c r="GC31" s="23"/>
      <c r="GD31" s="23"/>
      <c r="GE31" s="23"/>
      <c r="GF31" s="23"/>
      <c r="GG31" s="23"/>
      <c r="GH31" s="23"/>
      <c r="GI31" s="23"/>
      <c r="GJ31" s="23"/>
      <c r="GK31" s="23"/>
      <c r="GL31" s="23"/>
      <c r="GM31" s="23"/>
      <c r="GN31" s="23"/>
      <c r="GO31" s="23"/>
      <c r="GP31" s="23"/>
      <c r="GQ31" s="23"/>
      <c r="GR31" s="23"/>
      <c r="GS31" s="23"/>
      <c r="GT31" s="23"/>
      <c r="GU31" s="23"/>
      <c r="GV31" s="23"/>
      <c r="GW31" s="23"/>
      <c r="GX31" s="23"/>
      <c r="GY31" s="23"/>
      <c r="GZ31" s="23"/>
      <c r="HA31" s="23"/>
      <c r="HB31" s="23"/>
      <c r="HC31" s="23"/>
      <c r="HD31" s="23"/>
      <c r="HE31" s="23"/>
      <c r="HF31" s="23"/>
      <c r="HG31" s="23"/>
      <c r="HH31" s="23"/>
      <c r="HI31" s="23"/>
      <c r="HJ31" s="23"/>
      <c r="HK31" s="23"/>
      <c r="HL31" s="23"/>
      <c r="HM31" s="23"/>
      <c r="HN31" s="23"/>
      <c r="HO31" s="23"/>
      <c r="HP31" s="23"/>
      <c r="HQ31" s="23"/>
      <c r="HR31" s="23"/>
      <c r="HS31" s="23"/>
      <c r="HT31" s="23"/>
      <c r="HU31" s="23"/>
      <c r="HV31" s="23"/>
      <c r="HW31" s="23"/>
      <c r="HX31" s="23"/>
      <c r="HY31" s="23"/>
      <c r="HZ31" s="23"/>
      <c r="IA31" s="23"/>
      <c r="IB31" s="23"/>
      <c r="IC31" s="23"/>
      <c r="ID31" s="23"/>
      <c r="IE31" s="23"/>
      <c r="IF31" s="23"/>
      <c r="IG31" s="23"/>
      <c r="IH31" s="23"/>
      <c r="II31" s="23"/>
      <c r="IJ31" s="23"/>
      <c r="IK31" s="23"/>
      <c r="IL31" s="23"/>
      <c r="IM31" s="23"/>
      <c r="IN31" s="23"/>
      <c r="IO31" s="23"/>
      <c r="IP31" s="23"/>
      <c r="IQ31" s="23"/>
    </row>
    <row r="32" spans="1:251" s="17" customFormat="1" ht="18.75" customHeight="1">
      <c r="A32" s="34"/>
      <c r="B32" s="48"/>
      <c r="C32" s="130"/>
      <c r="D32" s="130"/>
      <c r="E32" s="130"/>
      <c r="F32" s="130"/>
      <c r="G32" s="130"/>
      <c r="H32" s="130"/>
      <c r="I32" s="130"/>
      <c r="J32" s="130"/>
      <c r="K32" s="130"/>
      <c r="L32" s="130"/>
      <c r="M32" s="130"/>
      <c r="N32" s="130"/>
      <c r="O32" s="130"/>
      <c r="P32" s="130"/>
      <c r="Q32" s="130"/>
      <c r="R32" s="130"/>
      <c r="S32" s="130"/>
      <c r="T32" s="130"/>
      <c r="U32" s="130"/>
      <c r="V32" s="130"/>
      <c r="W32" s="130"/>
      <c r="X32" s="130"/>
      <c r="Y32" s="130"/>
      <c r="Z32" s="131"/>
      <c r="AA32" s="132"/>
      <c r="AB32" s="133"/>
      <c r="AC32" s="133"/>
      <c r="AD32" s="133"/>
      <c r="AE32" s="133"/>
      <c r="AF32" s="133"/>
      <c r="AG32" s="133"/>
      <c r="AH32" s="133"/>
      <c r="AI32" s="134"/>
      <c r="AJ32" s="132"/>
      <c r="AK32" s="133"/>
      <c r="AL32" s="133"/>
      <c r="AM32" s="133"/>
      <c r="AN32" s="133"/>
      <c r="AO32" s="133"/>
      <c r="AP32" s="133"/>
      <c r="AQ32" s="133"/>
      <c r="AR32" s="134"/>
      <c r="AS32" s="132"/>
      <c r="AT32" s="133"/>
      <c r="AU32" s="133"/>
      <c r="AV32" s="133"/>
      <c r="AW32" s="133"/>
      <c r="AX32" s="135"/>
      <c r="AY32" s="23"/>
      <c r="AZ32" s="23"/>
      <c r="BA32" s="23"/>
      <c r="BB32" s="23"/>
      <c r="BC32" s="23"/>
      <c r="BD32" s="23"/>
      <c r="BE32" s="23"/>
      <c r="BF32" s="23"/>
      <c r="BG32" s="23"/>
      <c r="BH32" s="23"/>
      <c r="BI32" s="23"/>
      <c r="BJ32" s="23"/>
      <c r="BK32" s="23"/>
      <c r="BL32" s="23"/>
      <c r="BM32" s="23"/>
      <c r="BN32" s="23"/>
      <c r="BO32" s="23"/>
      <c r="BP32" s="23"/>
      <c r="BQ32" s="23"/>
      <c r="BR32" s="23"/>
      <c r="BS32" s="23"/>
      <c r="BT32" s="23"/>
      <c r="BU32" s="23"/>
      <c r="BV32" s="23"/>
      <c r="BW32" s="23"/>
      <c r="BX32" s="23"/>
      <c r="BY32" s="23"/>
      <c r="BZ32" s="23"/>
      <c r="CA32" s="23"/>
      <c r="CB32" s="23"/>
      <c r="CC32" s="23"/>
      <c r="CD32" s="23"/>
      <c r="CE32" s="23"/>
      <c r="CF32" s="23"/>
      <c r="CG32" s="23"/>
      <c r="CH32" s="23"/>
      <c r="CI32" s="23"/>
      <c r="CJ32" s="23"/>
      <c r="CK32" s="23"/>
      <c r="CL32" s="23"/>
      <c r="CM32" s="23"/>
      <c r="CN32" s="23"/>
      <c r="CO32" s="23"/>
      <c r="CP32" s="23"/>
      <c r="CQ32" s="23"/>
      <c r="CR32" s="23"/>
      <c r="CS32" s="23"/>
      <c r="CT32" s="23"/>
      <c r="CU32" s="23"/>
      <c r="CV32" s="23"/>
      <c r="CW32" s="23"/>
      <c r="CX32" s="23"/>
      <c r="CY32" s="23"/>
      <c r="CZ32" s="23"/>
      <c r="DA32" s="23"/>
      <c r="DB32" s="23"/>
      <c r="DC32" s="23"/>
      <c r="DD32" s="23"/>
      <c r="DE32" s="23"/>
      <c r="DF32" s="23"/>
      <c r="DG32" s="23"/>
      <c r="DH32" s="23"/>
      <c r="DI32" s="23"/>
      <c r="DJ32" s="23"/>
      <c r="DK32" s="23"/>
      <c r="DL32" s="23"/>
      <c r="DM32" s="23"/>
      <c r="DN32" s="23"/>
      <c r="DO32" s="23"/>
      <c r="DP32" s="23"/>
      <c r="DQ32" s="23"/>
      <c r="DR32" s="23"/>
      <c r="DS32" s="23"/>
      <c r="DT32" s="23"/>
      <c r="DU32" s="23"/>
      <c r="DV32" s="23"/>
      <c r="DW32" s="23"/>
      <c r="DX32" s="23"/>
      <c r="DY32" s="23"/>
      <c r="DZ32" s="23"/>
      <c r="EA32" s="23"/>
      <c r="EB32" s="23"/>
      <c r="EC32" s="23"/>
      <c r="ED32" s="23"/>
      <c r="EE32" s="23"/>
      <c r="EF32" s="23"/>
      <c r="EG32" s="23"/>
      <c r="EH32" s="23"/>
      <c r="EI32" s="23"/>
      <c r="EJ32" s="23"/>
      <c r="EK32" s="23"/>
      <c r="EL32" s="23"/>
      <c r="EM32" s="23"/>
      <c r="EN32" s="23"/>
      <c r="EO32" s="23"/>
      <c r="EP32" s="23"/>
      <c r="EQ32" s="23"/>
      <c r="ER32" s="23"/>
      <c r="ES32" s="23"/>
      <c r="ET32" s="23"/>
      <c r="EU32" s="23"/>
      <c r="EV32" s="23"/>
      <c r="EW32" s="23"/>
      <c r="EX32" s="23"/>
      <c r="EY32" s="23"/>
      <c r="EZ32" s="23"/>
      <c r="FA32" s="23"/>
      <c r="FB32" s="23"/>
      <c r="FC32" s="23"/>
      <c r="FD32" s="23"/>
      <c r="FE32" s="23"/>
      <c r="FF32" s="23"/>
      <c r="FG32" s="23"/>
      <c r="FH32" s="23"/>
      <c r="FI32" s="23"/>
      <c r="FJ32" s="23"/>
      <c r="FK32" s="23"/>
      <c r="FL32" s="23"/>
      <c r="FM32" s="23"/>
      <c r="FN32" s="23"/>
      <c r="FO32" s="23"/>
      <c r="FP32" s="23"/>
      <c r="FQ32" s="23"/>
      <c r="FR32" s="23"/>
      <c r="FS32" s="23"/>
      <c r="FT32" s="23"/>
      <c r="FU32" s="23"/>
      <c r="FV32" s="23"/>
      <c r="FW32" s="23"/>
      <c r="FX32" s="23"/>
      <c r="FY32" s="23"/>
      <c r="FZ32" s="23"/>
      <c r="GA32" s="23"/>
      <c r="GB32" s="23"/>
      <c r="GC32" s="23"/>
      <c r="GD32" s="23"/>
      <c r="GE32" s="23"/>
      <c r="GF32" s="23"/>
      <c r="GG32" s="23"/>
      <c r="GH32" s="23"/>
      <c r="GI32" s="23"/>
      <c r="GJ32" s="23"/>
      <c r="GK32" s="23"/>
      <c r="GL32" s="23"/>
      <c r="GM32" s="23"/>
      <c r="GN32" s="23"/>
      <c r="GO32" s="23"/>
      <c r="GP32" s="23"/>
      <c r="GQ32" s="23"/>
      <c r="GR32" s="23"/>
      <c r="GS32" s="23"/>
      <c r="GT32" s="23"/>
      <c r="GU32" s="23"/>
      <c r="GV32" s="23"/>
      <c r="GW32" s="23"/>
      <c r="GX32" s="23"/>
      <c r="GY32" s="23"/>
      <c r="GZ32" s="23"/>
      <c r="HA32" s="23"/>
      <c r="HB32" s="23"/>
      <c r="HC32" s="23"/>
      <c r="HD32" s="23"/>
      <c r="HE32" s="23"/>
      <c r="HF32" s="23"/>
      <c r="HG32" s="23"/>
      <c r="HH32" s="23"/>
      <c r="HI32" s="23"/>
      <c r="HJ32" s="23"/>
      <c r="HK32" s="23"/>
      <c r="HL32" s="23"/>
      <c r="HM32" s="23"/>
      <c r="HN32" s="23"/>
      <c r="HO32" s="23"/>
      <c r="HP32" s="23"/>
      <c r="HQ32" s="23"/>
      <c r="HR32" s="23"/>
      <c r="HS32" s="23"/>
      <c r="HT32" s="23"/>
      <c r="HU32" s="23"/>
      <c r="HV32" s="23"/>
      <c r="HW32" s="23"/>
      <c r="HX32" s="23"/>
      <c r="HY32" s="23"/>
      <c r="HZ32" s="23"/>
      <c r="IA32" s="23"/>
      <c r="IB32" s="23"/>
      <c r="IC32" s="23"/>
      <c r="ID32" s="23"/>
      <c r="IE32" s="23"/>
      <c r="IF32" s="23"/>
      <c r="IG32" s="23"/>
      <c r="IH32" s="23"/>
      <c r="II32" s="23"/>
      <c r="IJ32" s="23"/>
      <c r="IK32" s="23"/>
      <c r="IL32" s="23"/>
      <c r="IM32" s="23"/>
      <c r="IN32" s="23"/>
      <c r="IO32" s="23"/>
      <c r="IP32" s="23"/>
      <c r="IQ32" s="23"/>
    </row>
    <row r="33" spans="1:251" s="17" customFormat="1" ht="18.75" customHeight="1" thickBot="1">
      <c r="A33" s="34"/>
      <c r="B33" s="49"/>
      <c r="C33" s="158"/>
      <c r="D33" s="158"/>
      <c r="E33" s="158"/>
      <c r="F33" s="158"/>
      <c r="G33" s="158"/>
      <c r="H33" s="158"/>
      <c r="I33" s="158"/>
      <c r="J33" s="158"/>
      <c r="K33" s="158"/>
      <c r="L33" s="158"/>
      <c r="M33" s="158"/>
      <c r="N33" s="158"/>
      <c r="O33" s="158"/>
      <c r="P33" s="158"/>
      <c r="Q33" s="158"/>
      <c r="R33" s="158"/>
      <c r="S33" s="158"/>
      <c r="T33" s="158"/>
      <c r="U33" s="158"/>
      <c r="V33" s="158"/>
      <c r="W33" s="158"/>
      <c r="X33" s="158"/>
      <c r="Y33" s="158"/>
      <c r="Z33" s="159"/>
      <c r="AA33" s="160"/>
      <c r="AB33" s="161"/>
      <c r="AC33" s="161"/>
      <c r="AD33" s="161"/>
      <c r="AE33" s="161"/>
      <c r="AF33" s="161"/>
      <c r="AG33" s="161"/>
      <c r="AH33" s="161"/>
      <c r="AI33" s="162"/>
      <c r="AJ33" s="160"/>
      <c r="AK33" s="161"/>
      <c r="AL33" s="161"/>
      <c r="AM33" s="161"/>
      <c r="AN33" s="161"/>
      <c r="AO33" s="161"/>
      <c r="AP33" s="161"/>
      <c r="AQ33" s="161"/>
      <c r="AR33" s="162"/>
      <c r="AS33" s="160"/>
      <c r="AT33" s="161"/>
      <c r="AU33" s="161"/>
      <c r="AV33" s="161"/>
      <c r="AW33" s="161"/>
      <c r="AX33" s="163"/>
      <c r="AY33" s="23"/>
      <c r="AZ33" s="23"/>
      <c r="BA33" s="23"/>
      <c r="BB33" s="23"/>
      <c r="BC33" s="23"/>
      <c r="BD33" s="23"/>
      <c r="BE33" s="23"/>
      <c r="BF33" s="23"/>
      <c r="BG33" s="23"/>
      <c r="BH33" s="23"/>
      <c r="BI33" s="23"/>
      <c r="BJ33" s="23"/>
      <c r="BK33" s="23"/>
      <c r="BL33" s="23"/>
      <c r="BM33" s="23"/>
      <c r="BN33" s="23"/>
      <c r="BO33" s="23"/>
      <c r="BP33" s="23"/>
      <c r="BQ33" s="23"/>
      <c r="BR33" s="23"/>
      <c r="BS33" s="23"/>
      <c r="BT33" s="23"/>
      <c r="BU33" s="23"/>
      <c r="BV33" s="23"/>
      <c r="BW33" s="23"/>
      <c r="BX33" s="23"/>
      <c r="BY33" s="23"/>
      <c r="BZ33" s="23"/>
      <c r="CA33" s="23"/>
      <c r="CB33" s="23"/>
      <c r="CC33" s="23"/>
      <c r="CD33" s="23"/>
      <c r="CE33" s="23"/>
      <c r="CF33" s="23"/>
      <c r="CG33" s="23"/>
      <c r="CH33" s="23"/>
      <c r="CI33" s="23"/>
      <c r="CJ33" s="23"/>
      <c r="CK33" s="23"/>
      <c r="CL33" s="23"/>
      <c r="CM33" s="23"/>
      <c r="CN33" s="23"/>
      <c r="CO33" s="23"/>
      <c r="CP33" s="23"/>
      <c r="CQ33" s="23"/>
      <c r="CR33" s="23"/>
      <c r="CS33" s="23"/>
      <c r="CT33" s="23"/>
      <c r="CU33" s="23"/>
      <c r="CV33" s="23"/>
      <c r="CW33" s="23"/>
      <c r="CX33" s="23"/>
      <c r="CY33" s="23"/>
      <c r="CZ33" s="23"/>
      <c r="DA33" s="23"/>
      <c r="DB33" s="23"/>
      <c r="DC33" s="23"/>
      <c r="DD33" s="23"/>
      <c r="DE33" s="23"/>
      <c r="DF33" s="23"/>
      <c r="DG33" s="23"/>
      <c r="DH33" s="23"/>
      <c r="DI33" s="23"/>
      <c r="DJ33" s="23"/>
      <c r="DK33" s="23"/>
      <c r="DL33" s="23"/>
      <c r="DM33" s="23"/>
      <c r="DN33" s="23"/>
      <c r="DO33" s="23"/>
      <c r="DP33" s="23"/>
      <c r="DQ33" s="23"/>
      <c r="DR33" s="23"/>
      <c r="DS33" s="23"/>
      <c r="DT33" s="23"/>
      <c r="DU33" s="23"/>
      <c r="DV33" s="23"/>
      <c r="DW33" s="23"/>
      <c r="DX33" s="23"/>
      <c r="DY33" s="23"/>
      <c r="DZ33" s="23"/>
      <c r="EA33" s="23"/>
      <c r="EB33" s="23"/>
      <c r="EC33" s="23"/>
      <c r="ED33" s="23"/>
      <c r="EE33" s="23"/>
      <c r="EF33" s="23"/>
      <c r="EG33" s="23"/>
      <c r="EH33" s="23"/>
      <c r="EI33" s="23"/>
      <c r="EJ33" s="23"/>
      <c r="EK33" s="23"/>
      <c r="EL33" s="23"/>
      <c r="EM33" s="23"/>
      <c r="EN33" s="23"/>
      <c r="EO33" s="23"/>
      <c r="EP33" s="23"/>
      <c r="EQ33" s="23"/>
      <c r="ER33" s="23"/>
      <c r="ES33" s="23"/>
      <c r="ET33" s="23"/>
      <c r="EU33" s="23"/>
      <c r="EV33" s="23"/>
      <c r="EW33" s="23"/>
      <c r="EX33" s="23"/>
      <c r="EY33" s="23"/>
      <c r="EZ33" s="23"/>
      <c r="FA33" s="23"/>
      <c r="FB33" s="23"/>
      <c r="FC33" s="23"/>
      <c r="FD33" s="23"/>
      <c r="FE33" s="23"/>
      <c r="FF33" s="23"/>
      <c r="FG33" s="23"/>
      <c r="FH33" s="23"/>
      <c r="FI33" s="23"/>
      <c r="FJ33" s="23"/>
      <c r="FK33" s="23"/>
      <c r="FL33" s="23"/>
      <c r="FM33" s="23"/>
      <c r="FN33" s="23"/>
      <c r="FO33" s="23"/>
      <c r="FP33" s="23"/>
      <c r="FQ33" s="23"/>
      <c r="FR33" s="23"/>
      <c r="FS33" s="23"/>
      <c r="FT33" s="23"/>
      <c r="FU33" s="23"/>
      <c r="FV33" s="23"/>
      <c r="FW33" s="23"/>
      <c r="FX33" s="23"/>
      <c r="FY33" s="23"/>
      <c r="FZ33" s="23"/>
      <c r="GA33" s="23"/>
      <c r="GB33" s="23"/>
      <c r="GC33" s="23"/>
      <c r="GD33" s="23"/>
      <c r="GE33" s="23"/>
      <c r="GF33" s="23"/>
      <c r="GG33" s="23"/>
      <c r="GH33" s="23"/>
      <c r="GI33" s="23"/>
      <c r="GJ33" s="23"/>
      <c r="GK33" s="23"/>
      <c r="GL33" s="23"/>
      <c r="GM33" s="23"/>
      <c r="GN33" s="23"/>
      <c r="GO33" s="23"/>
      <c r="GP33" s="23"/>
      <c r="GQ33" s="23"/>
      <c r="GR33" s="23"/>
      <c r="GS33" s="23"/>
      <c r="GT33" s="23"/>
      <c r="GU33" s="23"/>
      <c r="GV33" s="23"/>
      <c r="GW33" s="23"/>
      <c r="GX33" s="23"/>
      <c r="GY33" s="23"/>
      <c r="GZ33" s="23"/>
      <c r="HA33" s="23"/>
      <c r="HB33" s="23"/>
      <c r="HC33" s="23"/>
      <c r="HD33" s="23"/>
      <c r="HE33" s="23"/>
      <c r="HF33" s="23"/>
      <c r="HG33" s="23"/>
      <c r="HH33" s="23"/>
      <c r="HI33" s="23"/>
      <c r="HJ33" s="23"/>
      <c r="HK33" s="23"/>
      <c r="HL33" s="23"/>
      <c r="HM33" s="23"/>
      <c r="HN33" s="23"/>
      <c r="HO33" s="23"/>
      <c r="HP33" s="23"/>
      <c r="HQ33" s="23"/>
      <c r="HR33" s="23"/>
      <c r="HS33" s="23"/>
      <c r="HT33" s="23"/>
      <c r="HU33" s="23"/>
      <c r="HV33" s="23"/>
      <c r="HW33" s="23"/>
      <c r="HX33" s="23"/>
      <c r="HY33" s="23"/>
      <c r="HZ33" s="23"/>
      <c r="IA33" s="23"/>
      <c r="IB33" s="23"/>
      <c r="IC33" s="23"/>
      <c r="ID33" s="23"/>
      <c r="IE33" s="23"/>
      <c r="IF33" s="23"/>
      <c r="IG33" s="23"/>
      <c r="IH33" s="23"/>
      <c r="II33" s="23"/>
      <c r="IJ33" s="23"/>
      <c r="IK33" s="23"/>
      <c r="IL33" s="23"/>
      <c r="IM33" s="23"/>
      <c r="IN33" s="23"/>
      <c r="IO33" s="23"/>
      <c r="IP33" s="23"/>
      <c r="IQ33" s="23"/>
    </row>
    <row r="34" spans="1:251" s="17" customFormat="1" ht="18.75" customHeight="1" thickTop="1" thickBot="1">
      <c r="A34" s="38"/>
      <c r="B34" s="164" t="s">
        <v>105</v>
      </c>
      <c r="C34" s="165"/>
      <c r="D34" s="165"/>
      <c r="E34" s="165"/>
      <c r="F34" s="165"/>
      <c r="G34" s="165"/>
      <c r="H34" s="165"/>
      <c r="I34" s="165"/>
      <c r="J34" s="165"/>
      <c r="K34" s="165"/>
      <c r="L34" s="165"/>
      <c r="M34" s="165"/>
      <c r="N34" s="165"/>
      <c r="O34" s="165"/>
      <c r="P34" s="165"/>
      <c r="Q34" s="165"/>
      <c r="R34" s="165"/>
      <c r="S34" s="165"/>
      <c r="T34" s="165"/>
      <c r="U34" s="165"/>
      <c r="V34" s="165"/>
      <c r="W34" s="165"/>
      <c r="X34" s="165"/>
      <c r="Y34" s="165"/>
      <c r="Z34" s="166"/>
      <c r="AA34" s="167">
        <f>SUM(AA26:AI33)</f>
        <v>351035</v>
      </c>
      <c r="AB34" s="168"/>
      <c r="AC34" s="168"/>
      <c r="AD34" s="168"/>
      <c r="AE34" s="168"/>
      <c r="AF34" s="168"/>
      <c r="AG34" s="168"/>
      <c r="AH34" s="168"/>
      <c r="AI34" s="169"/>
      <c r="AJ34" s="167">
        <f>SUM(AJ26:AS33)</f>
        <v>477733</v>
      </c>
      <c r="AK34" s="168"/>
      <c r="AL34" s="168"/>
      <c r="AM34" s="168"/>
      <c r="AN34" s="168"/>
      <c r="AO34" s="168"/>
      <c r="AP34" s="168"/>
      <c r="AQ34" s="168"/>
      <c r="AR34" s="169"/>
      <c r="AS34" s="167"/>
      <c r="AT34" s="168"/>
      <c r="AU34" s="168"/>
      <c r="AV34" s="168"/>
      <c r="AW34" s="168"/>
      <c r="AX34" s="170"/>
      <c r="AY34" s="23"/>
      <c r="AZ34" s="23"/>
      <c r="BA34" s="23"/>
      <c r="BB34" s="23"/>
      <c r="BC34" s="23"/>
      <c r="BD34" s="23"/>
      <c r="BE34" s="23"/>
      <c r="BF34" s="23"/>
      <c r="BG34" s="23"/>
      <c r="BH34" s="23"/>
      <c r="BI34" s="23"/>
      <c r="BJ34" s="23"/>
      <c r="BK34" s="23"/>
      <c r="BL34" s="23"/>
      <c r="BM34" s="23"/>
      <c r="BN34" s="23"/>
      <c r="BO34" s="23"/>
      <c r="BP34" s="23"/>
      <c r="BQ34" s="23"/>
      <c r="BR34" s="23"/>
      <c r="BS34" s="23"/>
      <c r="BT34" s="23"/>
      <c r="BU34" s="23"/>
      <c r="BV34" s="23"/>
      <c r="BW34" s="23"/>
      <c r="BX34" s="23"/>
      <c r="BY34" s="23"/>
      <c r="BZ34" s="23"/>
      <c r="CA34" s="23"/>
      <c r="CB34" s="23"/>
      <c r="CC34" s="23"/>
      <c r="CD34" s="23"/>
      <c r="CE34" s="23"/>
      <c r="CF34" s="23"/>
      <c r="CG34" s="23"/>
      <c r="CH34" s="23"/>
      <c r="CI34" s="23"/>
      <c r="CJ34" s="23"/>
      <c r="CK34" s="23"/>
      <c r="CL34" s="23"/>
      <c r="CM34" s="23"/>
      <c r="CN34" s="23"/>
      <c r="CO34" s="23"/>
      <c r="CP34" s="23"/>
      <c r="CQ34" s="23"/>
      <c r="CR34" s="23"/>
      <c r="CS34" s="23"/>
      <c r="CT34" s="23"/>
      <c r="CU34" s="23"/>
      <c r="CV34" s="23"/>
      <c r="CW34" s="23"/>
      <c r="CX34" s="23"/>
      <c r="CY34" s="23"/>
      <c r="CZ34" s="23"/>
      <c r="DA34" s="23"/>
      <c r="DB34" s="23"/>
      <c r="DC34" s="23"/>
      <c r="DD34" s="23"/>
      <c r="DE34" s="23"/>
      <c r="DF34" s="23"/>
      <c r="DG34" s="23"/>
      <c r="DH34" s="23"/>
      <c r="DI34" s="23"/>
      <c r="DJ34" s="23"/>
      <c r="DK34" s="23"/>
      <c r="DL34" s="23"/>
      <c r="DM34" s="23"/>
      <c r="DN34" s="23"/>
      <c r="DO34" s="23"/>
      <c r="DP34" s="23"/>
      <c r="DQ34" s="23"/>
      <c r="DR34" s="23"/>
      <c r="DS34" s="23"/>
      <c r="DT34" s="23"/>
      <c r="DU34" s="23"/>
      <c r="DV34" s="23"/>
      <c r="DW34" s="23"/>
      <c r="DX34" s="23"/>
      <c r="DY34" s="23"/>
      <c r="DZ34" s="23"/>
      <c r="EA34" s="23"/>
      <c r="EB34" s="23"/>
      <c r="EC34" s="23"/>
      <c r="ED34" s="23"/>
      <c r="EE34" s="23"/>
      <c r="EF34" s="23"/>
      <c r="EG34" s="23"/>
      <c r="EH34" s="23"/>
      <c r="EI34" s="23"/>
      <c r="EJ34" s="23"/>
      <c r="EK34" s="23"/>
      <c r="EL34" s="23"/>
      <c r="EM34" s="23"/>
      <c r="EN34" s="23"/>
      <c r="EO34" s="23"/>
      <c r="EP34" s="23"/>
      <c r="EQ34" s="23"/>
      <c r="ER34" s="23"/>
      <c r="ES34" s="23"/>
      <c r="ET34" s="23"/>
      <c r="EU34" s="23"/>
      <c r="EV34" s="23"/>
      <c r="EW34" s="23"/>
      <c r="EX34" s="23"/>
      <c r="EY34" s="23"/>
      <c r="EZ34" s="23"/>
      <c r="FA34" s="23"/>
      <c r="FB34" s="23"/>
      <c r="FC34" s="23"/>
      <c r="FD34" s="23"/>
      <c r="FE34" s="23"/>
      <c r="FF34" s="23"/>
      <c r="FG34" s="23"/>
      <c r="FH34" s="23"/>
      <c r="FI34" s="23"/>
      <c r="FJ34" s="23"/>
      <c r="FK34" s="23"/>
      <c r="FL34" s="23"/>
      <c r="FM34" s="23"/>
      <c r="FN34" s="23"/>
      <c r="FO34" s="23"/>
      <c r="FP34" s="23"/>
      <c r="FQ34" s="23"/>
      <c r="FR34" s="23"/>
      <c r="FS34" s="23"/>
      <c r="FT34" s="23"/>
      <c r="FU34" s="23"/>
      <c r="FV34" s="23"/>
      <c r="FW34" s="23"/>
      <c r="FX34" s="23"/>
      <c r="FY34" s="23"/>
      <c r="FZ34" s="23"/>
      <c r="GA34" s="23"/>
      <c r="GB34" s="23"/>
      <c r="GC34" s="23"/>
      <c r="GD34" s="23"/>
      <c r="GE34" s="23"/>
      <c r="GF34" s="23"/>
      <c r="GG34" s="23"/>
      <c r="GH34" s="23"/>
      <c r="GI34" s="23"/>
      <c r="GJ34" s="23"/>
      <c r="GK34" s="23"/>
      <c r="GL34" s="23"/>
      <c r="GM34" s="23"/>
      <c r="GN34" s="23"/>
      <c r="GO34" s="23"/>
      <c r="GP34" s="23"/>
      <c r="GQ34" s="23"/>
      <c r="GR34" s="23"/>
      <c r="GS34" s="23"/>
      <c r="GT34" s="23"/>
      <c r="GU34" s="23"/>
      <c r="GV34" s="23"/>
      <c r="GW34" s="23"/>
      <c r="GX34" s="23"/>
      <c r="GY34" s="23"/>
      <c r="GZ34" s="23"/>
      <c r="HA34" s="23"/>
      <c r="HB34" s="23"/>
      <c r="HC34" s="23"/>
      <c r="HD34" s="23"/>
      <c r="HE34" s="23"/>
      <c r="HF34" s="23"/>
      <c r="HG34" s="23"/>
      <c r="HH34" s="23"/>
      <c r="HI34" s="23"/>
      <c r="HJ34" s="23"/>
      <c r="HK34" s="23"/>
      <c r="HL34" s="23"/>
      <c r="HM34" s="23"/>
      <c r="HN34" s="23"/>
      <c r="HO34" s="23"/>
      <c r="HP34" s="23"/>
      <c r="HQ34" s="23"/>
      <c r="HR34" s="23"/>
      <c r="HS34" s="23"/>
      <c r="HT34" s="23"/>
      <c r="HU34" s="23"/>
      <c r="HV34" s="23"/>
      <c r="HW34" s="23"/>
      <c r="HX34" s="23"/>
      <c r="HY34" s="23"/>
      <c r="HZ34" s="23"/>
      <c r="IA34" s="23"/>
      <c r="IB34" s="23"/>
      <c r="IC34" s="23"/>
      <c r="ID34" s="23"/>
      <c r="IE34" s="23"/>
      <c r="IF34" s="23"/>
      <c r="IG34" s="23"/>
      <c r="IH34" s="23"/>
      <c r="II34" s="23"/>
      <c r="IJ34" s="23"/>
      <c r="IK34" s="23"/>
      <c r="IL34" s="23"/>
      <c r="IM34" s="23"/>
      <c r="IN34" s="23"/>
      <c r="IO34" s="23"/>
      <c r="IP34" s="23"/>
      <c r="IQ34" s="23"/>
    </row>
    <row r="36" spans="1:251" s="23" customFormat="1" ht="18.75" customHeight="1">
      <c r="A36" s="22" t="s">
        <v>86</v>
      </c>
      <c r="AW36" s="24"/>
      <c r="AX36" s="25"/>
      <c r="AY36" s="24"/>
    </row>
    <row r="37" spans="1:251" s="23" customFormat="1" ht="13.2"/>
    <row r="38" spans="1:251" s="23" customFormat="1">
      <c r="A38" s="26"/>
      <c r="B38" s="115" t="s">
        <v>87</v>
      </c>
      <c r="C38" s="153"/>
      <c r="D38" s="153"/>
      <c r="E38" s="153"/>
      <c r="F38" s="153"/>
      <c r="G38" s="153"/>
      <c r="H38" s="153"/>
      <c r="I38" s="153"/>
      <c r="J38" s="153"/>
      <c r="K38" s="153"/>
      <c r="L38" s="153"/>
      <c r="M38" s="153"/>
      <c r="N38" s="153"/>
      <c r="O38" s="153"/>
      <c r="P38" s="153"/>
      <c r="Q38" s="153"/>
      <c r="R38" s="153"/>
      <c r="S38" s="153"/>
      <c r="T38" s="153"/>
      <c r="U38" s="153"/>
      <c r="V38" s="153"/>
      <c r="W38" s="153"/>
      <c r="X38" s="153"/>
      <c r="Y38" s="153"/>
      <c r="Z38" s="153"/>
      <c r="AA38" s="153"/>
      <c r="AB38" s="153"/>
      <c r="AC38" s="153"/>
      <c r="AD38" s="153"/>
      <c r="AE38" s="153"/>
      <c r="AF38" s="153"/>
      <c r="AG38" s="153"/>
      <c r="AH38" s="153"/>
      <c r="AI38" s="153"/>
      <c r="AJ38" s="153"/>
      <c r="AK38" s="153"/>
      <c r="AL38" s="153"/>
      <c r="AM38" s="153"/>
      <c r="AN38" s="153"/>
      <c r="AO38" s="153"/>
      <c r="AP38" s="153"/>
      <c r="AQ38" s="153"/>
      <c r="AR38" s="153"/>
      <c r="AS38" s="153"/>
      <c r="AT38" s="153"/>
      <c r="AU38" s="153"/>
      <c r="AV38" s="153"/>
      <c r="AW38" s="153"/>
      <c r="AX38" s="153"/>
      <c r="AY38" s="26"/>
    </row>
    <row r="39" spans="1:251" s="23" customFormat="1" ht="13.2">
      <c r="Z39" s="27"/>
      <c r="AD39" s="27"/>
      <c r="AE39" s="27"/>
      <c r="AF39" s="27"/>
      <c r="AG39" s="27"/>
      <c r="AH39" s="27"/>
      <c r="AI39" s="27"/>
      <c r="AO39" s="27"/>
    </row>
    <row r="40" spans="1:251" s="23" customFormat="1" ht="13.8" thickBot="1">
      <c r="Z40" s="27"/>
      <c r="AD40" s="27"/>
      <c r="AE40" s="27"/>
      <c r="AF40" s="27"/>
      <c r="AG40" s="27"/>
      <c r="AH40" s="27"/>
      <c r="AI40" s="27"/>
      <c r="AO40" s="27"/>
      <c r="DI40" s="28"/>
    </row>
    <row r="41" spans="1:251" s="23" customFormat="1" ht="24.6" customHeight="1" thickBot="1">
      <c r="A41" s="116" t="s">
        <v>88</v>
      </c>
      <c r="B41" s="117"/>
      <c r="C41" s="117"/>
      <c r="D41" s="117"/>
      <c r="E41" s="117"/>
      <c r="F41" s="117"/>
      <c r="G41" s="117"/>
      <c r="H41" s="117"/>
      <c r="I41" s="117"/>
      <c r="J41" s="117"/>
      <c r="K41" s="118"/>
      <c r="L41" s="154">
        <v>2</v>
      </c>
      <c r="M41" s="154"/>
      <c r="N41" s="154"/>
      <c r="O41" s="155"/>
      <c r="P41" s="122" t="s">
        <v>89</v>
      </c>
      <c r="Q41" s="120"/>
      <c r="R41" s="120"/>
      <c r="S41" s="120"/>
      <c r="T41" s="120"/>
      <c r="U41" s="123"/>
      <c r="V41" s="156" t="s">
        <v>106</v>
      </c>
      <c r="W41" s="156"/>
      <c r="X41" s="156"/>
      <c r="Y41" s="156"/>
      <c r="Z41" s="156"/>
      <c r="AA41" s="156"/>
      <c r="AB41" s="156"/>
      <c r="AC41" s="156"/>
      <c r="AD41" s="156"/>
      <c r="AE41" s="156"/>
      <c r="AF41" s="156"/>
      <c r="AG41" s="156"/>
      <c r="AH41" s="156"/>
      <c r="AI41" s="156"/>
      <c r="AJ41" s="156"/>
      <c r="AK41" s="156"/>
      <c r="AL41" s="156"/>
      <c r="AM41" s="156"/>
      <c r="AN41" s="156"/>
      <c r="AO41" s="156"/>
      <c r="AP41" s="156"/>
      <c r="AQ41" s="156"/>
      <c r="AR41" s="156"/>
      <c r="AS41" s="156"/>
      <c r="AT41" s="156"/>
      <c r="AU41" s="156"/>
      <c r="AV41" s="156"/>
      <c r="AW41" s="156"/>
      <c r="AX41" s="157"/>
      <c r="DI41" s="28"/>
    </row>
    <row r="42" spans="1:251" s="23" customFormat="1" ht="14.4">
      <c r="A42" s="29"/>
      <c r="B42" s="29"/>
      <c r="C42" s="29"/>
      <c r="D42" s="29"/>
      <c r="E42" s="29"/>
      <c r="F42" s="29"/>
      <c r="G42" s="29"/>
      <c r="H42" s="29"/>
      <c r="I42" s="29"/>
      <c r="J42" s="29"/>
      <c r="K42" s="29"/>
      <c r="L42" s="30"/>
      <c r="M42" s="30"/>
      <c r="N42" s="30"/>
      <c r="O42" s="30"/>
      <c r="P42" s="29"/>
      <c r="Q42" s="29"/>
      <c r="R42" s="29"/>
      <c r="S42" s="29"/>
      <c r="T42" s="29"/>
      <c r="U42" s="29"/>
      <c r="V42" s="31"/>
      <c r="W42" s="31"/>
      <c r="X42" s="31"/>
      <c r="Y42" s="31"/>
      <c r="Z42" s="31"/>
      <c r="AA42" s="31"/>
      <c r="AB42" s="31"/>
      <c r="AC42" s="31"/>
      <c r="AD42" s="31"/>
      <c r="AE42" s="31"/>
      <c r="AF42" s="31"/>
      <c r="AG42" s="31"/>
      <c r="AH42" s="31"/>
      <c r="AI42" s="31"/>
      <c r="AJ42" s="31"/>
      <c r="AK42" s="31"/>
      <c r="AL42" s="31"/>
      <c r="AM42" s="31"/>
      <c r="AN42" s="31"/>
      <c r="AO42" s="31"/>
      <c r="AP42" s="31"/>
      <c r="AQ42" s="31"/>
      <c r="AR42" s="31"/>
      <c r="AS42" s="31"/>
      <c r="AT42" s="31"/>
      <c r="AU42" s="31"/>
      <c r="AV42" s="31"/>
      <c r="AW42" s="31"/>
      <c r="AX42" s="31"/>
      <c r="DI42" s="28"/>
    </row>
    <row r="43" spans="1:251" s="23" customFormat="1" ht="15" thickBot="1">
      <c r="A43" s="32"/>
      <c r="B43" s="33" t="s">
        <v>91</v>
      </c>
      <c r="C43" s="34"/>
      <c r="D43" s="34"/>
      <c r="E43" s="34"/>
      <c r="F43" s="34"/>
      <c r="G43" s="34"/>
      <c r="H43" s="34"/>
      <c r="I43" s="34"/>
      <c r="J43" s="34"/>
      <c r="K43" s="34"/>
      <c r="L43" s="35"/>
      <c r="M43" s="35"/>
      <c r="N43" s="35"/>
      <c r="O43" s="35"/>
      <c r="P43" s="34"/>
      <c r="Q43" s="34"/>
      <c r="R43" s="34"/>
      <c r="S43" s="34"/>
      <c r="T43" s="34"/>
      <c r="U43" s="34"/>
      <c r="V43" s="33"/>
      <c r="W43" s="33"/>
      <c r="X43" s="33"/>
      <c r="Y43" s="33"/>
      <c r="Z43" s="33"/>
      <c r="AA43" s="33"/>
      <c r="AB43" s="33"/>
      <c r="AC43" s="33"/>
      <c r="AD43" s="33"/>
      <c r="AE43" s="33"/>
      <c r="AF43" s="33"/>
      <c r="AG43" s="33"/>
      <c r="AH43" s="33"/>
      <c r="AI43" s="33"/>
      <c r="AJ43" s="33"/>
      <c r="AK43" s="33"/>
      <c r="AL43" s="33"/>
      <c r="AM43" s="33"/>
      <c r="AN43" s="33"/>
      <c r="AO43" s="33"/>
      <c r="AP43" s="33"/>
      <c r="AQ43" s="33"/>
      <c r="AR43" s="33"/>
      <c r="AS43" s="33"/>
      <c r="AT43" s="33"/>
      <c r="AU43" s="33"/>
      <c r="AV43" s="33"/>
      <c r="AW43" s="33"/>
      <c r="AX43" s="33"/>
      <c r="DI43" s="28"/>
    </row>
    <row r="44" spans="1:251" s="23" customFormat="1" ht="14.4">
      <c r="A44" s="34"/>
      <c r="B44" s="36"/>
      <c r="C44" s="29"/>
      <c r="D44" s="29"/>
      <c r="E44" s="29"/>
      <c r="F44" s="29"/>
      <c r="G44" s="29"/>
      <c r="H44" s="29"/>
      <c r="I44" s="29"/>
      <c r="J44" s="29"/>
      <c r="K44" s="29"/>
      <c r="L44" s="30"/>
      <c r="M44" s="30"/>
      <c r="N44" s="30"/>
      <c r="O44" s="30"/>
      <c r="P44" s="29"/>
      <c r="Q44" s="29"/>
      <c r="R44" s="29"/>
      <c r="S44" s="29"/>
      <c r="T44" s="29"/>
      <c r="U44" s="29"/>
      <c r="V44" s="31"/>
      <c r="W44" s="31"/>
      <c r="X44" s="31"/>
      <c r="Y44" s="31"/>
      <c r="Z44" s="31"/>
      <c r="AA44" s="31"/>
      <c r="AB44" s="31"/>
      <c r="AC44" s="31"/>
      <c r="AD44" s="31"/>
      <c r="AE44" s="31"/>
      <c r="AF44" s="31"/>
      <c r="AG44" s="31"/>
      <c r="AH44" s="31"/>
      <c r="AI44" s="31"/>
      <c r="AJ44" s="31"/>
      <c r="AK44" s="31"/>
      <c r="AL44" s="31"/>
      <c r="AM44" s="31"/>
      <c r="AN44" s="31"/>
      <c r="AO44" s="31"/>
      <c r="AP44" s="31"/>
      <c r="AQ44" s="31"/>
      <c r="AR44" s="31"/>
      <c r="AS44" s="31"/>
      <c r="AT44" s="31"/>
      <c r="AU44" s="31"/>
      <c r="AV44" s="31"/>
      <c r="AW44" s="31"/>
      <c r="AX44" s="37"/>
    </row>
    <row r="45" spans="1:251" s="23" customFormat="1" ht="10.8" customHeight="1">
      <c r="A45" s="34"/>
      <c r="B45" s="127" t="s">
        <v>107</v>
      </c>
      <c r="C45" s="128"/>
      <c r="D45" s="128"/>
      <c r="E45" s="128"/>
      <c r="F45" s="128"/>
      <c r="G45" s="128"/>
      <c r="H45" s="128"/>
      <c r="I45" s="128"/>
      <c r="J45" s="128"/>
      <c r="K45" s="128"/>
      <c r="L45" s="128"/>
      <c r="M45" s="128"/>
      <c r="N45" s="128"/>
      <c r="O45" s="128"/>
      <c r="P45" s="128"/>
      <c r="Q45" s="128"/>
      <c r="R45" s="128"/>
      <c r="S45" s="128"/>
      <c r="T45" s="128"/>
      <c r="U45" s="128"/>
      <c r="V45" s="128"/>
      <c r="W45" s="128"/>
      <c r="X45" s="128"/>
      <c r="Y45" s="128"/>
      <c r="Z45" s="128"/>
      <c r="AA45" s="128"/>
      <c r="AB45" s="128"/>
      <c r="AC45" s="128"/>
      <c r="AD45" s="128"/>
      <c r="AE45" s="128"/>
      <c r="AF45" s="128"/>
      <c r="AG45" s="128"/>
      <c r="AH45" s="128"/>
      <c r="AI45" s="128"/>
      <c r="AJ45" s="128"/>
      <c r="AK45" s="128"/>
      <c r="AL45" s="128"/>
      <c r="AM45" s="128"/>
      <c r="AN45" s="128"/>
      <c r="AO45" s="128"/>
      <c r="AP45" s="128"/>
      <c r="AQ45" s="128"/>
      <c r="AR45" s="128"/>
      <c r="AS45" s="128"/>
      <c r="AT45" s="128"/>
      <c r="AU45" s="128"/>
      <c r="AV45" s="128"/>
      <c r="AW45" s="128"/>
      <c r="AX45" s="129"/>
    </row>
    <row r="46" spans="1:251" s="23" customFormat="1" ht="10.8" customHeight="1">
      <c r="A46" s="34"/>
      <c r="B46" s="127"/>
      <c r="C46" s="128"/>
      <c r="D46" s="128"/>
      <c r="E46" s="128"/>
      <c r="F46" s="128"/>
      <c r="G46" s="128"/>
      <c r="H46" s="128"/>
      <c r="I46" s="128"/>
      <c r="J46" s="128"/>
      <c r="K46" s="128"/>
      <c r="L46" s="128"/>
      <c r="M46" s="128"/>
      <c r="N46" s="128"/>
      <c r="O46" s="128"/>
      <c r="P46" s="128"/>
      <c r="Q46" s="128"/>
      <c r="R46" s="128"/>
      <c r="S46" s="128"/>
      <c r="T46" s="128"/>
      <c r="U46" s="128"/>
      <c r="V46" s="128"/>
      <c r="W46" s="128"/>
      <c r="X46" s="128"/>
      <c r="Y46" s="128"/>
      <c r="Z46" s="128"/>
      <c r="AA46" s="128"/>
      <c r="AB46" s="128"/>
      <c r="AC46" s="128"/>
      <c r="AD46" s="128"/>
      <c r="AE46" s="128"/>
      <c r="AF46" s="128"/>
      <c r="AG46" s="128"/>
      <c r="AH46" s="128"/>
      <c r="AI46" s="128"/>
      <c r="AJ46" s="128"/>
      <c r="AK46" s="128"/>
      <c r="AL46" s="128"/>
      <c r="AM46" s="128"/>
      <c r="AN46" s="128"/>
      <c r="AO46" s="128"/>
      <c r="AP46" s="128"/>
      <c r="AQ46" s="128"/>
      <c r="AR46" s="128"/>
      <c r="AS46" s="128"/>
      <c r="AT46" s="128"/>
      <c r="AU46" s="128"/>
      <c r="AV46" s="128"/>
      <c r="AW46" s="128"/>
      <c r="AX46" s="129"/>
      <c r="BC46" s="17"/>
    </row>
    <row r="47" spans="1:251" s="23" customFormat="1" ht="10.8" customHeight="1">
      <c r="A47" s="34"/>
      <c r="B47" s="127"/>
      <c r="C47" s="128"/>
      <c r="D47" s="128"/>
      <c r="E47" s="128"/>
      <c r="F47" s="128"/>
      <c r="G47" s="128"/>
      <c r="H47" s="128"/>
      <c r="I47" s="128"/>
      <c r="J47" s="128"/>
      <c r="K47" s="128"/>
      <c r="L47" s="128"/>
      <c r="M47" s="128"/>
      <c r="N47" s="128"/>
      <c r="O47" s="128"/>
      <c r="P47" s="128"/>
      <c r="Q47" s="128"/>
      <c r="R47" s="128"/>
      <c r="S47" s="128"/>
      <c r="T47" s="128"/>
      <c r="U47" s="128"/>
      <c r="V47" s="128"/>
      <c r="W47" s="128"/>
      <c r="X47" s="128"/>
      <c r="Y47" s="128"/>
      <c r="Z47" s="128"/>
      <c r="AA47" s="128"/>
      <c r="AB47" s="128"/>
      <c r="AC47" s="128"/>
      <c r="AD47" s="128"/>
      <c r="AE47" s="128"/>
      <c r="AF47" s="128"/>
      <c r="AG47" s="128"/>
      <c r="AH47" s="128"/>
      <c r="AI47" s="128"/>
      <c r="AJ47" s="128"/>
      <c r="AK47" s="128"/>
      <c r="AL47" s="128"/>
      <c r="AM47" s="128"/>
      <c r="AN47" s="128"/>
      <c r="AO47" s="128"/>
      <c r="AP47" s="128"/>
      <c r="AQ47" s="128"/>
      <c r="AR47" s="128"/>
      <c r="AS47" s="128"/>
      <c r="AT47" s="128"/>
      <c r="AU47" s="128"/>
      <c r="AV47" s="128"/>
      <c r="AW47" s="128"/>
      <c r="AX47" s="129"/>
    </row>
    <row r="48" spans="1:251" s="23" customFormat="1" ht="10.8" customHeight="1">
      <c r="A48" s="34"/>
      <c r="B48" s="127"/>
      <c r="C48" s="128"/>
      <c r="D48" s="128"/>
      <c r="E48" s="128"/>
      <c r="F48" s="128"/>
      <c r="G48" s="128"/>
      <c r="H48" s="128"/>
      <c r="I48" s="128"/>
      <c r="J48" s="128"/>
      <c r="K48" s="128"/>
      <c r="L48" s="128"/>
      <c r="M48" s="128"/>
      <c r="N48" s="128"/>
      <c r="O48" s="128"/>
      <c r="P48" s="128"/>
      <c r="Q48" s="128"/>
      <c r="R48" s="128"/>
      <c r="S48" s="128"/>
      <c r="T48" s="128"/>
      <c r="U48" s="128"/>
      <c r="V48" s="128"/>
      <c r="W48" s="128"/>
      <c r="X48" s="128"/>
      <c r="Y48" s="128"/>
      <c r="Z48" s="128"/>
      <c r="AA48" s="128"/>
      <c r="AB48" s="128"/>
      <c r="AC48" s="128"/>
      <c r="AD48" s="128"/>
      <c r="AE48" s="128"/>
      <c r="AF48" s="128"/>
      <c r="AG48" s="128"/>
      <c r="AH48" s="128"/>
      <c r="AI48" s="128"/>
      <c r="AJ48" s="128"/>
      <c r="AK48" s="128"/>
      <c r="AL48" s="128"/>
      <c r="AM48" s="128"/>
      <c r="AN48" s="128"/>
      <c r="AO48" s="128"/>
      <c r="AP48" s="128"/>
      <c r="AQ48" s="128"/>
      <c r="AR48" s="128"/>
      <c r="AS48" s="128"/>
      <c r="AT48" s="128"/>
      <c r="AU48" s="128"/>
      <c r="AV48" s="128"/>
      <c r="AW48" s="128"/>
      <c r="AX48" s="129"/>
    </row>
    <row r="49" spans="1:251" s="23" customFormat="1" ht="10.8" customHeight="1">
      <c r="A49" s="34"/>
      <c r="B49" s="127"/>
      <c r="C49" s="128"/>
      <c r="D49" s="128"/>
      <c r="E49" s="128"/>
      <c r="F49" s="128"/>
      <c r="G49" s="128"/>
      <c r="H49" s="128"/>
      <c r="I49" s="128"/>
      <c r="J49" s="128"/>
      <c r="K49" s="128"/>
      <c r="L49" s="128"/>
      <c r="M49" s="128"/>
      <c r="N49" s="128"/>
      <c r="O49" s="128"/>
      <c r="P49" s="128"/>
      <c r="Q49" s="128"/>
      <c r="R49" s="128"/>
      <c r="S49" s="128"/>
      <c r="T49" s="128"/>
      <c r="U49" s="128"/>
      <c r="V49" s="128"/>
      <c r="W49" s="128"/>
      <c r="X49" s="128"/>
      <c r="Y49" s="128"/>
      <c r="Z49" s="128"/>
      <c r="AA49" s="128"/>
      <c r="AB49" s="128"/>
      <c r="AC49" s="128"/>
      <c r="AD49" s="128"/>
      <c r="AE49" s="128"/>
      <c r="AF49" s="128"/>
      <c r="AG49" s="128"/>
      <c r="AH49" s="128"/>
      <c r="AI49" s="128"/>
      <c r="AJ49" s="128"/>
      <c r="AK49" s="128"/>
      <c r="AL49" s="128"/>
      <c r="AM49" s="128"/>
      <c r="AN49" s="128"/>
      <c r="AO49" s="128"/>
      <c r="AP49" s="128"/>
      <c r="AQ49" s="128"/>
      <c r="AR49" s="128"/>
      <c r="AS49" s="128"/>
      <c r="AT49" s="128"/>
      <c r="AU49" s="128"/>
      <c r="AV49" s="128"/>
      <c r="AW49" s="128"/>
      <c r="AX49" s="129"/>
    </row>
    <row r="50" spans="1:251" s="23" customFormat="1" ht="10.8" customHeight="1">
      <c r="A50" s="34"/>
      <c r="B50" s="127"/>
      <c r="C50" s="128"/>
      <c r="D50" s="128"/>
      <c r="E50" s="128"/>
      <c r="F50" s="128"/>
      <c r="G50" s="128"/>
      <c r="H50" s="128"/>
      <c r="I50" s="128"/>
      <c r="J50" s="128"/>
      <c r="K50" s="128"/>
      <c r="L50" s="128"/>
      <c r="M50" s="128"/>
      <c r="N50" s="128"/>
      <c r="O50" s="128"/>
      <c r="P50" s="128"/>
      <c r="Q50" s="128"/>
      <c r="R50" s="128"/>
      <c r="S50" s="128"/>
      <c r="T50" s="128"/>
      <c r="U50" s="128"/>
      <c r="V50" s="128"/>
      <c r="W50" s="128"/>
      <c r="X50" s="128"/>
      <c r="Y50" s="128"/>
      <c r="Z50" s="128"/>
      <c r="AA50" s="128"/>
      <c r="AB50" s="128"/>
      <c r="AC50" s="128"/>
      <c r="AD50" s="128"/>
      <c r="AE50" s="128"/>
      <c r="AF50" s="128"/>
      <c r="AG50" s="128"/>
      <c r="AH50" s="128"/>
      <c r="AI50" s="128"/>
      <c r="AJ50" s="128"/>
      <c r="AK50" s="128"/>
      <c r="AL50" s="128"/>
      <c r="AM50" s="128"/>
      <c r="AN50" s="128"/>
      <c r="AO50" s="128"/>
      <c r="AP50" s="128"/>
      <c r="AQ50" s="128"/>
      <c r="AR50" s="128"/>
      <c r="AS50" s="128"/>
      <c r="AT50" s="128"/>
      <c r="AU50" s="128"/>
      <c r="AV50" s="128"/>
      <c r="AW50" s="128"/>
      <c r="AX50" s="129"/>
    </row>
    <row r="51" spans="1:251" s="23" customFormat="1" ht="10.8" customHeight="1">
      <c r="A51" s="34"/>
      <c r="B51" s="127"/>
      <c r="C51" s="128"/>
      <c r="D51" s="128"/>
      <c r="E51" s="128"/>
      <c r="F51" s="128"/>
      <c r="G51" s="128"/>
      <c r="H51" s="128"/>
      <c r="I51" s="128"/>
      <c r="J51" s="128"/>
      <c r="K51" s="128"/>
      <c r="L51" s="128"/>
      <c r="M51" s="128"/>
      <c r="N51" s="128"/>
      <c r="O51" s="128"/>
      <c r="P51" s="128"/>
      <c r="Q51" s="128"/>
      <c r="R51" s="128"/>
      <c r="S51" s="128"/>
      <c r="T51" s="128"/>
      <c r="U51" s="128"/>
      <c r="V51" s="128"/>
      <c r="W51" s="128"/>
      <c r="X51" s="128"/>
      <c r="Y51" s="128"/>
      <c r="Z51" s="128"/>
      <c r="AA51" s="128"/>
      <c r="AB51" s="128"/>
      <c r="AC51" s="128"/>
      <c r="AD51" s="128"/>
      <c r="AE51" s="128"/>
      <c r="AF51" s="128"/>
      <c r="AG51" s="128"/>
      <c r="AH51" s="128"/>
      <c r="AI51" s="128"/>
      <c r="AJ51" s="128"/>
      <c r="AK51" s="128"/>
      <c r="AL51" s="128"/>
      <c r="AM51" s="128"/>
      <c r="AN51" s="128"/>
      <c r="AO51" s="128"/>
      <c r="AP51" s="128"/>
      <c r="AQ51" s="128"/>
      <c r="AR51" s="128"/>
      <c r="AS51" s="128"/>
      <c r="AT51" s="128"/>
      <c r="AU51" s="128"/>
      <c r="AV51" s="128"/>
      <c r="AW51" s="128"/>
      <c r="AX51" s="129"/>
    </row>
    <row r="52" spans="1:251" s="23" customFormat="1" ht="10.8" customHeight="1">
      <c r="A52" s="34"/>
      <c r="B52" s="127"/>
      <c r="C52" s="128"/>
      <c r="D52" s="128"/>
      <c r="E52" s="128"/>
      <c r="F52" s="128"/>
      <c r="G52" s="128"/>
      <c r="H52" s="128"/>
      <c r="I52" s="128"/>
      <c r="J52" s="128"/>
      <c r="K52" s="128"/>
      <c r="L52" s="128"/>
      <c r="M52" s="128"/>
      <c r="N52" s="128"/>
      <c r="O52" s="128"/>
      <c r="P52" s="128"/>
      <c r="Q52" s="128"/>
      <c r="R52" s="128"/>
      <c r="S52" s="128"/>
      <c r="T52" s="128"/>
      <c r="U52" s="128"/>
      <c r="V52" s="128"/>
      <c r="W52" s="128"/>
      <c r="X52" s="128"/>
      <c r="Y52" s="128"/>
      <c r="Z52" s="128"/>
      <c r="AA52" s="128"/>
      <c r="AB52" s="128"/>
      <c r="AC52" s="128"/>
      <c r="AD52" s="128"/>
      <c r="AE52" s="128"/>
      <c r="AF52" s="128"/>
      <c r="AG52" s="128"/>
      <c r="AH52" s="128"/>
      <c r="AI52" s="128"/>
      <c r="AJ52" s="128"/>
      <c r="AK52" s="128"/>
      <c r="AL52" s="128"/>
      <c r="AM52" s="128"/>
      <c r="AN52" s="128"/>
      <c r="AO52" s="128"/>
      <c r="AP52" s="128"/>
      <c r="AQ52" s="128"/>
      <c r="AR52" s="128"/>
      <c r="AS52" s="128"/>
      <c r="AT52" s="128"/>
      <c r="AU52" s="128"/>
      <c r="AV52" s="128"/>
      <c r="AW52" s="128"/>
      <c r="AX52" s="129"/>
    </row>
    <row r="53" spans="1:251" s="23" customFormat="1" ht="10.8" customHeight="1">
      <c r="A53" s="34"/>
      <c r="B53" s="127"/>
      <c r="C53" s="128"/>
      <c r="D53" s="128"/>
      <c r="E53" s="128"/>
      <c r="F53" s="128"/>
      <c r="G53" s="128"/>
      <c r="H53" s="128"/>
      <c r="I53" s="128"/>
      <c r="J53" s="128"/>
      <c r="K53" s="128"/>
      <c r="L53" s="128"/>
      <c r="M53" s="128"/>
      <c r="N53" s="128"/>
      <c r="O53" s="128"/>
      <c r="P53" s="128"/>
      <c r="Q53" s="128"/>
      <c r="R53" s="128"/>
      <c r="S53" s="128"/>
      <c r="T53" s="128"/>
      <c r="U53" s="128"/>
      <c r="V53" s="128"/>
      <c r="W53" s="128"/>
      <c r="X53" s="128"/>
      <c r="Y53" s="128"/>
      <c r="Z53" s="128"/>
      <c r="AA53" s="128"/>
      <c r="AB53" s="128"/>
      <c r="AC53" s="128"/>
      <c r="AD53" s="128"/>
      <c r="AE53" s="128"/>
      <c r="AF53" s="128"/>
      <c r="AG53" s="128"/>
      <c r="AH53" s="128"/>
      <c r="AI53" s="128"/>
      <c r="AJ53" s="128"/>
      <c r="AK53" s="128"/>
      <c r="AL53" s="128"/>
      <c r="AM53" s="128"/>
      <c r="AN53" s="128"/>
      <c r="AO53" s="128"/>
      <c r="AP53" s="128"/>
      <c r="AQ53" s="128"/>
      <c r="AR53" s="128"/>
      <c r="AS53" s="128"/>
      <c r="AT53" s="128"/>
      <c r="AU53" s="128"/>
      <c r="AV53" s="128"/>
      <c r="AW53" s="128"/>
      <c r="AX53" s="129"/>
    </row>
    <row r="54" spans="1:251" s="23" customFormat="1" ht="10.8" customHeight="1">
      <c r="A54" s="34"/>
      <c r="B54" s="127"/>
      <c r="C54" s="128"/>
      <c r="D54" s="128"/>
      <c r="E54" s="128"/>
      <c r="F54" s="128"/>
      <c r="G54" s="128"/>
      <c r="H54" s="128"/>
      <c r="I54" s="128"/>
      <c r="J54" s="128"/>
      <c r="K54" s="128"/>
      <c r="L54" s="128"/>
      <c r="M54" s="128"/>
      <c r="N54" s="128"/>
      <c r="O54" s="128"/>
      <c r="P54" s="128"/>
      <c r="Q54" s="128"/>
      <c r="R54" s="128"/>
      <c r="S54" s="128"/>
      <c r="T54" s="128"/>
      <c r="U54" s="128"/>
      <c r="V54" s="128"/>
      <c r="W54" s="128"/>
      <c r="X54" s="128"/>
      <c r="Y54" s="128"/>
      <c r="Z54" s="128"/>
      <c r="AA54" s="128"/>
      <c r="AB54" s="128"/>
      <c r="AC54" s="128"/>
      <c r="AD54" s="128"/>
      <c r="AE54" s="128"/>
      <c r="AF54" s="128"/>
      <c r="AG54" s="128"/>
      <c r="AH54" s="128"/>
      <c r="AI54" s="128"/>
      <c r="AJ54" s="128"/>
      <c r="AK54" s="128"/>
      <c r="AL54" s="128"/>
      <c r="AM54" s="128"/>
      <c r="AN54" s="128"/>
      <c r="AO54" s="128"/>
      <c r="AP54" s="128"/>
      <c r="AQ54" s="128"/>
      <c r="AR54" s="128"/>
      <c r="AS54" s="128"/>
      <c r="AT54" s="128"/>
      <c r="AU54" s="128"/>
      <c r="AV54" s="128"/>
      <c r="AW54" s="128"/>
      <c r="AX54" s="129"/>
    </row>
    <row r="55" spans="1:251" s="23" customFormat="1" ht="15" thickBot="1">
      <c r="A55" s="38"/>
      <c r="B55" s="39"/>
      <c r="C55" s="40"/>
      <c r="D55" s="40"/>
      <c r="E55" s="40"/>
      <c r="F55" s="40"/>
      <c r="G55" s="40"/>
      <c r="H55" s="40"/>
      <c r="I55" s="40"/>
      <c r="J55" s="40"/>
      <c r="K55" s="40"/>
      <c r="L55" s="40"/>
      <c r="M55" s="40"/>
      <c r="N55" s="40"/>
      <c r="O55" s="40"/>
      <c r="P55" s="40"/>
      <c r="Q55" s="40"/>
      <c r="R55" s="40"/>
      <c r="S55" s="40"/>
      <c r="T55" s="40"/>
      <c r="U55" s="40"/>
      <c r="V55" s="40"/>
      <c r="W55" s="40"/>
      <c r="X55" s="40"/>
      <c r="Y55" s="40"/>
      <c r="Z55" s="40"/>
      <c r="AA55" s="40"/>
      <c r="AB55" s="40"/>
      <c r="AC55" s="40"/>
      <c r="AD55" s="40"/>
      <c r="AE55" s="40"/>
      <c r="AF55" s="40"/>
      <c r="AG55" s="40"/>
      <c r="AH55" s="40"/>
      <c r="AI55" s="40"/>
      <c r="AJ55" s="40"/>
      <c r="AK55" s="40"/>
      <c r="AL55" s="40"/>
      <c r="AM55" s="40"/>
      <c r="AN55" s="40"/>
      <c r="AO55" s="40"/>
      <c r="AP55" s="40"/>
      <c r="AQ55" s="40"/>
      <c r="AR55" s="40"/>
      <c r="AS55" s="40"/>
      <c r="AT55" s="40"/>
      <c r="AU55" s="40"/>
      <c r="AV55" s="40"/>
      <c r="AW55" s="40"/>
      <c r="AX55" s="41"/>
    </row>
    <row r="56" spans="1:251" s="23" customFormat="1" ht="13.2">
      <c r="B56" s="42"/>
    </row>
    <row r="57" spans="1:251" s="23" customFormat="1" ht="14.4">
      <c r="B57" s="33" t="s">
        <v>93</v>
      </c>
      <c r="C57" s="34"/>
      <c r="D57" s="34"/>
      <c r="E57" s="34"/>
      <c r="F57" s="34"/>
      <c r="G57" s="34"/>
      <c r="H57" s="34"/>
      <c r="I57" s="34"/>
      <c r="J57" s="34"/>
      <c r="K57" s="34"/>
      <c r="L57" s="35"/>
      <c r="M57" s="35"/>
      <c r="N57" s="35"/>
      <c r="O57" s="35"/>
      <c r="P57" s="34"/>
      <c r="Q57" s="34"/>
      <c r="R57" s="34"/>
      <c r="S57" s="34"/>
      <c r="T57" s="34"/>
      <c r="U57" s="34"/>
      <c r="V57" s="33"/>
      <c r="W57" s="33"/>
      <c r="X57" s="33"/>
      <c r="Y57" s="33"/>
      <c r="Z57" s="33"/>
      <c r="AA57" s="33"/>
      <c r="AB57" s="33"/>
      <c r="AC57" s="33"/>
      <c r="AD57" s="33"/>
      <c r="AE57" s="33"/>
      <c r="AF57" s="33"/>
      <c r="AG57" s="33"/>
      <c r="AH57" s="33"/>
      <c r="AI57" s="33"/>
      <c r="AJ57" s="33"/>
      <c r="AK57" s="33"/>
      <c r="AL57" s="33"/>
      <c r="AM57" s="33"/>
      <c r="AN57" s="33"/>
      <c r="AO57" s="33"/>
      <c r="AP57" s="33"/>
      <c r="AQ57" s="33"/>
      <c r="AR57" s="33"/>
      <c r="AS57" s="33"/>
      <c r="AT57" s="33"/>
      <c r="AU57" s="33"/>
      <c r="AV57" s="33"/>
      <c r="AW57" s="33"/>
      <c r="AX57" s="33"/>
    </row>
    <row r="58" spans="1:251" s="23" customFormat="1" ht="15" thickBot="1">
      <c r="B58" s="33"/>
      <c r="C58" s="34"/>
      <c r="D58" s="34"/>
      <c r="E58" s="34"/>
      <c r="F58" s="34"/>
      <c r="G58" s="34"/>
      <c r="H58" s="34"/>
      <c r="I58" s="34"/>
      <c r="J58" s="34"/>
      <c r="K58" s="34"/>
      <c r="L58" s="35"/>
      <c r="M58" s="35"/>
      <c r="N58" s="35"/>
      <c r="O58" s="35"/>
      <c r="P58" s="34"/>
      <c r="Q58" s="34"/>
      <c r="R58" s="34"/>
      <c r="S58" s="34"/>
      <c r="T58" s="34"/>
      <c r="U58" s="34"/>
      <c r="V58" s="33"/>
      <c r="W58" s="33"/>
      <c r="X58" s="33"/>
      <c r="Y58" s="33"/>
      <c r="Z58" s="33"/>
      <c r="AA58" s="33"/>
      <c r="AB58" s="33"/>
      <c r="AC58" s="33"/>
      <c r="AD58" s="33"/>
      <c r="AE58" s="33"/>
      <c r="AF58" s="33"/>
      <c r="AG58" s="33"/>
      <c r="AH58" s="33"/>
      <c r="AI58" s="33"/>
      <c r="AJ58" s="33"/>
      <c r="AK58" s="33"/>
      <c r="AL58" s="33"/>
      <c r="AM58" s="33"/>
      <c r="AN58" s="33"/>
      <c r="AO58" s="33"/>
      <c r="AP58" s="33"/>
      <c r="AQ58" s="33"/>
      <c r="AR58" s="33"/>
      <c r="AS58" s="33"/>
      <c r="AT58" s="33"/>
      <c r="AU58" s="33"/>
      <c r="AV58" s="33"/>
      <c r="AW58" s="33"/>
      <c r="AX58" s="43" t="s">
        <v>94</v>
      </c>
    </row>
    <row r="59" spans="1:251" s="17" customFormat="1" ht="13.5" customHeight="1">
      <c r="A59" s="34"/>
      <c r="B59" s="139" t="s">
        <v>95</v>
      </c>
      <c r="C59" s="178"/>
      <c r="D59" s="178"/>
      <c r="E59" s="178"/>
      <c r="F59" s="178"/>
      <c r="G59" s="178"/>
      <c r="H59" s="178"/>
      <c r="I59" s="178"/>
      <c r="J59" s="178"/>
      <c r="K59" s="178"/>
      <c r="L59" s="178"/>
      <c r="M59" s="178"/>
      <c r="N59" s="178"/>
      <c r="O59" s="178"/>
      <c r="P59" s="178"/>
      <c r="Q59" s="178"/>
      <c r="R59" s="178"/>
      <c r="S59" s="178"/>
      <c r="T59" s="178"/>
      <c r="U59" s="178"/>
      <c r="V59" s="178"/>
      <c r="W59" s="178"/>
      <c r="X59" s="178"/>
      <c r="Y59" s="178"/>
      <c r="Z59" s="179"/>
      <c r="AA59" s="145" t="s">
        <v>108</v>
      </c>
      <c r="AB59" s="178"/>
      <c r="AC59" s="178"/>
      <c r="AD59" s="178"/>
      <c r="AE59" s="178"/>
      <c r="AF59" s="178"/>
      <c r="AG59" s="178"/>
      <c r="AH59" s="178"/>
      <c r="AI59" s="179"/>
      <c r="AJ59" s="145" t="s">
        <v>109</v>
      </c>
      <c r="AK59" s="178"/>
      <c r="AL59" s="178"/>
      <c r="AM59" s="178"/>
      <c r="AN59" s="178"/>
      <c r="AO59" s="178"/>
      <c r="AP59" s="178"/>
      <c r="AQ59" s="178"/>
      <c r="AR59" s="179"/>
      <c r="AS59" s="145" t="s">
        <v>98</v>
      </c>
      <c r="AT59" s="178"/>
      <c r="AU59" s="178"/>
      <c r="AV59" s="178"/>
      <c r="AW59" s="178"/>
      <c r="AX59" s="184"/>
      <c r="AY59" s="23"/>
      <c r="AZ59" s="23"/>
      <c r="BA59" s="23"/>
      <c r="BB59" s="23"/>
      <c r="BC59" s="23"/>
      <c r="BD59" s="23"/>
      <c r="BE59" s="23"/>
      <c r="BF59" s="23"/>
      <c r="BG59" s="23"/>
      <c r="BH59" s="23"/>
      <c r="BI59" s="23"/>
      <c r="BJ59" s="23"/>
      <c r="BK59" s="23"/>
      <c r="BL59" s="23"/>
      <c r="BM59" s="23"/>
      <c r="BN59" s="23"/>
      <c r="BO59" s="23"/>
      <c r="BP59" s="23"/>
      <c r="BQ59" s="23"/>
      <c r="BR59" s="23"/>
      <c r="BS59" s="23"/>
      <c r="BT59" s="23"/>
      <c r="BU59" s="23"/>
      <c r="BV59" s="23"/>
      <c r="BW59" s="23"/>
      <c r="BX59" s="23"/>
      <c r="BY59" s="23"/>
      <c r="BZ59" s="23"/>
      <c r="CA59" s="23"/>
      <c r="CB59" s="23"/>
      <c r="CC59" s="23"/>
      <c r="CD59" s="23"/>
      <c r="CE59" s="23"/>
      <c r="CF59" s="23"/>
      <c r="CG59" s="23"/>
      <c r="CH59" s="23"/>
      <c r="CI59" s="23"/>
      <c r="CJ59" s="23"/>
      <c r="CK59" s="23"/>
      <c r="CL59" s="23"/>
      <c r="CM59" s="23"/>
      <c r="CN59" s="23"/>
      <c r="CO59" s="23"/>
      <c r="CP59" s="23"/>
      <c r="CQ59" s="23"/>
      <c r="CR59" s="23"/>
      <c r="CS59" s="23"/>
      <c r="CT59" s="23"/>
      <c r="CU59" s="23"/>
      <c r="CV59" s="23"/>
      <c r="CW59" s="23"/>
      <c r="CX59" s="23"/>
      <c r="CY59" s="23"/>
      <c r="CZ59" s="23"/>
      <c r="DA59" s="23"/>
      <c r="DB59" s="23"/>
      <c r="DC59" s="23"/>
      <c r="DD59" s="23"/>
      <c r="DE59" s="23"/>
      <c r="DF59" s="23"/>
      <c r="DG59" s="23"/>
      <c r="DH59" s="23"/>
      <c r="DI59" s="23"/>
      <c r="DJ59" s="23"/>
      <c r="DK59" s="23"/>
      <c r="DL59" s="23"/>
      <c r="DM59" s="23"/>
      <c r="DN59" s="23"/>
      <c r="DO59" s="23"/>
      <c r="DP59" s="23"/>
      <c r="DQ59" s="23"/>
      <c r="DR59" s="23"/>
      <c r="DS59" s="23"/>
      <c r="DT59" s="23"/>
      <c r="DU59" s="23"/>
      <c r="DV59" s="23"/>
      <c r="DW59" s="23"/>
      <c r="DX59" s="23"/>
      <c r="DY59" s="23"/>
      <c r="DZ59" s="23"/>
      <c r="EA59" s="23"/>
      <c r="EB59" s="23"/>
      <c r="EC59" s="23"/>
      <c r="ED59" s="23"/>
      <c r="EE59" s="23"/>
      <c r="EF59" s="23"/>
      <c r="EG59" s="23"/>
      <c r="EH59" s="23"/>
      <c r="EI59" s="23"/>
      <c r="EJ59" s="23"/>
      <c r="EK59" s="23"/>
      <c r="EL59" s="23"/>
      <c r="EM59" s="23"/>
      <c r="EN59" s="23"/>
      <c r="EO59" s="23"/>
      <c r="EP59" s="23"/>
      <c r="EQ59" s="23"/>
      <c r="ER59" s="23"/>
      <c r="ES59" s="23"/>
      <c r="ET59" s="23"/>
      <c r="EU59" s="23"/>
      <c r="EV59" s="23"/>
      <c r="EW59" s="23"/>
      <c r="EX59" s="23"/>
      <c r="EY59" s="23"/>
      <c r="EZ59" s="23"/>
      <c r="FA59" s="23"/>
      <c r="FB59" s="23"/>
      <c r="FC59" s="23"/>
      <c r="FD59" s="23"/>
      <c r="FE59" s="23"/>
      <c r="FF59" s="23"/>
      <c r="FG59" s="23"/>
      <c r="FH59" s="23"/>
      <c r="FI59" s="23"/>
      <c r="FJ59" s="23"/>
      <c r="FK59" s="23"/>
      <c r="FL59" s="23"/>
      <c r="FM59" s="23"/>
      <c r="FN59" s="23"/>
      <c r="FO59" s="23"/>
      <c r="FP59" s="23"/>
      <c r="FQ59" s="23"/>
      <c r="FR59" s="23"/>
      <c r="FS59" s="23"/>
      <c r="FT59" s="23"/>
      <c r="FU59" s="23"/>
      <c r="FV59" s="23"/>
      <c r="FW59" s="23"/>
      <c r="FX59" s="23"/>
      <c r="FY59" s="23"/>
      <c r="FZ59" s="23"/>
      <c r="GA59" s="23"/>
      <c r="GB59" s="23"/>
      <c r="GC59" s="23"/>
      <c r="GD59" s="23"/>
      <c r="GE59" s="23"/>
      <c r="GF59" s="23"/>
      <c r="GG59" s="23"/>
      <c r="GH59" s="23"/>
      <c r="GI59" s="23"/>
      <c r="GJ59" s="23"/>
      <c r="GK59" s="23"/>
      <c r="GL59" s="23"/>
      <c r="GM59" s="23"/>
      <c r="GN59" s="23"/>
      <c r="GO59" s="23"/>
      <c r="GP59" s="23"/>
      <c r="GQ59" s="23"/>
      <c r="GR59" s="23"/>
      <c r="GS59" s="23"/>
      <c r="GT59" s="23"/>
      <c r="GU59" s="23"/>
      <c r="GV59" s="23"/>
      <c r="GW59" s="23"/>
      <c r="GX59" s="23"/>
      <c r="GY59" s="23"/>
      <c r="GZ59" s="23"/>
      <c r="HA59" s="23"/>
      <c r="HB59" s="23"/>
      <c r="HC59" s="23"/>
      <c r="HD59" s="23"/>
      <c r="HE59" s="23"/>
      <c r="HF59" s="23"/>
      <c r="HG59" s="23"/>
      <c r="HH59" s="23"/>
      <c r="HI59" s="23"/>
      <c r="HJ59" s="23"/>
      <c r="HK59" s="23"/>
      <c r="HL59" s="23"/>
      <c r="HM59" s="23"/>
      <c r="HN59" s="23"/>
      <c r="HO59" s="23"/>
      <c r="HP59" s="23"/>
      <c r="HQ59" s="23"/>
      <c r="HR59" s="23"/>
      <c r="HS59" s="23"/>
      <c r="HT59" s="23"/>
      <c r="HU59" s="23"/>
      <c r="HV59" s="23"/>
      <c r="HW59" s="23"/>
      <c r="HX59" s="23"/>
      <c r="HY59" s="23"/>
      <c r="HZ59" s="23"/>
      <c r="IA59" s="23"/>
      <c r="IB59" s="23"/>
      <c r="IC59" s="23"/>
      <c r="ID59" s="23"/>
      <c r="IE59" s="23"/>
      <c r="IF59" s="23"/>
      <c r="IG59" s="23"/>
      <c r="IH59" s="23"/>
      <c r="II59" s="23"/>
      <c r="IJ59" s="23"/>
      <c r="IK59" s="23"/>
      <c r="IL59" s="23"/>
      <c r="IM59" s="23"/>
      <c r="IN59" s="23"/>
      <c r="IO59" s="23"/>
      <c r="IP59" s="23"/>
      <c r="IQ59" s="23"/>
    </row>
    <row r="60" spans="1:251" s="17" customFormat="1" ht="13.2">
      <c r="A60" s="34"/>
      <c r="B60" s="180"/>
      <c r="C60" s="181"/>
      <c r="D60" s="181"/>
      <c r="E60" s="181"/>
      <c r="F60" s="181"/>
      <c r="G60" s="181"/>
      <c r="H60" s="181"/>
      <c r="I60" s="181"/>
      <c r="J60" s="181"/>
      <c r="K60" s="181"/>
      <c r="L60" s="181"/>
      <c r="M60" s="181"/>
      <c r="N60" s="181"/>
      <c r="O60" s="181"/>
      <c r="P60" s="181"/>
      <c r="Q60" s="181"/>
      <c r="R60" s="181"/>
      <c r="S60" s="181"/>
      <c r="T60" s="181"/>
      <c r="U60" s="181"/>
      <c r="V60" s="181"/>
      <c r="W60" s="181"/>
      <c r="X60" s="181"/>
      <c r="Y60" s="181"/>
      <c r="Z60" s="182"/>
      <c r="AA60" s="183"/>
      <c r="AB60" s="181"/>
      <c r="AC60" s="181"/>
      <c r="AD60" s="181"/>
      <c r="AE60" s="181"/>
      <c r="AF60" s="181"/>
      <c r="AG60" s="181"/>
      <c r="AH60" s="181"/>
      <c r="AI60" s="182"/>
      <c r="AJ60" s="183"/>
      <c r="AK60" s="181"/>
      <c r="AL60" s="181"/>
      <c r="AM60" s="181"/>
      <c r="AN60" s="181"/>
      <c r="AO60" s="181"/>
      <c r="AP60" s="181"/>
      <c r="AQ60" s="181"/>
      <c r="AR60" s="182"/>
      <c r="AS60" s="183"/>
      <c r="AT60" s="181"/>
      <c r="AU60" s="181"/>
      <c r="AV60" s="181"/>
      <c r="AW60" s="181"/>
      <c r="AX60" s="185"/>
      <c r="AY60" s="23"/>
      <c r="AZ60" s="23"/>
      <c r="BA60" s="23"/>
      <c r="BB60" s="44"/>
      <c r="BC60" s="45"/>
      <c r="BE60" s="23"/>
      <c r="BF60" s="23"/>
      <c r="BG60" s="23"/>
      <c r="BH60" s="23"/>
      <c r="BI60" s="23"/>
      <c r="BJ60" s="23"/>
      <c r="BK60" s="23"/>
      <c r="BL60" s="23"/>
      <c r="BM60" s="23"/>
      <c r="BN60" s="23"/>
      <c r="BO60" s="23"/>
      <c r="BP60" s="23"/>
      <c r="BQ60" s="23"/>
      <c r="BR60" s="23"/>
      <c r="BS60" s="23"/>
      <c r="BT60" s="23"/>
      <c r="BU60" s="23"/>
      <c r="BV60" s="23"/>
      <c r="BW60" s="23"/>
      <c r="BX60" s="23"/>
      <c r="BY60" s="23"/>
      <c r="BZ60" s="23"/>
      <c r="CA60" s="23"/>
      <c r="CB60" s="23"/>
      <c r="CC60" s="23"/>
      <c r="CD60" s="23"/>
      <c r="CE60" s="23"/>
      <c r="CF60" s="23"/>
      <c r="CG60" s="23"/>
      <c r="CH60" s="23"/>
      <c r="CI60" s="23"/>
      <c r="CJ60" s="23"/>
      <c r="CK60" s="23"/>
      <c r="CL60" s="23"/>
      <c r="CM60" s="23"/>
      <c r="CN60" s="23"/>
      <c r="CO60" s="23"/>
      <c r="CP60" s="23"/>
      <c r="CQ60" s="23"/>
      <c r="CR60" s="23"/>
      <c r="CS60" s="23"/>
      <c r="CT60" s="23"/>
      <c r="CU60" s="23"/>
      <c r="CV60" s="23"/>
      <c r="CW60" s="23"/>
      <c r="CX60" s="23"/>
      <c r="CY60" s="23"/>
      <c r="CZ60" s="23"/>
      <c r="DA60" s="23"/>
      <c r="DB60" s="23"/>
      <c r="DC60" s="23"/>
      <c r="DD60" s="23"/>
      <c r="DE60" s="23"/>
      <c r="DF60" s="23"/>
      <c r="DG60" s="23"/>
      <c r="DH60" s="23"/>
      <c r="DI60" s="23"/>
      <c r="DJ60" s="23"/>
      <c r="DK60" s="23"/>
      <c r="DL60" s="23"/>
      <c r="DM60" s="23"/>
      <c r="DN60" s="23"/>
      <c r="DO60" s="23"/>
      <c r="DP60" s="23"/>
      <c r="DQ60" s="23"/>
      <c r="DR60" s="23"/>
      <c r="DS60" s="23"/>
      <c r="DT60" s="23"/>
      <c r="DU60" s="23"/>
      <c r="DV60" s="23"/>
      <c r="DW60" s="23"/>
      <c r="DX60" s="23"/>
      <c r="DY60" s="23"/>
      <c r="DZ60" s="23"/>
      <c r="EA60" s="23"/>
      <c r="EB60" s="23"/>
      <c r="EC60" s="23"/>
      <c r="ED60" s="23"/>
      <c r="EE60" s="23"/>
      <c r="EF60" s="23"/>
      <c r="EG60" s="23"/>
      <c r="EH60" s="23"/>
      <c r="EI60" s="23"/>
      <c r="EJ60" s="23"/>
      <c r="EK60" s="23"/>
      <c r="EL60" s="23"/>
      <c r="EM60" s="23"/>
      <c r="EN60" s="23"/>
      <c r="EO60" s="23"/>
      <c r="EP60" s="23"/>
      <c r="EQ60" s="23"/>
      <c r="ER60" s="23"/>
      <c r="ES60" s="23"/>
      <c r="ET60" s="23"/>
      <c r="EU60" s="23"/>
      <c r="EV60" s="23"/>
      <c r="EW60" s="23"/>
      <c r="EX60" s="23"/>
      <c r="EY60" s="23"/>
      <c r="EZ60" s="23"/>
      <c r="FA60" s="23"/>
      <c r="FB60" s="23"/>
      <c r="FC60" s="23"/>
      <c r="FD60" s="23"/>
      <c r="FE60" s="23"/>
      <c r="FF60" s="23"/>
      <c r="FG60" s="23"/>
      <c r="FH60" s="23"/>
      <c r="FI60" s="23"/>
      <c r="FJ60" s="23"/>
      <c r="FK60" s="23"/>
      <c r="FL60" s="23"/>
      <c r="FM60" s="23"/>
      <c r="FN60" s="23"/>
      <c r="FO60" s="23"/>
      <c r="FP60" s="23"/>
      <c r="FQ60" s="23"/>
      <c r="FR60" s="23"/>
      <c r="FS60" s="23"/>
      <c r="FT60" s="23"/>
      <c r="FU60" s="23"/>
      <c r="FV60" s="23"/>
      <c r="FW60" s="23"/>
      <c r="FX60" s="23"/>
      <c r="FY60" s="23"/>
      <c r="FZ60" s="23"/>
      <c r="GA60" s="23"/>
      <c r="GB60" s="23"/>
      <c r="GC60" s="23"/>
      <c r="GD60" s="23"/>
      <c r="GE60" s="23"/>
      <c r="GF60" s="23"/>
      <c r="GG60" s="23"/>
      <c r="GH60" s="23"/>
      <c r="GI60" s="23"/>
      <c r="GJ60" s="23"/>
      <c r="GK60" s="23"/>
      <c r="GL60" s="23"/>
      <c r="GM60" s="23"/>
      <c r="GN60" s="23"/>
      <c r="GO60" s="23"/>
      <c r="GP60" s="23"/>
      <c r="GQ60" s="23"/>
      <c r="GR60" s="23"/>
      <c r="GS60" s="23"/>
      <c r="GT60" s="23"/>
      <c r="GU60" s="23"/>
      <c r="GV60" s="23"/>
      <c r="GW60" s="23"/>
      <c r="GX60" s="23"/>
      <c r="GY60" s="23"/>
      <c r="GZ60" s="23"/>
      <c r="HA60" s="23"/>
      <c r="HB60" s="23"/>
      <c r="HC60" s="23"/>
      <c r="HD60" s="23"/>
      <c r="HE60" s="23"/>
      <c r="HF60" s="23"/>
      <c r="HG60" s="23"/>
      <c r="HH60" s="23"/>
      <c r="HI60" s="23"/>
      <c r="HJ60" s="23"/>
      <c r="HK60" s="23"/>
      <c r="HL60" s="23"/>
      <c r="HM60" s="23"/>
      <c r="HN60" s="23"/>
      <c r="HO60" s="23"/>
      <c r="HP60" s="23"/>
      <c r="HQ60" s="23"/>
      <c r="HR60" s="23"/>
      <c r="HS60" s="23"/>
      <c r="HT60" s="23"/>
      <c r="HU60" s="23"/>
      <c r="HV60" s="23"/>
      <c r="HW60" s="23"/>
      <c r="HX60" s="23"/>
      <c r="HY60" s="23"/>
      <c r="HZ60" s="23"/>
      <c r="IA60" s="23"/>
      <c r="IB60" s="23"/>
      <c r="IC60" s="23"/>
      <c r="ID60" s="23"/>
      <c r="IE60" s="23"/>
      <c r="IF60" s="23"/>
      <c r="IG60" s="23"/>
      <c r="IH60" s="23"/>
      <c r="II60" s="23"/>
      <c r="IJ60" s="23"/>
      <c r="IK60" s="23"/>
      <c r="IL60" s="23"/>
      <c r="IM60" s="23"/>
      <c r="IN60" s="23"/>
      <c r="IO60" s="23"/>
      <c r="IP60" s="23"/>
      <c r="IQ60" s="23"/>
    </row>
    <row r="61" spans="1:251" s="17" customFormat="1" ht="18.75" customHeight="1">
      <c r="A61" s="34"/>
      <c r="B61" s="46"/>
      <c r="C61" s="130" t="s">
        <v>99</v>
      </c>
      <c r="D61" s="130"/>
      <c r="E61" s="130"/>
      <c r="F61" s="130"/>
      <c r="G61" s="130"/>
      <c r="H61" s="130"/>
      <c r="I61" s="130"/>
      <c r="J61" s="130"/>
      <c r="K61" s="130"/>
      <c r="L61" s="130"/>
      <c r="M61" s="130"/>
      <c r="N61" s="130"/>
      <c r="O61" s="130"/>
      <c r="P61" s="130"/>
      <c r="Q61" s="130"/>
      <c r="R61" s="130"/>
      <c r="S61" s="130"/>
      <c r="T61" s="130"/>
      <c r="U61" s="130"/>
      <c r="V61" s="130"/>
      <c r="W61" s="130"/>
      <c r="X61" s="130"/>
      <c r="Y61" s="130"/>
      <c r="Z61" s="131"/>
      <c r="AA61" s="132">
        <v>192258</v>
      </c>
      <c r="AB61" s="173"/>
      <c r="AC61" s="173"/>
      <c r="AD61" s="173"/>
      <c r="AE61" s="173"/>
      <c r="AF61" s="173"/>
      <c r="AG61" s="173"/>
      <c r="AH61" s="173"/>
      <c r="AI61" s="174"/>
      <c r="AJ61" s="132">
        <v>199206</v>
      </c>
      <c r="AK61" s="173"/>
      <c r="AL61" s="173"/>
      <c r="AM61" s="173"/>
      <c r="AN61" s="173"/>
      <c r="AO61" s="173"/>
      <c r="AP61" s="173"/>
      <c r="AQ61" s="173"/>
      <c r="AR61" s="174"/>
      <c r="AS61" s="132"/>
      <c r="AT61" s="173"/>
      <c r="AU61" s="173"/>
      <c r="AV61" s="173"/>
      <c r="AW61" s="173"/>
      <c r="AX61" s="175"/>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row>
    <row r="62" spans="1:251" s="17" customFormat="1" ht="18.75" customHeight="1">
      <c r="A62" s="34"/>
      <c r="B62" s="47"/>
      <c r="C62" s="130" t="s">
        <v>110</v>
      </c>
      <c r="D62" s="130"/>
      <c r="E62" s="130"/>
      <c r="F62" s="130"/>
      <c r="G62" s="130"/>
      <c r="H62" s="130"/>
      <c r="I62" s="130"/>
      <c r="J62" s="130"/>
      <c r="K62" s="130"/>
      <c r="L62" s="130"/>
      <c r="M62" s="130"/>
      <c r="N62" s="130"/>
      <c r="O62" s="130"/>
      <c r="P62" s="130"/>
      <c r="Q62" s="130"/>
      <c r="R62" s="130"/>
      <c r="S62" s="130"/>
      <c r="T62" s="130"/>
      <c r="U62" s="130"/>
      <c r="V62" s="130"/>
      <c r="W62" s="130"/>
      <c r="X62" s="130"/>
      <c r="Y62" s="130"/>
      <c r="Z62" s="131"/>
      <c r="AA62" s="132">
        <v>142971</v>
      </c>
      <c r="AB62" s="171"/>
      <c r="AC62" s="171"/>
      <c r="AD62" s="171"/>
      <c r="AE62" s="171"/>
      <c r="AF62" s="171"/>
      <c r="AG62" s="171"/>
      <c r="AH62" s="171"/>
      <c r="AI62" s="172"/>
      <c r="AJ62" s="132">
        <v>161873</v>
      </c>
      <c r="AK62" s="173"/>
      <c r="AL62" s="173"/>
      <c r="AM62" s="173"/>
      <c r="AN62" s="173"/>
      <c r="AO62" s="173"/>
      <c r="AP62" s="173"/>
      <c r="AQ62" s="173"/>
      <c r="AR62" s="174"/>
      <c r="AS62" s="132"/>
      <c r="AT62" s="173"/>
      <c r="AU62" s="173"/>
      <c r="AV62" s="173"/>
      <c r="AW62" s="173"/>
      <c r="AX62" s="175"/>
      <c r="AY62" s="23"/>
      <c r="AZ62" s="23"/>
      <c r="BA62" s="23"/>
      <c r="BB62" s="23"/>
      <c r="BC62" s="23"/>
      <c r="BD62" s="23"/>
      <c r="BE62" s="23"/>
      <c r="BF62" s="23"/>
      <c r="BG62" s="23"/>
      <c r="BH62" s="23"/>
      <c r="BI62" s="23"/>
      <c r="BJ62" s="23"/>
      <c r="BK62" s="23"/>
      <c r="BL62" s="23"/>
      <c r="BM62" s="23"/>
      <c r="BN62" s="23"/>
      <c r="BO62" s="23"/>
      <c r="BP62" s="23"/>
      <c r="BQ62" s="23"/>
      <c r="BR62" s="23"/>
      <c r="BS62" s="23"/>
      <c r="BT62" s="23"/>
      <c r="BU62" s="23"/>
      <c r="BV62" s="23"/>
      <c r="BW62" s="23"/>
      <c r="BX62" s="23"/>
      <c r="BY62" s="23"/>
      <c r="BZ62" s="23"/>
      <c r="CA62" s="23"/>
      <c r="CB62" s="23"/>
      <c r="CC62" s="23"/>
      <c r="CD62" s="23"/>
      <c r="CE62" s="23"/>
      <c r="CF62" s="23"/>
      <c r="CG62" s="23"/>
      <c r="CH62" s="23"/>
      <c r="CI62" s="23"/>
      <c r="CJ62" s="23"/>
      <c r="CK62" s="23"/>
      <c r="CL62" s="23"/>
      <c r="CM62" s="23"/>
      <c r="CN62" s="23"/>
      <c r="CO62" s="23"/>
      <c r="CP62" s="23"/>
      <c r="CQ62" s="23"/>
      <c r="CR62" s="23"/>
      <c r="CS62" s="23"/>
      <c r="CT62" s="23"/>
      <c r="CU62" s="23"/>
      <c r="CV62" s="23"/>
      <c r="CW62" s="23"/>
      <c r="CX62" s="23"/>
      <c r="CY62" s="23"/>
      <c r="CZ62" s="23"/>
      <c r="DA62" s="23"/>
      <c r="DB62" s="23"/>
      <c r="DC62" s="23"/>
      <c r="DD62" s="23"/>
      <c r="DE62" s="23"/>
      <c r="DF62" s="23"/>
      <c r="DG62" s="23"/>
      <c r="DH62" s="23"/>
      <c r="DI62" s="23"/>
      <c r="DJ62" s="23"/>
      <c r="DK62" s="23"/>
      <c r="DL62" s="23"/>
      <c r="DM62" s="23"/>
      <c r="DN62" s="23"/>
      <c r="DO62" s="23"/>
      <c r="DP62" s="23"/>
      <c r="DQ62" s="23"/>
      <c r="DR62" s="23"/>
      <c r="DS62" s="23"/>
      <c r="DT62" s="23"/>
      <c r="DU62" s="23"/>
      <c r="DV62" s="23"/>
      <c r="DW62" s="23"/>
      <c r="DX62" s="23"/>
      <c r="DY62" s="23"/>
      <c r="DZ62" s="23"/>
      <c r="EA62" s="23"/>
      <c r="EB62" s="23"/>
      <c r="EC62" s="23"/>
      <c r="ED62" s="23"/>
      <c r="EE62" s="23"/>
      <c r="EF62" s="23"/>
      <c r="EG62" s="23"/>
      <c r="EH62" s="23"/>
      <c r="EI62" s="23"/>
      <c r="EJ62" s="23"/>
      <c r="EK62" s="23"/>
      <c r="EL62" s="23"/>
      <c r="EM62" s="23"/>
      <c r="EN62" s="23"/>
      <c r="EO62" s="23"/>
      <c r="EP62" s="23"/>
      <c r="EQ62" s="23"/>
      <c r="ER62" s="23"/>
      <c r="ES62" s="23"/>
      <c r="ET62" s="23"/>
      <c r="EU62" s="23"/>
      <c r="EV62" s="23"/>
      <c r="EW62" s="23"/>
      <c r="EX62" s="23"/>
      <c r="EY62" s="23"/>
      <c r="EZ62" s="23"/>
      <c r="FA62" s="23"/>
      <c r="FB62" s="23"/>
      <c r="FC62" s="23"/>
      <c r="FD62" s="23"/>
      <c r="FE62" s="23"/>
      <c r="FF62" s="23"/>
      <c r="FG62" s="23"/>
      <c r="FH62" s="23"/>
      <c r="FI62" s="23"/>
      <c r="FJ62" s="23"/>
      <c r="FK62" s="23"/>
      <c r="FL62" s="23"/>
      <c r="FM62" s="23"/>
      <c r="FN62" s="23"/>
      <c r="FO62" s="23"/>
      <c r="FP62" s="23"/>
      <c r="FQ62" s="23"/>
      <c r="FR62" s="23"/>
      <c r="FS62" s="23"/>
      <c r="FT62" s="23"/>
      <c r="FU62" s="23"/>
      <c r="FV62" s="23"/>
      <c r="FW62" s="23"/>
      <c r="FX62" s="23"/>
      <c r="FY62" s="23"/>
      <c r="FZ62" s="23"/>
      <c r="GA62" s="23"/>
      <c r="GB62" s="23"/>
      <c r="GC62" s="23"/>
      <c r="GD62" s="23"/>
      <c r="GE62" s="23"/>
      <c r="GF62" s="23"/>
      <c r="GG62" s="23"/>
      <c r="GH62" s="23"/>
      <c r="GI62" s="23"/>
      <c r="GJ62" s="23"/>
      <c r="GK62" s="23"/>
      <c r="GL62" s="23"/>
      <c r="GM62" s="23"/>
      <c r="GN62" s="23"/>
      <c r="GO62" s="23"/>
      <c r="GP62" s="23"/>
      <c r="GQ62" s="23"/>
      <c r="GR62" s="23"/>
      <c r="GS62" s="23"/>
      <c r="GT62" s="23"/>
      <c r="GU62" s="23"/>
      <c r="GV62" s="23"/>
      <c r="GW62" s="23"/>
      <c r="GX62" s="23"/>
      <c r="GY62" s="23"/>
      <c r="GZ62" s="23"/>
      <c r="HA62" s="23"/>
      <c r="HB62" s="23"/>
      <c r="HC62" s="23"/>
      <c r="HD62" s="23"/>
      <c r="HE62" s="23"/>
      <c r="HF62" s="23"/>
      <c r="HG62" s="23"/>
      <c r="HH62" s="23"/>
      <c r="HI62" s="23"/>
      <c r="HJ62" s="23"/>
      <c r="HK62" s="23"/>
      <c r="HL62" s="23"/>
      <c r="HM62" s="23"/>
      <c r="HN62" s="23"/>
      <c r="HO62" s="23"/>
      <c r="HP62" s="23"/>
      <c r="HQ62" s="23"/>
      <c r="HR62" s="23"/>
      <c r="HS62" s="23"/>
      <c r="HT62" s="23"/>
      <c r="HU62" s="23"/>
      <c r="HV62" s="23"/>
      <c r="HW62" s="23"/>
      <c r="HX62" s="23"/>
      <c r="HY62" s="23"/>
      <c r="HZ62" s="23"/>
      <c r="IA62" s="23"/>
      <c r="IB62" s="23"/>
      <c r="IC62" s="23"/>
      <c r="ID62" s="23"/>
      <c r="IE62" s="23"/>
      <c r="IF62" s="23"/>
      <c r="IG62" s="23"/>
      <c r="IH62" s="23"/>
      <c r="II62" s="23"/>
      <c r="IJ62" s="23"/>
      <c r="IK62" s="23"/>
      <c r="IL62" s="23"/>
      <c r="IM62" s="23"/>
      <c r="IN62" s="23"/>
      <c r="IO62" s="23"/>
      <c r="IP62" s="23"/>
      <c r="IQ62" s="23"/>
    </row>
    <row r="63" spans="1:251" s="17" customFormat="1" ht="18.75" customHeight="1">
      <c r="A63" s="34"/>
      <c r="B63" s="47"/>
      <c r="C63" s="130" t="s">
        <v>111</v>
      </c>
      <c r="D63" s="130"/>
      <c r="E63" s="130"/>
      <c r="F63" s="130"/>
      <c r="G63" s="130"/>
      <c r="H63" s="130"/>
      <c r="I63" s="130"/>
      <c r="J63" s="130"/>
      <c r="K63" s="130"/>
      <c r="L63" s="130"/>
      <c r="M63" s="130"/>
      <c r="N63" s="130"/>
      <c r="O63" s="130"/>
      <c r="P63" s="130"/>
      <c r="Q63" s="130"/>
      <c r="R63" s="130"/>
      <c r="S63" s="130"/>
      <c r="T63" s="130"/>
      <c r="U63" s="130"/>
      <c r="V63" s="130"/>
      <c r="W63" s="130"/>
      <c r="X63" s="130"/>
      <c r="Y63" s="130"/>
      <c r="Z63" s="131"/>
      <c r="AA63" s="132">
        <v>813894</v>
      </c>
      <c r="AB63" s="171"/>
      <c r="AC63" s="171"/>
      <c r="AD63" s="171"/>
      <c r="AE63" s="171"/>
      <c r="AF63" s="171"/>
      <c r="AG63" s="171"/>
      <c r="AH63" s="171"/>
      <c r="AI63" s="172"/>
      <c r="AJ63" s="132">
        <v>1044157</v>
      </c>
      <c r="AK63" s="173"/>
      <c r="AL63" s="173"/>
      <c r="AM63" s="173"/>
      <c r="AN63" s="173"/>
      <c r="AO63" s="173"/>
      <c r="AP63" s="173"/>
      <c r="AQ63" s="173"/>
      <c r="AR63" s="174"/>
      <c r="AS63" s="132"/>
      <c r="AT63" s="173"/>
      <c r="AU63" s="173"/>
      <c r="AV63" s="173"/>
      <c r="AW63" s="173"/>
      <c r="AX63" s="175"/>
      <c r="AY63" s="23"/>
      <c r="AZ63" s="23"/>
      <c r="BA63" s="23"/>
      <c r="BB63" s="23"/>
      <c r="BC63" s="23"/>
      <c r="BD63" s="23"/>
      <c r="BE63" s="23"/>
      <c r="BF63" s="23"/>
      <c r="BG63" s="23"/>
      <c r="BH63" s="23"/>
      <c r="BI63" s="23"/>
      <c r="BJ63" s="23"/>
      <c r="BK63" s="23"/>
      <c r="BL63" s="23"/>
      <c r="BM63" s="23"/>
      <c r="BN63" s="23"/>
      <c r="BO63" s="23"/>
      <c r="BP63" s="23"/>
      <c r="BQ63" s="23"/>
      <c r="BR63" s="23"/>
      <c r="BS63" s="23"/>
      <c r="BT63" s="23"/>
      <c r="BU63" s="23"/>
      <c r="BV63" s="23"/>
      <c r="BW63" s="23"/>
      <c r="BX63" s="23"/>
      <c r="BY63" s="23"/>
      <c r="BZ63" s="23"/>
      <c r="CA63" s="23"/>
      <c r="CB63" s="23"/>
      <c r="CC63" s="23"/>
      <c r="CD63" s="23"/>
      <c r="CE63" s="23"/>
      <c r="CF63" s="23"/>
      <c r="CG63" s="23"/>
      <c r="CH63" s="23"/>
      <c r="CI63" s="23"/>
      <c r="CJ63" s="23"/>
      <c r="CK63" s="23"/>
      <c r="CL63" s="23"/>
      <c r="CM63" s="23"/>
      <c r="CN63" s="23"/>
      <c r="CO63" s="23"/>
      <c r="CP63" s="23"/>
      <c r="CQ63" s="23"/>
      <c r="CR63" s="23"/>
      <c r="CS63" s="23"/>
      <c r="CT63" s="23"/>
      <c r="CU63" s="23"/>
      <c r="CV63" s="23"/>
      <c r="CW63" s="23"/>
      <c r="CX63" s="23"/>
      <c r="CY63" s="23"/>
      <c r="CZ63" s="23"/>
      <c r="DA63" s="23"/>
      <c r="DB63" s="23"/>
      <c r="DC63" s="23"/>
      <c r="DD63" s="23"/>
      <c r="DE63" s="23"/>
      <c r="DF63" s="23"/>
      <c r="DG63" s="23"/>
      <c r="DH63" s="23"/>
      <c r="DI63" s="23"/>
      <c r="DJ63" s="23"/>
      <c r="DK63" s="23"/>
      <c r="DL63" s="23"/>
      <c r="DM63" s="23"/>
      <c r="DN63" s="23"/>
      <c r="DO63" s="23"/>
      <c r="DP63" s="23"/>
      <c r="DQ63" s="23"/>
      <c r="DR63" s="23"/>
      <c r="DS63" s="23"/>
      <c r="DT63" s="23"/>
      <c r="DU63" s="23"/>
      <c r="DV63" s="23"/>
      <c r="DW63" s="23"/>
      <c r="DX63" s="23"/>
      <c r="DY63" s="23"/>
      <c r="DZ63" s="23"/>
      <c r="EA63" s="23"/>
      <c r="EB63" s="23"/>
      <c r="EC63" s="23"/>
      <c r="ED63" s="23"/>
      <c r="EE63" s="23"/>
      <c r="EF63" s="23"/>
      <c r="EG63" s="23"/>
      <c r="EH63" s="23"/>
      <c r="EI63" s="23"/>
      <c r="EJ63" s="23"/>
      <c r="EK63" s="23"/>
      <c r="EL63" s="23"/>
      <c r="EM63" s="23"/>
      <c r="EN63" s="23"/>
      <c r="EO63" s="23"/>
      <c r="EP63" s="23"/>
      <c r="EQ63" s="23"/>
      <c r="ER63" s="23"/>
      <c r="ES63" s="23"/>
      <c r="ET63" s="23"/>
      <c r="EU63" s="23"/>
      <c r="EV63" s="23"/>
      <c r="EW63" s="23"/>
      <c r="EX63" s="23"/>
      <c r="EY63" s="23"/>
      <c r="EZ63" s="23"/>
      <c r="FA63" s="23"/>
      <c r="FB63" s="23"/>
      <c r="FC63" s="23"/>
      <c r="FD63" s="23"/>
      <c r="FE63" s="23"/>
      <c r="FF63" s="23"/>
      <c r="FG63" s="23"/>
      <c r="FH63" s="23"/>
      <c r="FI63" s="23"/>
      <c r="FJ63" s="23"/>
      <c r="FK63" s="23"/>
      <c r="FL63" s="23"/>
      <c r="FM63" s="23"/>
      <c r="FN63" s="23"/>
      <c r="FO63" s="23"/>
      <c r="FP63" s="23"/>
      <c r="FQ63" s="23"/>
      <c r="FR63" s="23"/>
      <c r="FS63" s="23"/>
      <c r="FT63" s="23"/>
      <c r="FU63" s="23"/>
      <c r="FV63" s="23"/>
      <c r="FW63" s="23"/>
      <c r="FX63" s="23"/>
      <c r="FY63" s="23"/>
      <c r="FZ63" s="23"/>
      <c r="GA63" s="23"/>
      <c r="GB63" s="23"/>
      <c r="GC63" s="23"/>
      <c r="GD63" s="23"/>
      <c r="GE63" s="23"/>
      <c r="GF63" s="23"/>
      <c r="GG63" s="23"/>
      <c r="GH63" s="23"/>
      <c r="GI63" s="23"/>
      <c r="GJ63" s="23"/>
      <c r="GK63" s="23"/>
      <c r="GL63" s="23"/>
      <c r="GM63" s="23"/>
      <c r="GN63" s="23"/>
      <c r="GO63" s="23"/>
      <c r="GP63" s="23"/>
      <c r="GQ63" s="23"/>
      <c r="GR63" s="23"/>
      <c r="GS63" s="23"/>
      <c r="GT63" s="23"/>
      <c r="GU63" s="23"/>
      <c r="GV63" s="23"/>
      <c r="GW63" s="23"/>
      <c r="GX63" s="23"/>
      <c r="GY63" s="23"/>
      <c r="GZ63" s="23"/>
      <c r="HA63" s="23"/>
      <c r="HB63" s="23"/>
      <c r="HC63" s="23"/>
      <c r="HD63" s="23"/>
      <c r="HE63" s="23"/>
      <c r="HF63" s="23"/>
      <c r="HG63" s="23"/>
      <c r="HH63" s="23"/>
      <c r="HI63" s="23"/>
      <c r="HJ63" s="23"/>
      <c r="HK63" s="23"/>
      <c r="HL63" s="23"/>
      <c r="HM63" s="23"/>
      <c r="HN63" s="23"/>
      <c r="HO63" s="23"/>
      <c r="HP63" s="23"/>
      <c r="HQ63" s="23"/>
      <c r="HR63" s="23"/>
      <c r="HS63" s="23"/>
      <c r="HT63" s="23"/>
      <c r="HU63" s="23"/>
      <c r="HV63" s="23"/>
      <c r="HW63" s="23"/>
      <c r="HX63" s="23"/>
      <c r="HY63" s="23"/>
      <c r="HZ63" s="23"/>
      <c r="IA63" s="23"/>
      <c r="IB63" s="23"/>
      <c r="IC63" s="23"/>
      <c r="ID63" s="23"/>
      <c r="IE63" s="23"/>
      <c r="IF63" s="23"/>
      <c r="IG63" s="23"/>
      <c r="IH63" s="23"/>
      <c r="II63" s="23"/>
      <c r="IJ63" s="23"/>
      <c r="IK63" s="23"/>
      <c r="IL63" s="23"/>
      <c r="IM63" s="23"/>
      <c r="IN63" s="23"/>
      <c r="IO63" s="23"/>
      <c r="IP63" s="23"/>
      <c r="IQ63" s="23"/>
    </row>
    <row r="64" spans="1:251" s="17" customFormat="1" ht="18.75" customHeight="1">
      <c r="A64" s="34"/>
      <c r="B64" s="47"/>
      <c r="C64" s="130" t="s">
        <v>112</v>
      </c>
      <c r="D64" s="130"/>
      <c r="E64" s="130"/>
      <c r="F64" s="130"/>
      <c r="G64" s="130"/>
      <c r="H64" s="130"/>
      <c r="I64" s="130"/>
      <c r="J64" s="130"/>
      <c r="K64" s="130"/>
      <c r="L64" s="130"/>
      <c r="M64" s="130"/>
      <c r="N64" s="130"/>
      <c r="O64" s="130"/>
      <c r="P64" s="130"/>
      <c r="Q64" s="130"/>
      <c r="R64" s="130"/>
      <c r="S64" s="130"/>
      <c r="T64" s="130"/>
      <c r="U64" s="130"/>
      <c r="V64" s="130"/>
      <c r="W64" s="130"/>
      <c r="X64" s="130"/>
      <c r="Y64" s="130"/>
      <c r="Z64" s="131"/>
      <c r="AA64" s="132">
        <v>223376</v>
      </c>
      <c r="AB64" s="171"/>
      <c r="AC64" s="171"/>
      <c r="AD64" s="171"/>
      <c r="AE64" s="171"/>
      <c r="AF64" s="171"/>
      <c r="AG64" s="171"/>
      <c r="AH64" s="171"/>
      <c r="AI64" s="172"/>
      <c r="AJ64" s="132">
        <v>247881</v>
      </c>
      <c r="AK64" s="173"/>
      <c r="AL64" s="173"/>
      <c r="AM64" s="173"/>
      <c r="AN64" s="173"/>
      <c r="AO64" s="173"/>
      <c r="AP64" s="173"/>
      <c r="AQ64" s="173"/>
      <c r="AR64" s="174"/>
      <c r="AS64" s="132"/>
      <c r="AT64" s="173"/>
      <c r="AU64" s="173"/>
      <c r="AV64" s="173"/>
      <c r="AW64" s="173"/>
      <c r="AX64" s="175"/>
      <c r="AY64" s="23"/>
      <c r="AZ64" s="23"/>
      <c r="BA64" s="23"/>
      <c r="BB64" s="23"/>
      <c r="BC64" s="23"/>
      <c r="BD64" s="23"/>
      <c r="BE64" s="23"/>
      <c r="BF64" s="23"/>
      <c r="BG64" s="23"/>
      <c r="BH64" s="23"/>
      <c r="BI64" s="23"/>
      <c r="BJ64" s="23"/>
      <c r="BK64" s="23"/>
      <c r="BL64" s="23"/>
      <c r="BM64" s="23"/>
      <c r="BN64" s="23"/>
      <c r="BO64" s="23"/>
      <c r="BP64" s="23"/>
      <c r="BQ64" s="23"/>
      <c r="BR64" s="23"/>
      <c r="BS64" s="23"/>
      <c r="BT64" s="23"/>
      <c r="BU64" s="23"/>
      <c r="BV64" s="23"/>
      <c r="BW64" s="23"/>
      <c r="BX64" s="23"/>
      <c r="BY64" s="23"/>
      <c r="BZ64" s="23"/>
      <c r="CA64" s="23"/>
      <c r="CB64" s="23"/>
      <c r="CC64" s="23"/>
      <c r="CD64" s="23"/>
      <c r="CE64" s="23"/>
      <c r="CF64" s="23"/>
      <c r="CG64" s="23"/>
      <c r="CH64" s="23"/>
      <c r="CI64" s="23"/>
      <c r="CJ64" s="23"/>
      <c r="CK64" s="23"/>
      <c r="CL64" s="23"/>
      <c r="CM64" s="23"/>
      <c r="CN64" s="23"/>
      <c r="CO64" s="23"/>
      <c r="CP64" s="23"/>
      <c r="CQ64" s="23"/>
      <c r="CR64" s="23"/>
      <c r="CS64" s="23"/>
      <c r="CT64" s="23"/>
      <c r="CU64" s="23"/>
      <c r="CV64" s="23"/>
      <c r="CW64" s="23"/>
      <c r="CX64" s="23"/>
      <c r="CY64" s="23"/>
      <c r="CZ64" s="23"/>
      <c r="DA64" s="23"/>
      <c r="DB64" s="23"/>
      <c r="DC64" s="23"/>
      <c r="DD64" s="23"/>
      <c r="DE64" s="23"/>
      <c r="DF64" s="23"/>
      <c r="DG64" s="23"/>
      <c r="DH64" s="23"/>
      <c r="DI64" s="23"/>
      <c r="DJ64" s="23"/>
      <c r="DK64" s="23"/>
      <c r="DL64" s="23"/>
      <c r="DM64" s="23"/>
      <c r="DN64" s="23"/>
      <c r="DO64" s="23"/>
      <c r="DP64" s="23"/>
      <c r="DQ64" s="23"/>
      <c r="DR64" s="23"/>
      <c r="DS64" s="23"/>
      <c r="DT64" s="23"/>
      <c r="DU64" s="23"/>
      <c r="DV64" s="23"/>
      <c r="DW64" s="23"/>
      <c r="DX64" s="23"/>
      <c r="DY64" s="23"/>
      <c r="DZ64" s="23"/>
      <c r="EA64" s="23"/>
      <c r="EB64" s="23"/>
      <c r="EC64" s="23"/>
      <c r="ED64" s="23"/>
      <c r="EE64" s="23"/>
      <c r="EF64" s="23"/>
      <c r="EG64" s="23"/>
      <c r="EH64" s="23"/>
      <c r="EI64" s="23"/>
      <c r="EJ64" s="23"/>
      <c r="EK64" s="23"/>
      <c r="EL64" s="23"/>
      <c r="EM64" s="23"/>
      <c r="EN64" s="23"/>
      <c r="EO64" s="23"/>
      <c r="EP64" s="23"/>
      <c r="EQ64" s="23"/>
      <c r="ER64" s="23"/>
      <c r="ES64" s="23"/>
      <c r="ET64" s="23"/>
      <c r="EU64" s="23"/>
      <c r="EV64" s="23"/>
      <c r="EW64" s="23"/>
      <c r="EX64" s="23"/>
      <c r="EY64" s="23"/>
      <c r="EZ64" s="23"/>
      <c r="FA64" s="23"/>
      <c r="FB64" s="23"/>
      <c r="FC64" s="23"/>
      <c r="FD64" s="23"/>
      <c r="FE64" s="23"/>
      <c r="FF64" s="23"/>
      <c r="FG64" s="23"/>
      <c r="FH64" s="23"/>
      <c r="FI64" s="23"/>
      <c r="FJ64" s="23"/>
      <c r="FK64" s="23"/>
      <c r="FL64" s="23"/>
      <c r="FM64" s="23"/>
      <c r="FN64" s="23"/>
      <c r="FO64" s="23"/>
      <c r="FP64" s="23"/>
      <c r="FQ64" s="23"/>
      <c r="FR64" s="23"/>
      <c r="FS64" s="23"/>
      <c r="FT64" s="23"/>
      <c r="FU64" s="23"/>
      <c r="FV64" s="23"/>
      <c r="FW64" s="23"/>
      <c r="FX64" s="23"/>
      <c r="FY64" s="23"/>
      <c r="FZ64" s="23"/>
      <c r="GA64" s="23"/>
      <c r="GB64" s="23"/>
      <c r="GC64" s="23"/>
      <c r="GD64" s="23"/>
      <c r="GE64" s="23"/>
      <c r="GF64" s="23"/>
      <c r="GG64" s="23"/>
      <c r="GH64" s="23"/>
      <c r="GI64" s="23"/>
      <c r="GJ64" s="23"/>
      <c r="GK64" s="23"/>
      <c r="GL64" s="23"/>
      <c r="GM64" s="23"/>
      <c r="GN64" s="23"/>
      <c r="GO64" s="23"/>
      <c r="GP64" s="23"/>
      <c r="GQ64" s="23"/>
      <c r="GR64" s="23"/>
      <c r="GS64" s="23"/>
      <c r="GT64" s="23"/>
      <c r="GU64" s="23"/>
      <c r="GV64" s="23"/>
      <c r="GW64" s="23"/>
      <c r="GX64" s="23"/>
      <c r="GY64" s="23"/>
      <c r="GZ64" s="23"/>
      <c r="HA64" s="23"/>
      <c r="HB64" s="23"/>
      <c r="HC64" s="23"/>
      <c r="HD64" s="23"/>
      <c r="HE64" s="23"/>
      <c r="HF64" s="23"/>
      <c r="HG64" s="23"/>
      <c r="HH64" s="23"/>
      <c r="HI64" s="23"/>
      <c r="HJ64" s="23"/>
      <c r="HK64" s="23"/>
      <c r="HL64" s="23"/>
      <c r="HM64" s="23"/>
      <c r="HN64" s="23"/>
      <c r="HO64" s="23"/>
      <c r="HP64" s="23"/>
      <c r="HQ64" s="23"/>
      <c r="HR64" s="23"/>
      <c r="HS64" s="23"/>
      <c r="HT64" s="23"/>
      <c r="HU64" s="23"/>
      <c r="HV64" s="23"/>
      <c r="HW64" s="23"/>
      <c r="HX64" s="23"/>
      <c r="HY64" s="23"/>
      <c r="HZ64" s="23"/>
      <c r="IA64" s="23"/>
      <c r="IB64" s="23"/>
      <c r="IC64" s="23"/>
      <c r="ID64" s="23"/>
      <c r="IE64" s="23"/>
      <c r="IF64" s="23"/>
      <c r="IG64" s="23"/>
      <c r="IH64" s="23"/>
      <c r="II64" s="23"/>
      <c r="IJ64" s="23"/>
      <c r="IK64" s="23"/>
      <c r="IL64" s="23"/>
      <c r="IM64" s="23"/>
      <c r="IN64" s="23"/>
      <c r="IO64" s="23"/>
      <c r="IP64" s="23"/>
      <c r="IQ64" s="23"/>
    </row>
    <row r="65" spans="1:251" s="17" customFormat="1" ht="18.75" customHeight="1">
      <c r="A65" s="34"/>
      <c r="B65" s="48"/>
      <c r="C65" s="130" t="s">
        <v>103</v>
      </c>
      <c r="D65" s="130"/>
      <c r="E65" s="130"/>
      <c r="F65" s="130"/>
      <c r="G65" s="130"/>
      <c r="H65" s="130"/>
      <c r="I65" s="130"/>
      <c r="J65" s="130"/>
      <c r="K65" s="130"/>
      <c r="L65" s="130"/>
      <c r="M65" s="130"/>
      <c r="N65" s="130"/>
      <c r="O65" s="130"/>
      <c r="P65" s="130"/>
      <c r="Q65" s="130"/>
      <c r="R65" s="130"/>
      <c r="S65" s="130"/>
      <c r="T65" s="130"/>
      <c r="U65" s="130"/>
      <c r="V65" s="130"/>
      <c r="W65" s="130"/>
      <c r="X65" s="130"/>
      <c r="Y65" s="130"/>
      <c r="Z65" s="131"/>
      <c r="AA65" s="132">
        <v>12229</v>
      </c>
      <c r="AB65" s="171"/>
      <c r="AC65" s="171"/>
      <c r="AD65" s="171"/>
      <c r="AE65" s="171"/>
      <c r="AF65" s="171"/>
      <c r="AG65" s="171"/>
      <c r="AH65" s="171"/>
      <c r="AI65" s="172"/>
      <c r="AJ65" s="132">
        <v>13616</v>
      </c>
      <c r="AK65" s="173"/>
      <c r="AL65" s="173"/>
      <c r="AM65" s="173"/>
      <c r="AN65" s="173"/>
      <c r="AO65" s="173"/>
      <c r="AP65" s="173"/>
      <c r="AQ65" s="173"/>
      <c r="AR65" s="174"/>
      <c r="AS65" s="136"/>
      <c r="AT65" s="176"/>
      <c r="AU65" s="176"/>
      <c r="AV65" s="176"/>
      <c r="AW65" s="176"/>
      <c r="AX65" s="177"/>
      <c r="AY65" s="23"/>
      <c r="AZ65" s="23"/>
      <c r="BA65" s="23"/>
      <c r="BB65" s="23"/>
      <c r="BC65" s="23"/>
      <c r="BD65" s="23"/>
      <c r="BE65" s="23"/>
      <c r="BF65" s="23"/>
      <c r="BG65" s="23"/>
      <c r="BH65" s="23"/>
      <c r="BI65" s="23"/>
      <c r="BJ65" s="23"/>
      <c r="BK65" s="23"/>
      <c r="BL65" s="23"/>
      <c r="BM65" s="23"/>
      <c r="BN65" s="23"/>
      <c r="BO65" s="23"/>
      <c r="BP65" s="23"/>
      <c r="BQ65" s="23"/>
      <c r="BR65" s="23"/>
      <c r="BS65" s="23"/>
      <c r="BT65" s="23"/>
      <c r="BU65" s="23"/>
      <c r="BV65" s="23"/>
      <c r="BW65" s="23"/>
      <c r="BX65" s="23"/>
      <c r="BY65" s="23"/>
      <c r="BZ65" s="23"/>
      <c r="CA65" s="23"/>
      <c r="CB65" s="23"/>
      <c r="CC65" s="23"/>
      <c r="CD65" s="23"/>
      <c r="CE65" s="23"/>
      <c r="CF65" s="23"/>
      <c r="CG65" s="23"/>
      <c r="CH65" s="23"/>
      <c r="CI65" s="23"/>
      <c r="CJ65" s="23"/>
      <c r="CK65" s="23"/>
      <c r="CL65" s="23"/>
      <c r="CM65" s="23"/>
      <c r="CN65" s="23"/>
      <c r="CO65" s="23"/>
      <c r="CP65" s="23"/>
      <c r="CQ65" s="23"/>
      <c r="CR65" s="23"/>
      <c r="CS65" s="23"/>
      <c r="CT65" s="23"/>
      <c r="CU65" s="23"/>
      <c r="CV65" s="23"/>
      <c r="CW65" s="23"/>
      <c r="CX65" s="23"/>
      <c r="CY65" s="23"/>
      <c r="CZ65" s="23"/>
      <c r="DA65" s="23"/>
      <c r="DB65" s="23"/>
      <c r="DC65" s="23"/>
      <c r="DD65" s="23"/>
      <c r="DE65" s="23"/>
      <c r="DF65" s="23"/>
      <c r="DG65" s="23"/>
      <c r="DH65" s="23"/>
      <c r="DI65" s="23"/>
      <c r="DJ65" s="23"/>
      <c r="DK65" s="23"/>
      <c r="DL65" s="23"/>
      <c r="DM65" s="23"/>
      <c r="DN65" s="23"/>
      <c r="DO65" s="23"/>
      <c r="DP65" s="23"/>
      <c r="DQ65" s="23"/>
      <c r="DR65" s="23"/>
      <c r="DS65" s="23"/>
      <c r="DT65" s="23"/>
      <c r="DU65" s="23"/>
      <c r="DV65" s="23"/>
      <c r="DW65" s="23"/>
      <c r="DX65" s="23"/>
      <c r="DY65" s="23"/>
      <c r="DZ65" s="23"/>
      <c r="EA65" s="23"/>
      <c r="EB65" s="23"/>
      <c r="EC65" s="23"/>
      <c r="ED65" s="23"/>
      <c r="EE65" s="23"/>
      <c r="EF65" s="23"/>
      <c r="EG65" s="23"/>
      <c r="EH65" s="23"/>
      <c r="EI65" s="23"/>
      <c r="EJ65" s="23"/>
      <c r="EK65" s="23"/>
      <c r="EL65" s="23"/>
      <c r="EM65" s="23"/>
      <c r="EN65" s="23"/>
      <c r="EO65" s="23"/>
      <c r="EP65" s="23"/>
      <c r="EQ65" s="23"/>
      <c r="ER65" s="23"/>
      <c r="ES65" s="23"/>
      <c r="ET65" s="23"/>
      <c r="EU65" s="23"/>
      <c r="EV65" s="23"/>
      <c r="EW65" s="23"/>
      <c r="EX65" s="23"/>
      <c r="EY65" s="23"/>
      <c r="EZ65" s="23"/>
      <c r="FA65" s="23"/>
      <c r="FB65" s="23"/>
      <c r="FC65" s="23"/>
      <c r="FD65" s="23"/>
      <c r="FE65" s="23"/>
      <c r="FF65" s="23"/>
      <c r="FG65" s="23"/>
      <c r="FH65" s="23"/>
      <c r="FI65" s="23"/>
      <c r="FJ65" s="23"/>
      <c r="FK65" s="23"/>
      <c r="FL65" s="23"/>
      <c r="FM65" s="23"/>
      <c r="FN65" s="23"/>
      <c r="FO65" s="23"/>
      <c r="FP65" s="23"/>
      <c r="FQ65" s="23"/>
      <c r="FR65" s="23"/>
      <c r="FS65" s="23"/>
      <c r="FT65" s="23"/>
      <c r="FU65" s="23"/>
      <c r="FV65" s="23"/>
      <c r="FW65" s="23"/>
      <c r="FX65" s="23"/>
      <c r="FY65" s="23"/>
      <c r="FZ65" s="23"/>
      <c r="GA65" s="23"/>
      <c r="GB65" s="23"/>
      <c r="GC65" s="23"/>
      <c r="GD65" s="23"/>
      <c r="GE65" s="23"/>
      <c r="GF65" s="23"/>
      <c r="GG65" s="23"/>
      <c r="GH65" s="23"/>
      <c r="GI65" s="23"/>
      <c r="GJ65" s="23"/>
      <c r="GK65" s="23"/>
      <c r="GL65" s="23"/>
      <c r="GM65" s="23"/>
      <c r="GN65" s="23"/>
      <c r="GO65" s="23"/>
      <c r="GP65" s="23"/>
      <c r="GQ65" s="23"/>
      <c r="GR65" s="23"/>
      <c r="GS65" s="23"/>
      <c r="GT65" s="23"/>
      <c r="GU65" s="23"/>
      <c r="GV65" s="23"/>
      <c r="GW65" s="23"/>
      <c r="GX65" s="23"/>
      <c r="GY65" s="23"/>
      <c r="GZ65" s="23"/>
      <c r="HA65" s="23"/>
      <c r="HB65" s="23"/>
      <c r="HC65" s="23"/>
      <c r="HD65" s="23"/>
      <c r="HE65" s="23"/>
      <c r="HF65" s="23"/>
      <c r="HG65" s="23"/>
      <c r="HH65" s="23"/>
      <c r="HI65" s="23"/>
      <c r="HJ65" s="23"/>
      <c r="HK65" s="23"/>
      <c r="HL65" s="23"/>
      <c r="HM65" s="23"/>
      <c r="HN65" s="23"/>
      <c r="HO65" s="23"/>
      <c r="HP65" s="23"/>
      <c r="HQ65" s="23"/>
      <c r="HR65" s="23"/>
      <c r="HS65" s="23"/>
      <c r="HT65" s="23"/>
      <c r="HU65" s="23"/>
      <c r="HV65" s="23"/>
      <c r="HW65" s="23"/>
      <c r="HX65" s="23"/>
      <c r="HY65" s="23"/>
      <c r="HZ65" s="23"/>
      <c r="IA65" s="23"/>
      <c r="IB65" s="23"/>
      <c r="IC65" s="23"/>
      <c r="ID65" s="23"/>
      <c r="IE65" s="23"/>
      <c r="IF65" s="23"/>
      <c r="IG65" s="23"/>
      <c r="IH65" s="23"/>
      <c r="II65" s="23"/>
      <c r="IJ65" s="23"/>
      <c r="IK65" s="23"/>
      <c r="IL65" s="23"/>
      <c r="IM65" s="23"/>
      <c r="IN65" s="23"/>
      <c r="IO65" s="23"/>
      <c r="IP65" s="23"/>
      <c r="IQ65" s="23"/>
    </row>
    <row r="66" spans="1:251" s="17" customFormat="1" ht="18.75" customHeight="1">
      <c r="A66" s="34"/>
      <c r="B66" s="47"/>
      <c r="C66" s="130" t="s">
        <v>113</v>
      </c>
      <c r="D66" s="130"/>
      <c r="E66" s="130"/>
      <c r="F66" s="130"/>
      <c r="G66" s="130"/>
      <c r="H66" s="130"/>
      <c r="I66" s="130"/>
      <c r="J66" s="130"/>
      <c r="K66" s="130"/>
      <c r="L66" s="130"/>
      <c r="M66" s="130"/>
      <c r="N66" s="130"/>
      <c r="O66" s="130"/>
      <c r="P66" s="130"/>
      <c r="Q66" s="130"/>
      <c r="R66" s="130"/>
      <c r="S66" s="130"/>
      <c r="T66" s="130"/>
      <c r="U66" s="130"/>
      <c r="V66" s="130"/>
      <c r="W66" s="130"/>
      <c r="X66" s="130"/>
      <c r="Y66" s="130"/>
      <c r="Z66" s="131"/>
      <c r="AA66" s="132">
        <v>79224</v>
      </c>
      <c r="AB66" s="171"/>
      <c r="AC66" s="171"/>
      <c r="AD66" s="171"/>
      <c r="AE66" s="171"/>
      <c r="AF66" s="171"/>
      <c r="AG66" s="171"/>
      <c r="AH66" s="171"/>
      <c r="AI66" s="172"/>
      <c r="AJ66" s="132">
        <v>46402</v>
      </c>
      <c r="AK66" s="173"/>
      <c r="AL66" s="173"/>
      <c r="AM66" s="173"/>
      <c r="AN66" s="173"/>
      <c r="AO66" s="173"/>
      <c r="AP66" s="173"/>
      <c r="AQ66" s="173"/>
      <c r="AR66" s="174"/>
      <c r="AS66" s="132"/>
      <c r="AT66" s="173"/>
      <c r="AU66" s="173"/>
      <c r="AV66" s="173"/>
      <c r="AW66" s="173"/>
      <c r="AX66" s="175"/>
      <c r="AY66" s="23"/>
      <c r="AZ66" s="23"/>
      <c r="BA66" s="23"/>
      <c r="BB66" s="23"/>
      <c r="BC66" s="23"/>
      <c r="BD66" s="23"/>
      <c r="BE66" s="23"/>
      <c r="BF66" s="23"/>
      <c r="BG66" s="23"/>
      <c r="BH66" s="23"/>
      <c r="BI66" s="23"/>
      <c r="BJ66" s="23"/>
      <c r="BK66" s="23"/>
      <c r="BL66" s="23"/>
      <c r="BM66" s="23"/>
      <c r="BN66" s="23"/>
      <c r="BO66" s="23"/>
      <c r="BP66" s="23"/>
      <c r="BQ66" s="23"/>
      <c r="BR66" s="23"/>
      <c r="BS66" s="23"/>
      <c r="BT66" s="23"/>
      <c r="BU66" s="23"/>
      <c r="BV66" s="23"/>
      <c r="BW66" s="23"/>
      <c r="BX66" s="23"/>
      <c r="BY66" s="23"/>
      <c r="BZ66" s="23"/>
      <c r="CA66" s="23"/>
      <c r="CB66" s="23"/>
      <c r="CC66" s="23"/>
      <c r="CD66" s="23"/>
      <c r="CE66" s="23"/>
      <c r="CF66" s="23"/>
      <c r="CG66" s="23"/>
      <c r="CH66" s="23"/>
      <c r="CI66" s="23"/>
      <c r="CJ66" s="23"/>
      <c r="CK66" s="23"/>
      <c r="CL66" s="23"/>
      <c r="CM66" s="23"/>
      <c r="CN66" s="23"/>
      <c r="CO66" s="23"/>
      <c r="CP66" s="23"/>
      <c r="CQ66" s="23"/>
      <c r="CR66" s="23"/>
      <c r="CS66" s="23"/>
      <c r="CT66" s="23"/>
      <c r="CU66" s="23"/>
      <c r="CV66" s="23"/>
      <c r="CW66" s="23"/>
      <c r="CX66" s="23"/>
      <c r="CY66" s="23"/>
      <c r="CZ66" s="23"/>
      <c r="DA66" s="23"/>
      <c r="DB66" s="23"/>
      <c r="DC66" s="23"/>
      <c r="DD66" s="23"/>
      <c r="DE66" s="23"/>
      <c r="DF66" s="23"/>
      <c r="DG66" s="23"/>
      <c r="DH66" s="23"/>
      <c r="DI66" s="23"/>
      <c r="DJ66" s="23"/>
      <c r="DK66" s="23"/>
      <c r="DL66" s="23"/>
      <c r="DM66" s="23"/>
      <c r="DN66" s="23"/>
      <c r="DO66" s="23"/>
      <c r="DP66" s="23"/>
      <c r="DQ66" s="23"/>
      <c r="DR66" s="23"/>
      <c r="DS66" s="23"/>
      <c r="DT66" s="23"/>
      <c r="DU66" s="23"/>
      <c r="DV66" s="23"/>
      <c r="DW66" s="23"/>
      <c r="DX66" s="23"/>
      <c r="DY66" s="23"/>
      <c r="DZ66" s="23"/>
      <c r="EA66" s="23"/>
      <c r="EB66" s="23"/>
      <c r="EC66" s="23"/>
      <c r="ED66" s="23"/>
      <c r="EE66" s="23"/>
      <c r="EF66" s="23"/>
      <c r="EG66" s="23"/>
      <c r="EH66" s="23"/>
      <c r="EI66" s="23"/>
      <c r="EJ66" s="23"/>
      <c r="EK66" s="23"/>
      <c r="EL66" s="23"/>
      <c r="EM66" s="23"/>
      <c r="EN66" s="23"/>
      <c r="EO66" s="23"/>
      <c r="EP66" s="23"/>
      <c r="EQ66" s="23"/>
      <c r="ER66" s="23"/>
      <c r="ES66" s="23"/>
      <c r="ET66" s="23"/>
      <c r="EU66" s="23"/>
      <c r="EV66" s="23"/>
      <c r="EW66" s="23"/>
      <c r="EX66" s="23"/>
      <c r="EY66" s="23"/>
      <c r="EZ66" s="23"/>
      <c r="FA66" s="23"/>
      <c r="FB66" s="23"/>
      <c r="FC66" s="23"/>
      <c r="FD66" s="23"/>
      <c r="FE66" s="23"/>
      <c r="FF66" s="23"/>
      <c r="FG66" s="23"/>
      <c r="FH66" s="23"/>
      <c r="FI66" s="23"/>
      <c r="FJ66" s="23"/>
      <c r="FK66" s="23"/>
      <c r="FL66" s="23"/>
      <c r="FM66" s="23"/>
      <c r="FN66" s="23"/>
      <c r="FO66" s="23"/>
      <c r="FP66" s="23"/>
      <c r="FQ66" s="23"/>
      <c r="FR66" s="23"/>
      <c r="FS66" s="23"/>
      <c r="FT66" s="23"/>
      <c r="FU66" s="23"/>
      <c r="FV66" s="23"/>
      <c r="FW66" s="23"/>
      <c r="FX66" s="23"/>
      <c r="FY66" s="23"/>
      <c r="FZ66" s="23"/>
      <c r="GA66" s="23"/>
      <c r="GB66" s="23"/>
      <c r="GC66" s="23"/>
      <c r="GD66" s="23"/>
      <c r="GE66" s="23"/>
      <c r="GF66" s="23"/>
      <c r="GG66" s="23"/>
      <c r="GH66" s="23"/>
      <c r="GI66" s="23"/>
      <c r="GJ66" s="23"/>
      <c r="GK66" s="23"/>
      <c r="GL66" s="23"/>
      <c r="GM66" s="23"/>
      <c r="GN66" s="23"/>
      <c r="GO66" s="23"/>
      <c r="GP66" s="23"/>
      <c r="GQ66" s="23"/>
      <c r="GR66" s="23"/>
      <c r="GS66" s="23"/>
      <c r="GT66" s="23"/>
      <c r="GU66" s="23"/>
      <c r="GV66" s="23"/>
      <c r="GW66" s="23"/>
      <c r="GX66" s="23"/>
      <c r="GY66" s="23"/>
      <c r="GZ66" s="23"/>
      <c r="HA66" s="23"/>
      <c r="HB66" s="23"/>
      <c r="HC66" s="23"/>
      <c r="HD66" s="23"/>
      <c r="HE66" s="23"/>
      <c r="HF66" s="23"/>
      <c r="HG66" s="23"/>
      <c r="HH66" s="23"/>
      <c r="HI66" s="23"/>
      <c r="HJ66" s="23"/>
      <c r="HK66" s="23"/>
      <c r="HL66" s="23"/>
      <c r="HM66" s="23"/>
      <c r="HN66" s="23"/>
      <c r="HO66" s="23"/>
      <c r="HP66" s="23"/>
      <c r="HQ66" s="23"/>
      <c r="HR66" s="23"/>
      <c r="HS66" s="23"/>
      <c r="HT66" s="23"/>
      <c r="HU66" s="23"/>
      <c r="HV66" s="23"/>
      <c r="HW66" s="23"/>
      <c r="HX66" s="23"/>
      <c r="HY66" s="23"/>
      <c r="HZ66" s="23"/>
      <c r="IA66" s="23"/>
      <c r="IB66" s="23"/>
      <c r="IC66" s="23"/>
      <c r="ID66" s="23"/>
      <c r="IE66" s="23"/>
      <c r="IF66" s="23"/>
      <c r="IG66" s="23"/>
      <c r="IH66" s="23"/>
      <c r="II66" s="23"/>
      <c r="IJ66" s="23"/>
      <c r="IK66" s="23"/>
      <c r="IL66" s="23"/>
      <c r="IM66" s="23"/>
      <c r="IN66" s="23"/>
      <c r="IO66" s="23"/>
      <c r="IP66" s="23"/>
      <c r="IQ66" s="23"/>
    </row>
    <row r="67" spans="1:251" s="17" customFormat="1" ht="18.75" customHeight="1">
      <c r="A67" s="34"/>
      <c r="B67" s="48"/>
      <c r="C67" s="130"/>
      <c r="D67" s="130"/>
      <c r="E67" s="130"/>
      <c r="F67" s="130"/>
      <c r="G67" s="130"/>
      <c r="H67" s="130"/>
      <c r="I67" s="130"/>
      <c r="J67" s="130"/>
      <c r="K67" s="130"/>
      <c r="L67" s="130"/>
      <c r="M67" s="130"/>
      <c r="N67" s="130"/>
      <c r="O67" s="130"/>
      <c r="P67" s="130"/>
      <c r="Q67" s="130"/>
      <c r="R67" s="130"/>
      <c r="S67" s="130"/>
      <c r="T67" s="130"/>
      <c r="U67" s="130"/>
      <c r="V67" s="130"/>
      <c r="W67" s="130"/>
      <c r="X67" s="130"/>
      <c r="Y67" s="130"/>
      <c r="Z67" s="131"/>
      <c r="AA67" s="132"/>
      <c r="AB67" s="171"/>
      <c r="AC67" s="171"/>
      <c r="AD67" s="171"/>
      <c r="AE67" s="171"/>
      <c r="AF67" s="171"/>
      <c r="AG67" s="171"/>
      <c r="AH67" s="171"/>
      <c r="AI67" s="172"/>
      <c r="AJ67" s="132"/>
      <c r="AK67" s="133"/>
      <c r="AL67" s="133"/>
      <c r="AM67" s="133"/>
      <c r="AN67" s="133"/>
      <c r="AO67" s="133"/>
      <c r="AP67" s="133"/>
      <c r="AQ67" s="133"/>
      <c r="AR67" s="134"/>
      <c r="AS67" s="132"/>
      <c r="AT67" s="173"/>
      <c r="AU67" s="173"/>
      <c r="AV67" s="173"/>
      <c r="AW67" s="173"/>
      <c r="AX67" s="175"/>
      <c r="AY67" s="23"/>
      <c r="AZ67" s="23"/>
      <c r="BA67" s="23"/>
      <c r="BB67" s="23"/>
      <c r="BC67" s="23"/>
      <c r="BD67" s="23"/>
      <c r="BE67" s="23"/>
      <c r="BF67" s="23"/>
      <c r="BG67" s="23"/>
      <c r="BH67" s="23"/>
      <c r="BI67" s="23"/>
      <c r="BJ67" s="23"/>
      <c r="BK67" s="23"/>
      <c r="BL67" s="23"/>
      <c r="BM67" s="23"/>
      <c r="BN67" s="23"/>
      <c r="BO67" s="23"/>
      <c r="BP67" s="23"/>
      <c r="BQ67" s="23"/>
      <c r="BR67" s="23"/>
      <c r="BS67" s="23"/>
      <c r="BT67" s="23"/>
      <c r="BU67" s="23"/>
      <c r="BV67" s="23"/>
      <c r="BW67" s="23"/>
      <c r="BX67" s="23"/>
      <c r="BY67" s="23"/>
      <c r="BZ67" s="23"/>
      <c r="CA67" s="23"/>
      <c r="CB67" s="23"/>
      <c r="CC67" s="23"/>
      <c r="CD67" s="23"/>
      <c r="CE67" s="23"/>
      <c r="CF67" s="23"/>
      <c r="CG67" s="23"/>
      <c r="CH67" s="23"/>
      <c r="CI67" s="23"/>
      <c r="CJ67" s="23"/>
      <c r="CK67" s="23"/>
      <c r="CL67" s="23"/>
      <c r="CM67" s="23"/>
      <c r="CN67" s="23"/>
      <c r="CO67" s="23"/>
      <c r="CP67" s="23"/>
      <c r="CQ67" s="23"/>
      <c r="CR67" s="23"/>
      <c r="CS67" s="23"/>
      <c r="CT67" s="23"/>
      <c r="CU67" s="23"/>
      <c r="CV67" s="23"/>
      <c r="CW67" s="23"/>
      <c r="CX67" s="23"/>
      <c r="CY67" s="23"/>
      <c r="CZ67" s="23"/>
      <c r="DA67" s="23"/>
      <c r="DB67" s="23"/>
      <c r="DC67" s="23"/>
      <c r="DD67" s="23"/>
      <c r="DE67" s="23"/>
      <c r="DF67" s="23"/>
      <c r="DG67" s="23"/>
      <c r="DH67" s="23"/>
      <c r="DI67" s="23"/>
      <c r="DJ67" s="23"/>
      <c r="DK67" s="23"/>
      <c r="DL67" s="23"/>
      <c r="DM67" s="23"/>
      <c r="DN67" s="23"/>
      <c r="DO67" s="23"/>
      <c r="DP67" s="23"/>
      <c r="DQ67" s="23"/>
      <c r="DR67" s="23"/>
      <c r="DS67" s="23"/>
      <c r="DT67" s="23"/>
      <c r="DU67" s="23"/>
      <c r="DV67" s="23"/>
      <c r="DW67" s="23"/>
      <c r="DX67" s="23"/>
      <c r="DY67" s="23"/>
      <c r="DZ67" s="23"/>
      <c r="EA67" s="23"/>
      <c r="EB67" s="23"/>
      <c r="EC67" s="23"/>
      <c r="ED67" s="23"/>
      <c r="EE67" s="23"/>
      <c r="EF67" s="23"/>
      <c r="EG67" s="23"/>
      <c r="EH67" s="23"/>
      <c r="EI67" s="23"/>
      <c r="EJ67" s="23"/>
      <c r="EK67" s="23"/>
      <c r="EL67" s="23"/>
      <c r="EM67" s="23"/>
      <c r="EN67" s="23"/>
      <c r="EO67" s="23"/>
      <c r="EP67" s="23"/>
      <c r="EQ67" s="23"/>
      <c r="ER67" s="23"/>
      <c r="ES67" s="23"/>
      <c r="ET67" s="23"/>
      <c r="EU67" s="23"/>
      <c r="EV67" s="23"/>
      <c r="EW67" s="23"/>
      <c r="EX67" s="23"/>
      <c r="EY67" s="23"/>
      <c r="EZ67" s="23"/>
      <c r="FA67" s="23"/>
      <c r="FB67" s="23"/>
      <c r="FC67" s="23"/>
      <c r="FD67" s="23"/>
      <c r="FE67" s="23"/>
      <c r="FF67" s="23"/>
      <c r="FG67" s="23"/>
      <c r="FH67" s="23"/>
      <c r="FI67" s="23"/>
      <c r="FJ67" s="23"/>
      <c r="FK67" s="23"/>
      <c r="FL67" s="23"/>
      <c r="FM67" s="23"/>
      <c r="FN67" s="23"/>
      <c r="FO67" s="23"/>
      <c r="FP67" s="23"/>
      <c r="FQ67" s="23"/>
      <c r="FR67" s="23"/>
      <c r="FS67" s="23"/>
      <c r="FT67" s="23"/>
      <c r="FU67" s="23"/>
      <c r="FV67" s="23"/>
      <c r="FW67" s="23"/>
      <c r="FX67" s="23"/>
      <c r="FY67" s="23"/>
      <c r="FZ67" s="23"/>
      <c r="GA67" s="23"/>
      <c r="GB67" s="23"/>
      <c r="GC67" s="23"/>
      <c r="GD67" s="23"/>
      <c r="GE67" s="23"/>
      <c r="GF67" s="23"/>
      <c r="GG67" s="23"/>
      <c r="GH67" s="23"/>
      <c r="GI67" s="23"/>
      <c r="GJ67" s="23"/>
      <c r="GK67" s="23"/>
      <c r="GL67" s="23"/>
      <c r="GM67" s="23"/>
      <c r="GN67" s="23"/>
      <c r="GO67" s="23"/>
      <c r="GP67" s="23"/>
      <c r="GQ67" s="23"/>
      <c r="GR67" s="23"/>
      <c r="GS67" s="23"/>
      <c r="GT67" s="23"/>
      <c r="GU67" s="23"/>
      <c r="GV67" s="23"/>
      <c r="GW67" s="23"/>
      <c r="GX67" s="23"/>
      <c r="GY67" s="23"/>
      <c r="GZ67" s="23"/>
      <c r="HA67" s="23"/>
      <c r="HB67" s="23"/>
      <c r="HC67" s="23"/>
      <c r="HD67" s="23"/>
      <c r="HE67" s="23"/>
      <c r="HF67" s="23"/>
      <c r="HG67" s="23"/>
      <c r="HH67" s="23"/>
      <c r="HI67" s="23"/>
      <c r="HJ67" s="23"/>
      <c r="HK67" s="23"/>
      <c r="HL67" s="23"/>
      <c r="HM67" s="23"/>
      <c r="HN67" s="23"/>
      <c r="HO67" s="23"/>
      <c r="HP67" s="23"/>
      <c r="HQ67" s="23"/>
      <c r="HR67" s="23"/>
      <c r="HS67" s="23"/>
      <c r="HT67" s="23"/>
      <c r="HU67" s="23"/>
      <c r="HV67" s="23"/>
      <c r="HW67" s="23"/>
      <c r="HX67" s="23"/>
      <c r="HY67" s="23"/>
      <c r="HZ67" s="23"/>
      <c r="IA67" s="23"/>
      <c r="IB67" s="23"/>
      <c r="IC67" s="23"/>
      <c r="ID67" s="23"/>
      <c r="IE67" s="23"/>
      <c r="IF67" s="23"/>
      <c r="IG67" s="23"/>
      <c r="IH67" s="23"/>
      <c r="II67" s="23"/>
      <c r="IJ67" s="23"/>
      <c r="IK67" s="23"/>
      <c r="IL67" s="23"/>
      <c r="IM67" s="23"/>
      <c r="IN67" s="23"/>
      <c r="IO67" s="23"/>
      <c r="IP67" s="23"/>
      <c r="IQ67" s="23"/>
    </row>
    <row r="68" spans="1:251" s="17" customFormat="1" ht="18.75" customHeight="1" thickBot="1">
      <c r="A68" s="34"/>
      <c r="B68" s="49"/>
      <c r="C68" s="158"/>
      <c r="D68" s="158"/>
      <c r="E68" s="158"/>
      <c r="F68" s="158"/>
      <c r="G68" s="158"/>
      <c r="H68" s="158"/>
      <c r="I68" s="158"/>
      <c r="J68" s="158"/>
      <c r="K68" s="158"/>
      <c r="L68" s="158"/>
      <c r="M68" s="158"/>
      <c r="N68" s="158"/>
      <c r="O68" s="158"/>
      <c r="P68" s="158"/>
      <c r="Q68" s="158"/>
      <c r="R68" s="158"/>
      <c r="S68" s="158"/>
      <c r="T68" s="158"/>
      <c r="U68" s="158"/>
      <c r="V68" s="158"/>
      <c r="W68" s="158"/>
      <c r="X68" s="158"/>
      <c r="Y68" s="158"/>
      <c r="Z68" s="159"/>
      <c r="AA68" s="160"/>
      <c r="AB68" s="186"/>
      <c r="AC68" s="186"/>
      <c r="AD68" s="186"/>
      <c r="AE68" s="186"/>
      <c r="AF68" s="186"/>
      <c r="AG68" s="186"/>
      <c r="AH68" s="186"/>
      <c r="AI68" s="187"/>
      <c r="AJ68" s="160"/>
      <c r="AK68" s="161"/>
      <c r="AL68" s="161"/>
      <c r="AM68" s="161"/>
      <c r="AN68" s="161"/>
      <c r="AO68" s="161"/>
      <c r="AP68" s="161"/>
      <c r="AQ68" s="161"/>
      <c r="AR68" s="162"/>
      <c r="AS68" s="188"/>
      <c r="AT68" s="189"/>
      <c r="AU68" s="189"/>
      <c r="AV68" s="189"/>
      <c r="AW68" s="189"/>
      <c r="AX68" s="190"/>
      <c r="AY68" s="23"/>
      <c r="AZ68" s="23"/>
      <c r="BA68" s="23"/>
      <c r="BB68" s="23"/>
      <c r="BC68" s="23"/>
      <c r="BD68" s="23"/>
      <c r="BE68" s="23"/>
      <c r="BF68" s="23"/>
      <c r="BG68" s="23"/>
      <c r="BH68" s="23"/>
      <c r="BI68" s="23"/>
      <c r="BJ68" s="23"/>
      <c r="BK68" s="23"/>
      <c r="BL68" s="23"/>
      <c r="BM68" s="23"/>
      <c r="BN68" s="23"/>
      <c r="BO68" s="23"/>
      <c r="BP68" s="23"/>
      <c r="BQ68" s="23"/>
      <c r="BR68" s="23"/>
      <c r="BS68" s="23"/>
      <c r="BT68" s="23"/>
      <c r="BU68" s="23"/>
      <c r="BV68" s="23"/>
      <c r="BW68" s="23"/>
      <c r="BX68" s="23"/>
      <c r="BY68" s="23"/>
      <c r="BZ68" s="23"/>
      <c r="CA68" s="23"/>
      <c r="CB68" s="23"/>
      <c r="CC68" s="23"/>
      <c r="CD68" s="23"/>
      <c r="CE68" s="23"/>
      <c r="CF68" s="23"/>
      <c r="CG68" s="23"/>
      <c r="CH68" s="23"/>
      <c r="CI68" s="23"/>
      <c r="CJ68" s="23"/>
      <c r="CK68" s="23"/>
      <c r="CL68" s="23"/>
      <c r="CM68" s="23"/>
      <c r="CN68" s="23"/>
      <c r="CO68" s="23"/>
      <c r="CP68" s="23"/>
      <c r="CQ68" s="23"/>
      <c r="CR68" s="23"/>
      <c r="CS68" s="23"/>
      <c r="CT68" s="23"/>
      <c r="CU68" s="23"/>
      <c r="CV68" s="23"/>
      <c r="CW68" s="23"/>
      <c r="CX68" s="23"/>
      <c r="CY68" s="23"/>
      <c r="CZ68" s="23"/>
      <c r="DA68" s="23"/>
      <c r="DB68" s="23"/>
      <c r="DC68" s="23"/>
      <c r="DD68" s="23"/>
      <c r="DE68" s="23"/>
      <c r="DF68" s="23"/>
      <c r="DG68" s="23"/>
      <c r="DH68" s="23"/>
      <c r="DI68" s="23"/>
      <c r="DJ68" s="23"/>
      <c r="DK68" s="23"/>
      <c r="DL68" s="23"/>
      <c r="DM68" s="23"/>
      <c r="DN68" s="23"/>
      <c r="DO68" s="23"/>
      <c r="DP68" s="23"/>
      <c r="DQ68" s="23"/>
      <c r="DR68" s="23"/>
      <c r="DS68" s="23"/>
      <c r="DT68" s="23"/>
      <c r="DU68" s="23"/>
      <c r="DV68" s="23"/>
      <c r="DW68" s="23"/>
      <c r="DX68" s="23"/>
      <c r="DY68" s="23"/>
      <c r="DZ68" s="23"/>
      <c r="EA68" s="23"/>
      <c r="EB68" s="23"/>
      <c r="EC68" s="23"/>
      <c r="ED68" s="23"/>
      <c r="EE68" s="23"/>
      <c r="EF68" s="23"/>
      <c r="EG68" s="23"/>
      <c r="EH68" s="23"/>
      <c r="EI68" s="23"/>
      <c r="EJ68" s="23"/>
      <c r="EK68" s="23"/>
      <c r="EL68" s="23"/>
      <c r="EM68" s="23"/>
      <c r="EN68" s="23"/>
      <c r="EO68" s="23"/>
      <c r="EP68" s="23"/>
      <c r="EQ68" s="23"/>
      <c r="ER68" s="23"/>
      <c r="ES68" s="23"/>
      <c r="ET68" s="23"/>
      <c r="EU68" s="23"/>
      <c r="EV68" s="23"/>
      <c r="EW68" s="23"/>
      <c r="EX68" s="23"/>
      <c r="EY68" s="23"/>
      <c r="EZ68" s="23"/>
      <c r="FA68" s="23"/>
      <c r="FB68" s="23"/>
      <c r="FC68" s="23"/>
      <c r="FD68" s="23"/>
      <c r="FE68" s="23"/>
      <c r="FF68" s="23"/>
      <c r="FG68" s="23"/>
      <c r="FH68" s="23"/>
      <c r="FI68" s="23"/>
      <c r="FJ68" s="23"/>
      <c r="FK68" s="23"/>
      <c r="FL68" s="23"/>
      <c r="FM68" s="23"/>
      <c r="FN68" s="23"/>
      <c r="FO68" s="23"/>
      <c r="FP68" s="23"/>
      <c r="FQ68" s="23"/>
      <c r="FR68" s="23"/>
      <c r="FS68" s="23"/>
      <c r="FT68" s="23"/>
      <c r="FU68" s="23"/>
      <c r="FV68" s="23"/>
      <c r="FW68" s="23"/>
      <c r="FX68" s="23"/>
      <c r="FY68" s="23"/>
      <c r="FZ68" s="23"/>
      <c r="GA68" s="23"/>
      <c r="GB68" s="23"/>
      <c r="GC68" s="23"/>
      <c r="GD68" s="23"/>
      <c r="GE68" s="23"/>
      <c r="GF68" s="23"/>
      <c r="GG68" s="23"/>
      <c r="GH68" s="23"/>
      <c r="GI68" s="23"/>
      <c r="GJ68" s="23"/>
      <c r="GK68" s="23"/>
      <c r="GL68" s="23"/>
      <c r="GM68" s="23"/>
      <c r="GN68" s="23"/>
      <c r="GO68" s="23"/>
      <c r="GP68" s="23"/>
      <c r="GQ68" s="23"/>
      <c r="GR68" s="23"/>
      <c r="GS68" s="23"/>
      <c r="GT68" s="23"/>
      <c r="GU68" s="23"/>
      <c r="GV68" s="23"/>
      <c r="GW68" s="23"/>
      <c r="GX68" s="23"/>
      <c r="GY68" s="23"/>
      <c r="GZ68" s="23"/>
      <c r="HA68" s="23"/>
      <c r="HB68" s="23"/>
      <c r="HC68" s="23"/>
      <c r="HD68" s="23"/>
      <c r="HE68" s="23"/>
      <c r="HF68" s="23"/>
      <c r="HG68" s="23"/>
      <c r="HH68" s="23"/>
      <c r="HI68" s="23"/>
      <c r="HJ68" s="23"/>
      <c r="HK68" s="23"/>
      <c r="HL68" s="23"/>
      <c r="HM68" s="23"/>
      <c r="HN68" s="23"/>
      <c r="HO68" s="23"/>
      <c r="HP68" s="23"/>
      <c r="HQ68" s="23"/>
      <c r="HR68" s="23"/>
      <c r="HS68" s="23"/>
      <c r="HT68" s="23"/>
      <c r="HU68" s="23"/>
      <c r="HV68" s="23"/>
      <c r="HW68" s="23"/>
      <c r="HX68" s="23"/>
      <c r="HY68" s="23"/>
      <c r="HZ68" s="23"/>
      <c r="IA68" s="23"/>
      <c r="IB68" s="23"/>
      <c r="IC68" s="23"/>
      <c r="ID68" s="23"/>
      <c r="IE68" s="23"/>
      <c r="IF68" s="23"/>
      <c r="IG68" s="23"/>
      <c r="IH68" s="23"/>
      <c r="II68" s="23"/>
      <c r="IJ68" s="23"/>
      <c r="IK68" s="23"/>
      <c r="IL68" s="23"/>
      <c r="IM68" s="23"/>
      <c r="IN68" s="23"/>
      <c r="IO68" s="23"/>
      <c r="IP68" s="23"/>
      <c r="IQ68" s="23"/>
    </row>
    <row r="69" spans="1:251" s="17" customFormat="1" ht="18.75" customHeight="1" thickTop="1" thickBot="1">
      <c r="A69" s="38"/>
      <c r="B69" s="164" t="s">
        <v>105</v>
      </c>
      <c r="C69" s="191"/>
      <c r="D69" s="191"/>
      <c r="E69" s="191"/>
      <c r="F69" s="191"/>
      <c r="G69" s="191"/>
      <c r="H69" s="191"/>
      <c r="I69" s="191"/>
      <c r="J69" s="191"/>
      <c r="K69" s="191"/>
      <c r="L69" s="191"/>
      <c r="M69" s="191"/>
      <c r="N69" s="191"/>
      <c r="O69" s="191"/>
      <c r="P69" s="191"/>
      <c r="Q69" s="191"/>
      <c r="R69" s="191"/>
      <c r="S69" s="191"/>
      <c r="T69" s="191"/>
      <c r="U69" s="191"/>
      <c r="V69" s="191"/>
      <c r="W69" s="191"/>
      <c r="X69" s="191"/>
      <c r="Y69" s="191"/>
      <c r="Z69" s="192"/>
      <c r="AA69" s="167">
        <f>SUM(AA61:AI68)</f>
        <v>1463952</v>
      </c>
      <c r="AB69" s="193"/>
      <c r="AC69" s="193"/>
      <c r="AD69" s="193"/>
      <c r="AE69" s="193"/>
      <c r="AF69" s="193"/>
      <c r="AG69" s="193"/>
      <c r="AH69" s="193"/>
      <c r="AI69" s="194"/>
      <c r="AJ69" s="167">
        <f>SUM(AJ61:AS68)</f>
        <v>1713135</v>
      </c>
      <c r="AK69" s="193"/>
      <c r="AL69" s="193"/>
      <c r="AM69" s="193"/>
      <c r="AN69" s="193"/>
      <c r="AO69" s="193"/>
      <c r="AP69" s="193"/>
      <c r="AQ69" s="193"/>
      <c r="AR69" s="194"/>
      <c r="AS69" s="167"/>
      <c r="AT69" s="193"/>
      <c r="AU69" s="193"/>
      <c r="AV69" s="193"/>
      <c r="AW69" s="193"/>
      <c r="AX69" s="195"/>
      <c r="AY69" s="23"/>
      <c r="AZ69" s="23"/>
      <c r="BA69" s="23"/>
      <c r="BB69" s="23"/>
      <c r="BC69" s="23"/>
      <c r="BD69" s="23"/>
      <c r="BE69" s="23"/>
      <c r="BF69" s="23"/>
      <c r="BG69" s="23"/>
      <c r="BH69" s="23"/>
      <c r="BI69" s="23"/>
      <c r="BJ69" s="23"/>
      <c r="BK69" s="23"/>
      <c r="BL69" s="23"/>
      <c r="BM69" s="23"/>
      <c r="BN69" s="23"/>
      <c r="BO69" s="23"/>
      <c r="BP69" s="23"/>
      <c r="BQ69" s="23"/>
      <c r="BR69" s="23"/>
      <c r="BS69" s="23"/>
      <c r="BT69" s="23"/>
      <c r="BU69" s="23"/>
      <c r="BV69" s="23"/>
      <c r="BW69" s="23"/>
      <c r="BX69" s="23"/>
      <c r="BY69" s="23"/>
      <c r="BZ69" s="23"/>
      <c r="CA69" s="23"/>
      <c r="CB69" s="23"/>
      <c r="CC69" s="23"/>
      <c r="CD69" s="23"/>
      <c r="CE69" s="23"/>
      <c r="CF69" s="23"/>
      <c r="CG69" s="23"/>
      <c r="CH69" s="23"/>
      <c r="CI69" s="23"/>
      <c r="CJ69" s="23"/>
      <c r="CK69" s="23"/>
      <c r="CL69" s="23"/>
      <c r="CM69" s="23"/>
      <c r="CN69" s="23"/>
      <c r="CO69" s="23"/>
      <c r="CP69" s="23"/>
      <c r="CQ69" s="23"/>
      <c r="CR69" s="23"/>
      <c r="CS69" s="23"/>
      <c r="CT69" s="23"/>
      <c r="CU69" s="23"/>
      <c r="CV69" s="23"/>
      <c r="CW69" s="23"/>
      <c r="CX69" s="23"/>
      <c r="CY69" s="23"/>
      <c r="CZ69" s="23"/>
      <c r="DA69" s="23"/>
      <c r="DB69" s="23"/>
      <c r="DC69" s="23"/>
      <c r="DD69" s="23"/>
      <c r="DE69" s="23"/>
      <c r="DF69" s="23"/>
      <c r="DG69" s="23"/>
      <c r="DH69" s="23"/>
      <c r="DI69" s="23"/>
      <c r="DJ69" s="23"/>
      <c r="DK69" s="23"/>
      <c r="DL69" s="23"/>
      <c r="DM69" s="23"/>
      <c r="DN69" s="23"/>
      <c r="DO69" s="23"/>
      <c r="DP69" s="23"/>
      <c r="DQ69" s="23"/>
      <c r="DR69" s="23"/>
      <c r="DS69" s="23"/>
      <c r="DT69" s="23"/>
      <c r="DU69" s="23"/>
      <c r="DV69" s="23"/>
      <c r="DW69" s="23"/>
      <c r="DX69" s="23"/>
      <c r="DY69" s="23"/>
      <c r="DZ69" s="23"/>
      <c r="EA69" s="23"/>
      <c r="EB69" s="23"/>
      <c r="EC69" s="23"/>
      <c r="ED69" s="23"/>
      <c r="EE69" s="23"/>
      <c r="EF69" s="23"/>
      <c r="EG69" s="23"/>
      <c r="EH69" s="23"/>
      <c r="EI69" s="23"/>
      <c r="EJ69" s="23"/>
      <c r="EK69" s="23"/>
      <c r="EL69" s="23"/>
      <c r="EM69" s="23"/>
      <c r="EN69" s="23"/>
      <c r="EO69" s="23"/>
      <c r="EP69" s="23"/>
      <c r="EQ69" s="23"/>
      <c r="ER69" s="23"/>
      <c r="ES69" s="23"/>
      <c r="ET69" s="23"/>
      <c r="EU69" s="23"/>
      <c r="EV69" s="23"/>
      <c r="EW69" s="23"/>
      <c r="EX69" s="23"/>
      <c r="EY69" s="23"/>
      <c r="EZ69" s="23"/>
      <c r="FA69" s="23"/>
      <c r="FB69" s="23"/>
      <c r="FC69" s="23"/>
      <c r="FD69" s="23"/>
      <c r="FE69" s="23"/>
      <c r="FF69" s="23"/>
      <c r="FG69" s="23"/>
      <c r="FH69" s="23"/>
      <c r="FI69" s="23"/>
      <c r="FJ69" s="23"/>
      <c r="FK69" s="23"/>
      <c r="FL69" s="23"/>
      <c r="FM69" s="23"/>
      <c r="FN69" s="23"/>
      <c r="FO69" s="23"/>
      <c r="FP69" s="23"/>
      <c r="FQ69" s="23"/>
      <c r="FR69" s="23"/>
      <c r="FS69" s="23"/>
      <c r="FT69" s="23"/>
      <c r="FU69" s="23"/>
      <c r="FV69" s="23"/>
      <c r="FW69" s="23"/>
      <c r="FX69" s="23"/>
      <c r="FY69" s="23"/>
      <c r="FZ69" s="23"/>
      <c r="GA69" s="23"/>
      <c r="GB69" s="23"/>
      <c r="GC69" s="23"/>
      <c r="GD69" s="23"/>
      <c r="GE69" s="23"/>
      <c r="GF69" s="23"/>
      <c r="GG69" s="23"/>
      <c r="GH69" s="23"/>
      <c r="GI69" s="23"/>
      <c r="GJ69" s="23"/>
      <c r="GK69" s="23"/>
      <c r="GL69" s="23"/>
      <c r="GM69" s="23"/>
      <c r="GN69" s="23"/>
      <c r="GO69" s="23"/>
      <c r="GP69" s="23"/>
      <c r="GQ69" s="23"/>
      <c r="GR69" s="23"/>
      <c r="GS69" s="23"/>
      <c r="GT69" s="23"/>
      <c r="GU69" s="23"/>
      <c r="GV69" s="23"/>
      <c r="GW69" s="23"/>
      <c r="GX69" s="23"/>
      <c r="GY69" s="23"/>
      <c r="GZ69" s="23"/>
      <c r="HA69" s="23"/>
      <c r="HB69" s="23"/>
      <c r="HC69" s="23"/>
      <c r="HD69" s="23"/>
      <c r="HE69" s="23"/>
      <c r="HF69" s="23"/>
      <c r="HG69" s="23"/>
      <c r="HH69" s="23"/>
      <c r="HI69" s="23"/>
      <c r="HJ69" s="23"/>
      <c r="HK69" s="23"/>
      <c r="HL69" s="23"/>
      <c r="HM69" s="23"/>
      <c r="HN69" s="23"/>
      <c r="HO69" s="23"/>
      <c r="HP69" s="23"/>
      <c r="HQ69" s="23"/>
      <c r="HR69" s="23"/>
      <c r="HS69" s="23"/>
      <c r="HT69" s="23"/>
      <c r="HU69" s="23"/>
      <c r="HV69" s="23"/>
      <c r="HW69" s="23"/>
      <c r="HX69" s="23"/>
      <c r="HY69" s="23"/>
      <c r="HZ69" s="23"/>
      <c r="IA69" s="23"/>
      <c r="IB69" s="23"/>
      <c r="IC69" s="23"/>
      <c r="ID69" s="23"/>
      <c r="IE69" s="23"/>
      <c r="IF69" s="23"/>
      <c r="IG69" s="23"/>
      <c r="IH69" s="23"/>
      <c r="II69" s="23"/>
      <c r="IJ69" s="23"/>
      <c r="IK69" s="23"/>
      <c r="IL69" s="23"/>
      <c r="IM69" s="23"/>
      <c r="IN69" s="23"/>
      <c r="IO69" s="23"/>
      <c r="IP69" s="23"/>
      <c r="IQ69" s="23"/>
    </row>
    <row r="71" spans="1:251" s="23" customFormat="1" ht="19.2">
      <c r="A71" s="22" t="s">
        <v>86</v>
      </c>
      <c r="AW71" s="24"/>
      <c r="AX71" s="25"/>
      <c r="AY71" s="24"/>
    </row>
    <row r="72" spans="1:251" s="23" customFormat="1" ht="13.2"/>
    <row r="73" spans="1:251" s="23" customFormat="1">
      <c r="A73" s="26"/>
      <c r="B73" s="115" t="s">
        <v>87</v>
      </c>
      <c r="C73" s="153"/>
      <c r="D73" s="153"/>
      <c r="E73" s="153"/>
      <c r="F73" s="153"/>
      <c r="G73" s="153"/>
      <c r="H73" s="153"/>
      <c r="I73" s="153"/>
      <c r="J73" s="153"/>
      <c r="K73" s="153"/>
      <c r="L73" s="153"/>
      <c r="M73" s="153"/>
      <c r="N73" s="153"/>
      <c r="O73" s="153"/>
      <c r="P73" s="153"/>
      <c r="Q73" s="153"/>
      <c r="R73" s="153"/>
      <c r="S73" s="153"/>
      <c r="T73" s="153"/>
      <c r="U73" s="153"/>
      <c r="V73" s="153"/>
      <c r="W73" s="153"/>
      <c r="X73" s="153"/>
      <c r="Y73" s="153"/>
      <c r="Z73" s="153"/>
      <c r="AA73" s="153"/>
      <c r="AB73" s="153"/>
      <c r="AC73" s="153"/>
      <c r="AD73" s="153"/>
      <c r="AE73" s="153"/>
      <c r="AF73" s="153"/>
      <c r="AG73" s="153"/>
      <c r="AH73" s="153"/>
      <c r="AI73" s="153"/>
      <c r="AJ73" s="153"/>
      <c r="AK73" s="153"/>
      <c r="AL73" s="153"/>
      <c r="AM73" s="153"/>
      <c r="AN73" s="153"/>
      <c r="AO73" s="153"/>
      <c r="AP73" s="153"/>
      <c r="AQ73" s="153"/>
      <c r="AR73" s="153"/>
      <c r="AS73" s="153"/>
      <c r="AT73" s="153"/>
      <c r="AU73" s="153"/>
      <c r="AV73" s="153"/>
      <c r="AW73" s="153"/>
      <c r="AX73" s="153"/>
      <c r="AY73" s="26"/>
    </row>
    <row r="74" spans="1:251" s="23" customFormat="1" ht="13.2">
      <c r="Z74" s="27"/>
      <c r="AD74" s="27"/>
      <c r="AE74" s="27"/>
      <c r="AF74" s="27"/>
      <c r="AG74" s="27"/>
      <c r="AH74" s="27"/>
      <c r="AI74" s="27"/>
      <c r="AO74" s="27"/>
    </row>
    <row r="75" spans="1:251" s="23" customFormat="1" ht="13.8" thickBot="1">
      <c r="Z75" s="27"/>
      <c r="AD75" s="27"/>
      <c r="AE75" s="27"/>
      <c r="AF75" s="27"/>
      <c r="AG75" s="27"/>
      <c r="AH75" s="27"/>
      <c r="AI75" s="27"/>
      <c r="AO75" s="27"/>
      <c r="DI75" s="28"/>
    </row>
    <row r="76" spans="1:251" s="23" customFormat="1" ht="24.6" customHeight="1" thickBot="1">
      <c r="A76" s="116" t="s">
        <v>88</v>
      </c>
      <c r="B76" s="117"/>
      <c r="C76" s="117"/>
      <c r="D76" s="117"/>
      <c r="E76" s="117"/>
      <c r="F76" s="117"/>
      <c r="G76" s="117"/>
      <c r="H76" s="117"/>
      <c r="I76" s="117"/>
      <c r="J76" s="117"/>
      <c r="K76" s="118"/>
      <c r="L76" s="154">
        <v>3</v>
      </c>
      <c r="M76" s="154"/>
      <c r="N76" s="154"/>
      <c r="O76" s="155"/>
      <c r="P76" s="122" t="s">
        <v>89</v>
      </c>
      <c r="Q76" s="120"/>
      <c r="R76" s="120"/>
      <c r="S76" s="120"/>
      <c r="T76" s="120"/>
      <c r="U76" s="123"/>
      <c r="V76" s="156" t="s">
        <v>120</v>
      </c>
      <c r="W76" s="156"/>
      <c r="X76" s="156"/>
      <c r="Y76" s="156"/>
      <c r="Z76" s="156"/>
      <c r="AA76" s="156"/>
      <c r="AB76" s="156"/>
      <c r="AC76" s="156"/>
      <c r="AD76" s="156"/>
      <c r="AE76" s="156"/>
      <c r="AF76" s="156"/>
      <c r="AG76" s="156"/>
      <c r="AH76" s="156"/>
      <c r="AI76" s="156"/>
      <c r="AJ76" s="156"/>
      <c r="AK76" s="156"/>
      <c r="AL76" s="156"/>
      <c r="AM76" s="156"/>
      <c r="AN76" s="156"/>
      <c r="AO76" s="156"/>
      <c r="AP76" s="156"/>
      <c r="AQ76" s="156"/>
      <c r="AR76" s="156"/>
      <c r="AS76" s="156"/>
      <c r="AT76" s="156"/>
      <c r="AU76" s="156"/>
      <c r="AV76" s="156"/>
      <c r="AW76" s="156"/>
      <c r="AX76" s="157"/>
      <c r="DI76" s="28"/>
    </row>
    <row r="77" spans="1:251" s="23" customFormat="1" ht="14.4">
      <c r="A77" s="29"/>
      <c r="B77" s="29"/>
      <c r="C77" s="29"/>
      <c r="D77" s="29"/>
      <c r="E77" s="29"/>
      <c r="F77" s="29"/>
      <c r="G77" s="29"/>
      <c r="H77" s="29"/>
      <c r="I77" s="29"/>
      <c r="J77" s="29"/>
      <c r="K77" s="29"/>
      <c r="L77" s="30"/>
      <c r="M77" s="30"/>
      <c r="N77" s="30"/>
      <c r="O77" s="30"/>
      <c r="P77" s="29"/>
      <c r="Q77" s="29"/>
      <c r="R77" s="29"/>
      <c r="S77" s="29"/>
      <c r="T77" s="29"/>
      <c r="U77" s="29"/>
      <c r="V77" s="31"/>
      <c r="W77" s="31"/>
      <c r="X77" s="31"/>
      <c r="Y77" s="31"/>
      <c r="Z77" s="31"/>
      <c r="AA77" s="31"/>
      <c r="AB77" s="31"/>
      <c r="AC77" s="31"/>
      <c r="AD77" s="31"/>
      <c r="AE77" s="31"/>
      <c r="AF77" s="31"/>
      <c r="AG77" s="31"/>
      <c r="AH77" s="31"/>
      <c r="AI77" s="31"/>
      <c r="AJ77" s="31"/>
      <c r="AK77" s="31"/>
      <c r="AL77" s="31"/>
      <c r="AM77" s="31"/>
      <c r="AN77" s="31"/>
      <c r="AO77" s="31"/>
      <c r="AP77" s="31"/>
      <c r="AQ77" s="31"/>
      <c r="AR77" s="31"/>
      <c r="AS77" s="31"/>
      <c r="AT77" s="31"/>
      <c r="AU77" s="31"/>
      <c r="AV77" s="31"/>
      <c r="AW77" s="31"/>
      <c r="AX77" s="31"/>
      <c r="DI77" s="28"/>
    </row>
    <row r="78" spans="1:251" s="23" customFormat="1" ht="15" thickBot="1">
      <c r="A78" s="32"/>
      <c r="B78" s="33" t="s">
        <v>91</v>
      </c>
      <c r="C78" s="34"/>
      <c r="D78" s="34"/>
      <c r="E78" s="34"/>
      <c r="F78" s="34"/>
      <c r="G78" s="34"/>
      <c r="H78" s="34"/>
      <c r="I78" s="34"/>
      <c r="J78" s="34"/>
      <c r="K78" s="34"/>
      <c r="L78" s="35"/>
      <c r="M78" s="35"/>
      <c r="N78" s="35"/>
      <c r="O78" s="35"/>
      <c r="P78" s="34"/>
      <c r="Q78" s="34"/>
      <c r="R78" s="34"/>
      <c r="S78" s="34"/>
      <c r="T78" s="34"/>
      <c r="U78" s="34"/>
      <c r="V78" s="33"/>
      <c r="W78" s="33"/>
      <c r="X78" s="33"/>
      <c r="Y78" s="33"/>
      <c r="Z78" s="33"/>
      <c r="AA78" s="33"/>
      <c r="AB78" s="33"/>
      <c r="AC78" s="33"/>
      <c r="AD78" s="33"/>
      <c r="AE78" s="33"/>
      <c r="AF78" s="33"/>
      <c r="AG78" s="33"/>
      <c r="AH78" s="33"/>
      <c r="AI78" s="33"/>
      <c r="AJ78" s="33"/>
      <c r="AK78" s="33"/>
      <c r="AL78" s="33"/>
      <c r="AM78" s="33"/>
      <c r="AN78" s="33"/>
      <c r="AO78" s="33"/>
      <c r="AP78" s="33"/>
      <c r="AQ78" s="33"/>
      <c r="AR78" s="33"/>
      <c r="AS78" s="33"/>
      <c r="AT78" s="33"/>
      <c r="AU78" s="33"/>
      <c r="AV78" s="33"/>
      <c r="AW78" s="33"/>
      <c r="AX78" s="33"/>
      <c r="DI78" s="28"/>
    </row>
    <row r="79" spans="1:251" s="23" customFormat="1" ht="14.4">
      <c r="A79" s="34"/>
      <c r="B79" s="36"/>
      <c r="C79" s="29"/>
      <c r="D79" s="29"/>
      <c r="E79" s="29"/>
      <c r="F79" s="29"/>
      <c r="G79" s="29"/>
      <c r="H79" s="29"/>
      <c r="I79" s="29"/>
      <c r="J79" s="29"/>
      <c r="K79" s="29"/>
      <c r="L79" s="30"/>
      <c r="M79" s="30"/>
      <c r="N79" s="30"/>
      <c r="O79" s="30"/>
      <c r="P79" s="29"/>
      <c r="Q79" s="29"/>
      <c r="R79" s="29"/>
      <c r="S79" s="29"/>
      <c r="T79" s="29"/>
      <c r="U79" s="29"/>
      <c r="V79" s="31"/>
      <c r="W79" s="31"/>
      <c r="X79" s="31"/>
      <c r="Y79" s="31"/>
      <c r="Z79" s="31"/>
      <c r="AA79" s="31"/>
      <c r="AB79" s="31"/>
      <c r="AC79" s="31"/>
      <c r="AD79" s="31"/>
      <c r="AE79" s="31"/>
      <c r="AF79" s="31"/>
      <c r="AG79" s="31"/>
      <c r="AH79" s="31"/>
      <c r="AI79" s="31"/>
      <c r="AJ79" s="31"/>
      <c r="AK79" s="31"/>
      <c r="AL79" s="31"/>
      <c r="AM79" s="31"/>
      <c r="AN79" s="31"/>
      <c r="AO79" s="31"/>
      <c r="AP79" s="31"/>
      <c r="AQ79" s="31"/>
      <c r="AR79" s="31"/>
      <c r="AS79" s="31"/>
      <c r="AT79" s="31"/>
      <c r="AU79" s="31"/>
      <c r="AV79" s="31"/>
      <c r="AW79" s="31"/>
      <c r="AX79" s="37"/>
    </row>
    <row r="80" spans="1:251" s="23" customFormat="1" ht="10.8" customHeight="1">
      <c r="A80" s="34"/>
      <c r="B80" s="127" t="s">
        <v>121</v>
      </c>
      <c r="C80" s="128"/>
      <c r="D80" s="128"/>
      <c r="E80" s="128"/>
      <c r="F80" s="128"/>
      <c r="G80" s="128"/>
      <c r="H80" s="128"/>
      <c r="I80" s="128"/>
      <c r="J80" s="128"/>
      <c r="K80" s="128"/>
      <c r="L80" s="128"/>
      <c r="M80" s="128"/>
      <c r="N80" s="128"/>
      <c r="O80" s="128"/>
      <c r="P80" s="128"/>
      <c r="Q80" s="128"/>
      <c r="R80" s="128"/>
      <c r="S80" s="128"/>
      <c r="T80" s="128"/>
      <c r="U80" s="128"/>
      <c r="V80" s="128"/>
      <c r="W80" s="128"/>
      <c r="X80" s="128"/>
      <c r="Y80" s="128"/>
      <c r="Z80" s="128"/>
      <c r="AA80" s="128"/>
      <c r="AB80" s="128"/>
      <c r="AC80" s="128"/>
      <c r="AD80" s="128"/>
      <c r="AE80" s="128"/>
      <c r="AF80" s="128"/>
      <c r="AG80" s="128"/>
      <c r="AH80" s="128"/>
      <c r="AI80" s="128"/>
      <c r="AJ80" s="128"/>
      <c r="AK80" s="128"/>
      <c r="AL80" s="128"/>
      <c r="AM80" s="128"/>
      <c r="AN80" s="128"/>
      <c r="AO80" s="128"/>
      <c r="AP80" s="128"/>
      <c r="AQ80" s="128"/>
      <c r="AR80" s="128"/>
      <c r="AS80" s="128"/>
      <c r="AT80" s="128"/>
      <c r="AU80" s="128"/>
      <c r="AV80" s="128"/>
      <c r="AW80" s="128"/>
      <c r="AX80" s="129"/>
    </row>
    <row r="81" spans="1:251" s="23" customFormat="1" ht="10.8" customHeight="1">
      <c r="A81" s="34"/>
      <c r="B81" s="127"/>
      <c r="C81" s="128"/>
      <c r="D81" s="128"/>
      <c r="E81" s="128"/>
      <c r="F81" s="128"/>
      <c r="G81" s="128"/>
      <c r="H81" s="128"/>
      <c r="I81" s="128"/>
      <c r="J81" s="128"/>
      <c r="K81" s="128"/>
      <c r="L81" s="128"/>
      <c r="M81" s="128"/>
      <c r="N81" s="128"/>
      <c r="O81" s="128"/>
      <c r="P81" s="128"/>
      <c r="Q81" s="128"/>
      <c r="R81" s="128"/>
      <c r="S81" s="128"/>
      <c r="T81" s="128"/>
      <c r="U81" s="128"/>
      <c r="V81" s="128"/>
      <c r="W81" s="128"/>
      <c r="X81" s="128"/>
      <c r="Y81" s="128"/>
      <c r="Z81" s="128"/>
      <c r="AA81" s="128"/>
      <c r="AB81" s="128"/>
      <c r="AC81" s="128"/>
      <c r="AD81" s="128"/>
      <c r="AE81" s="128"/>
      <c r="AF81" s="128"/>
      <c r="AG81" s="128"/>
      <c r="AH81" s="128"/>
      <c r="AI81" s="128"/>
      <c r="AJ81" s="128"/>
      <c r="AK81" s="128"/>
      <c r="AL81" s="128"/>
      <c r="AM81" s="128"/>
      <c r="AN81" s="128"/>
      <c r="AO81" s="128"/>
      <c r="AP81" s="128"/>
      <c r="AQ81" s="128"/>
      <c r="AR81" s="128"/>
      <c r="AS81" s="128"/>
      <c r="AT81" s="128"/>
      <c r="AU81" s="128"/>
      <c r="AV81" s="128"/>
      <c r="AW81" s="128"/>
      <c r="AX81" s="129"/>
      <c r="BC81" s="17"/>
    </row>
    <row r="82" spans="1:251" s="23" customFormat="1" ht="10.8" customHeight="1">
      <c r="A82" s="34"/>
      <c r="B82" s="127"/>
      <c r="C82" s="128"/>
      <c r="D82" s="128"/>
      <c r="E82" s="128"/>
      <c r="F82" s="128"/>
      <c r="G82" s="128"/>
      <c r="H82" s="128"/>
      <c r="I82" s="128"/>
      <c r="J82" s="128"/>
      <c r="K82" s="128"/>
      <c r="L82" s="128"/>
      <c r="M82" s="128"/>
      <c r="N82" s="128"/>
      <c r="O82" s="128"/>
      <c r="P82" s="128"/>
      <c r="Q82" s="128"/>
      <c r="R82" s="128"/>
      <c r="S82" s="128"/>
      <c r="T82" s="128"/>
      <c r="U82" s="128"/>
      <c r="V82" s="128"/>
      <c r="W82" s="128"/>
      <c r="X82" s="128"/>
      <c r="Y82" s="128"/>
      <c r="Z82" s="128"/>
      <c r="AA82" s="128"/>
      <c r="AB82" s="128"/>
      <c r="AC82" s="128"/>
      <c r="AD82" s="128"/>
      <c r="AE82" s="128"/>
      <c r="AF82" s="128"/>
      <c r="AG82" s="128"/>
      <c r="AH82" s="128"/>
      <c r="AI82" s="128"/>
      <c r="AJ82" s="128"/>
      <c r="AK82" s="128"/>
      <c r="AL82" s="128"/>
      <c r="AM82" s="128"/>
      <c r="AN82" s="128"/>
      <c r="AO82" s="128"/>
      <c r="AP82" s="128"/>
      <c r="AQ82" s="128"/>
      <c r="AR82" s="128"/>
      <c r="AS82" s="128"/>
      <c r="AT82" s="128"/>
      <c r="AU82" s="128"/>
      <c r="AV82" s="128"/>
      <c r="AW82" s="128"/>
      <c r="AX82" s="129"/>
    </row>
    <row r="83" spans="1:251" s="23" customFormat="1" ht="10.8" customHeight="1">
      <c r="A83" s="34"/>
      <c r="B83" s="127"/>
      <c r="C83" s="128"/>
      <c r="D83" s="128"/>
      <c r="E83" s="128"/>
      <c r="F83" s="128"/>
      <c r="G83" s="128"/>
      <c r="H83" s="128"/>
      <c r="I83" s="128"/>
      <c r="J83" s="128"/>
      <c r="K83" s="128"/>
      <c r="L83" s="128"/>
      <c r="M83" s="128"/>
      <c r="N83" s="128"/>
      <c r="O83" s="128"/>
      <c r="P83" s="128"/>
      <c r="Q83" s="128"/>
      <c r="R83" s="128"/>
      <c r="S83" s="128"/>
      <c r="T83" s="128"/>
      <c r="U83" s="128"/>
      <c r="V83" s="128"/>
      <c r="W83" s="128"/>
      <c r="X83" s="128"/>
      <c r="Y83" s="128"/>
      <c r="Z83" s="128"/>
      <c r="AA83" s="128"/>
      <c r="AB83" s="128"/>
      <c r="AC83" s="128"/>
      <c r="AD83" s="128"/>
      <c r="AE83" s="128"/>
      <c r="AF83" s="128"/>
      <c r="AG83" s="128"/>
      <c r="AH83" s="128"/>
      <c r="AI83" s="128"/>
      <c r="AJ83" s="128"/>
      <c r="AK83" s="128"/>
      <c r="AL83" s="128"/>
      <c r="AM83" s="128"/>
      <c r="AN83" s="128"/>
      <c r="AO83" s="128"/>
      <c r="AP83" s="128"/>
      <c r="AQ83" s="128"/>
      <c r="AR83" s="128"/>
      <c r="AS83" s="128"/>
      <c r="AT83" s="128"/>
      <c r="AU83" s="128"/>
      <c r="AV83" s="128"/>
      <c r="AW83" s="128"/>
      <c r="AX83" s="129"/>
    </row>
    <row r="84" spans="1:251" s="23" customFormat="1" ht="10.8" customHeight="1">
      <c r="A84" s="34"/>
      <c r="B84" s="127"/>
      <c r="C84" s="128"/>
      <c r="D84" s="128"/>
      <c r="E84" s="128"/>
      <c r="F84" s="128"/>
      <c r="G84" s="128"/>
      <c r="H84" s="128"/>
      <c r="I84" s="128"/>
      <c r="J84" s="128"/>
      <c r="K84" s="128"/>
      <c r="L84" s="128"/>
      <c r="M84" s="128"/>
      <c r="N84" s="128"/>
      <c r="O84" s="128"/>
      <c r="P84" s="128"/>
      <c r="Q84" s="128"/>
      <c r="R84" s="128"/>
      <c r="S84" s="128"/>
      <c r="T84" s="128"/>
      <c r="U84" s="128"/>
      <c r="V84" s="128"/>
      <c r="W84" s="128"/>
      <c r="X84" s="128"/>
      <c r="Y84" s="128"/>
      <c r="Z84" s="128"/>
      <c r="AA84" s="128"/>
      <c r="AB84" s="128"/>
      <c r="AC84" s="128"/>
      <c r="AD84" s="128"/>
      <c r="AE84" s="128"/>
      <c r="AF84" s="128"/>
      <c r="AG84" s="128"/>
      <c r="AH84" s="128"/>
      <c r="AI84" s="128"/>
      <c r="AJ84" s="128"/>
      <c r="AK84" s="128"/>
      <c r="AL84" s="128"/>
      <c r="AM84" s="128"/>
      <c r="AN84" s="128"/>
      <c r="AO84" s="128"/>
      <c r="AP84" s="128"/>
      <c r="AQ84" s="128"/>
      <c r="AR84" s="128"/>
      <c r="AS84" s="128"/>
      <c r="AT84" s="128"/>
      <c r="AU84" s="128"/>
      <c r="AV84" s="128"/>
      <c r="AW84" s="128"/>
      <c r="AX84" s="129"/>
    </row>
    <row r="85" spans="1:251" s="23" customFormat="1" ht="10.8" customHeight="1">
      <c r="A85" s="34"/>
      <c r="B85" s="127"/>
      <c r="C85" s="128"/>
      <c r="D85" s="128"/>
      <c r="E85" s="128"/>
      <c r="F85" s="128"/>
      <c r="G85" s="128"/>
      <c r="H85" s="128"/>
      <c r="I85" s="128"/>
      <c r="J85" s="128"/>
      <c r="K85" s="128"/>
      <c r="L85" s="128"/>
      <c r="M85" s="128"/>
      <c r="N85" s="128"/>
      <c r="O85" s="128"/>
      <c r="P85" s="128"/>
      <c r="Q85" s="128"/>
      <c r="R85" s="128"/>
      <c r="S85" s="128"/>
      <c r="T85" s="128"/>
      <c r="U85" s="128"/>
      <c r="V85" s="128"/>
      <c r="W85" s="128"/>
      <c r="X85" s="128"/>
      <c r="Y85" s="128"/>
      <c r="Z85" s="128"/>
      <c r="AA85" s="128"/>
      <c r="AB85" s="128"/>
      <c r="AC85" s="128"/>
      <c r="AD85" s="128"/>
      <c r="AE85" s="128"/>
      <c r="AF85" s="128"/>
      <c r="AG85" s="128"/>
      <c r="AH85" s="128"/>
      <c r="AI85" s="128"/>
      <c r="AJ85" s="128"/>
      <c r="AK85" s="128"/>
      <c r="AL85" s="128"/>
      <c r="AM85" s="128"/>
      <c r="AN85" s="128"/>
      <c r="AO85" s="128"/>
      <c r="AP85" s="128"/>
      <c r="AQ85" s="128"/>
      <c r="AR85" s="128"/>
      <c r="AS85" s="128"/>
      <c r="AT85" s="128"/>
      <c r="AU85" s="128"/>
      <c r="AV85" s="128"/>
      <c r="AW85" s="128"/>
      <c r="AX85" s="129"/>
    </row>
    <row r="86" spans="1:251" s="23" customFormat="1" ht="10.8" customHeight="1">
      <c r="A86" s="34"/>
      <c r="B86" s="127"/>
      <c r="C86" s="128"/>
      <c r="D86" s="128"/>
      <c r="E86" s="128"/>
      <c r="F86" s="128"/>
      <c r="G86" s="128"/>
      <c r="H86" s="128"/>
      <c r="I86" s="128"/>
      <c r="J86" s="128"/>
      <c r="K86" s="128"/>
      <c r="L86" s="128"/>
      <c r="M86" s="128"/>
      <c r="N86" s="128"/>
      <c r="O86" s="128"/>
      <c r="P86" s="128"/>
      <c r="Q86" s="128"/>
      <c r="R86" s="128"/>
      <c r="S86" s="128"/>
      <c r="T86" s="128"/>
      <c r="U86" s="128"/>
      <c r="V86" s="128"/>
      <c r="W86" s="128"/>
      <c r="X86" s="128"/>
      <c r="Y86" s="128"/>
      <c r="Z86" s="128"/>
      <c r="AA86" s="128"/>
      <c r="AB86" s="128"/>
      <c r="AC86" s="128"/>
      <c r="AD86" s="128"/>
      <c r="AE86" s="128"/>
      <c r="AF86" s="128"/>
      <c r="AG86" s="128"/>
      <c r="AH86" s="128"/>
      <c r="AI86" s="128"/>
      <c r="AJ86" s="128"/>
      <c r="AK86" s="128"/>
      <c r="AL86" s="128"/>
      <c r="AM86" s="128"/>
      <c r="AN86" s="128"/>
      <c r="AO86" s="128"/>
      <c r="AP86" s="128"/>
      <c r="AQ86" s="128"/>
      <c r="AR86" s="128"/>
      <c r="AS86" s="128"/>
      <c r="AT86" s="128"/>
      <c r="AU86" s="128"/>
      <c r="AV86" s="128"/>
      <c r="AW86" s="128"/>
      <c r="AX86" s="129"/>
    </row>
    <row r="87" spans="1:251" s="23" customFormat="1" ht="10.8" customHeight="1">
      <c r="A87" s="34"/>
      <c r="B87" s="127"/>
      <c r="C87" s="128"/>
      <c r="D87" s="128"/>
      <c r="E87" s="128"/>
      <c r="F87" s="128"/>
      <c r="G87" s="128"/>
      <c r="H87" s="128"/>
      <c r="I87" s="128"/>
      <c r="J87" s="128"/>
      <c r="K87" s="128"/>
      <c r="L87" s="128"/>
      <c r="M87" s="128"/>
      <c r="N87" s="128"/>
      <c r="O87" s="128"/>
      <c r="P87" s="128"/>
      <c r="Q87" s="128"/>
      <c r="R87" s="128"/>
      <c r="S87" s="128"/>
      <c r="T87" s="128"/>
      <c r="U87" s="128"/>
      <c r="V87" s="128"/>
      <c r="W87" s="128"/>
      <c r="X87" s="128"/>
      <c r="Y87" s="128"/>
      <c r="Z87" s="128"/>
      <c r="AA87" s="128"/>
      <c r="AB87" s="128"/>
      <c r="AC87" s="128"/>
      <c r="AD87" s="128"/>
      <c r="AE87" s="128"/>
      <c r="AF87" s="128"/>
      <c r="AG87" s="128"/>
      <c r="AH87" s="128"/>
      <c r="AI87" s="128"/>
      <c r="AJ87" s="128"/>
      <c r="AK87" s="128"/>
      <c r="AL87" s="128"/>
      <c r="AM87" s="128"/>
      <c r="AN87" s="128"/>
      <c r="AO87" s="128"/>
      <c r="AP87" s="128"/>
      <c r="AQ87" s="128"/>
      <c r="AR87" s="128"/>
      <c r="AS87" s="128"/>
      <c r="AT87" s="128"/>
      <c r="AU87" s="128"/>
      <c r="AV87" s="128"/>
      <c r="AW87" s="128"/>
      <c r="AX87" s="129"/>
    </row>
    <row r="88" spans="1:251" s="23" customFormat="1" ht="10.8" customHeight="1">
      <c r="A88" s="34"/>
      <c r="B88" s="127"/>
      <c r="C88" s="128"/>
      <c r="D88" s="128"/>
      <c r="E88" s="128"/>
      <c r="F88" s="128"/>
      <c r="G88" s="128"/>
      <c r="H88" s="128"/>
      <c r="I88" s="128"/>
      <c r="J88" s="128"/>
      <c r="K88" s="128"/>
      <c r="L88" s="128"/>
      <c r="M88" s="128"/>
      <c r="N88" s="128"/>
      <c r="O88" s="128"/>
      <c r="P88" s="128"/>
      <c r="Q88" s="128"/>
      <c r="R88" s="128"/>
      <c r="S88" s="128"/>
      <c r="T88" s="128"/>
      <c r="U88" s="128"/>
      <c r="V88" s="128"/>
      <c r="W88" s="128"/>
      <c r="X88" s="128"/>
      <c r="Y88" s="128"/>
      <c r="Z88" s="128"/>
      <c r="AA88" s="128"/>
      <c r="AB88" s="128"/>
      <c r="AC88" s="128"/>
      <c r="AD88" s="128"/>
      <c r="AE88" s="128"/>
      <c r="AF88" s="128"/>
      <c r="AG88" s="128"/>
      <c r="AH88" s="128"/>
      <c r="AI88" s="128"/>
      <c r="AJ88" s="128"/>
      <c r="AK88" s="128"/>
      <c r="AL88" s="128"/>
      <c r="AM88" s="128"/>
      <c r="AN88" s="128"/>
      <c r="AO88" s="128"/>
      <c r="AP88" s="128"/>
      <c r="AQ88" s="128"/>
      <c r="AR88" s="128"/>
      <c r="AS88" s="128"/>
      <c r="AT88" s="128"/>
      <c r="AU88" s="128"/>
      <c r="AV88" s="128"/>
      <c r="AW88" s="128"/>
      <c r="AX88" s="129"/>
    </row>
    <row r="89" spans="1:251" s="23" customFormat="1" ht="10.8" customHeight="1">
      <c r="A89" s="34"/>
      <c r="B89" s="127"/>
      <c r="C89" s="128"/>
      <c r="D89" s="128"/>
      <c r="E89" s="128"/>
      <c r="F89" s="128"/>
      <c r="G89" s="128"/>
      <c r="H89" s="128"/>
      <c r="I89" s="128"/>
      <c r="J89" s="128"/>
      <c r="K89" s="128"/>
      <c r="L89" s="128"/>
      <c r="M89" s="128"/>
      <c r="N89" s="128"/>
      <c r="O89" s="128"/>
      <c r="P89" s="128"/>
      <c r="Q89" s="128"/>
      <c r="R89" s="128"/>
      <c r="S89" s="128"/>
      <c r="T89" s="128"/>
      <c r="U89" s="128"/>
      <c r="V89" s="128"/>
      <c r="W89" s="128"/>
      <c r="X89" s="128"/>
      <c r="Y89" s="128"/>
      <c r="Z89" s="128"/>
      <c r="AA89" s="128"/>
      <c r="AB89" s="128"/>
      <c r="AC89" s="128"/>
      <c r="AD89" s="128"/>
      <c r="AE89" s="128"/>
      <c r="AF89" s="128"/>
      <c r="AG89" s="128"/>
      <c r="AH89" s="128"/>
      <c r="AI89" s="128"/>
      <c r="AJ89" s="128"/>
      <c r="AK89" s="128"/>
      <c r="AL89" s="128"/>
      <c r="AM89" s="128"/>
      <c r="AN89" s="128"/>
      <c r="AO89" s="128"/>
      <c r="AP89" s="128"/>
      <c r="AQ89" s="128"/>
      <c r="AR89" s="128"/>
      <c r="AS89" s="128"/>
      <c r="AT89" s="128"/>
      <c r="AU89" s="128"/>
      <c r="AV89" s="128"/>
      <c r="AW89" s="128"/>
      <c r="AX89" s="129"/>
    </row>
    <row r="90" spans="1:251" s="23" customFormat="1" ht="15" thickBot="1">
      <c r="A90" s="38"/>
      <c r="B90" s="39"/>
      <c r="C90" s="40"/>
      <c r="D90" s="40"/>
      <c r="E90" s="40"/>
      <c r="F90" s="40"/>
      <c r="G90" s="40"/>
      <c r="H90" s="40"/>
      <c r="I90" s="40"/>
      <c r="J90" s="40"/>
      <c r="K90" s="40"/>
      <c r="L90" s="40"/>
      <c r="M90" s="40"/>
      <c r="N90" s="40"/>
      <c r="O90" s="40"/>
      <c r="P90" s="40"/>
      <c r="Q90" s="40"/>
      <c r="R90" s="40"/>
      <c r="S90" s="40"/>
      <c r="T90" s="40"/>
      <c r="U90" s="40"/>
      <c r="V90" s="40"/>
      <c r="W90" s="40"/>
      <c r="X90" s="40"/>
      <c r="Y90" s="40"/>
      <c r="Z90" s="40"/>
      <c r="AA90" s="40"/>
      <c r="AB90" s="40"/>
      <c r="AC90" s="40"/>
      <c r="AD90" s="40"/>
      <c r="AE90" s="40"/>
      <c r="AF90" s="40"/>
      <c r="AG90" s="40"/>
      <c r="AH90" s="40"/>
      <c r="AI90" s="40"/>
      <c r="AJ90" s="40"/>
      <c r="AK90" s="40"/>
      <c r="AL90" s="40"/>
      <c r="AM90" s="40"/>
      <c r="AN90" s="40"/>
      <c r="AO90" s="40"/>
      <c r="AP90" s="40"/>
      <c r="AQ90" s="40"/>
      <c r="AR90" s="40"/>
      <c r="AS90" s="40"/>
      <c r="AT90" s="40"/>
      <c r="AU90" s="40"/>
      <c r="AV90" s="40"/>
      <c r="AW90" s="40"/>
      <c r="AX90" s="41"/>
    </row>
    <row r="91" spans="1:251" s="23" customFormat="1" ht="13.2">
      <c r="B91" s="42"/>
    </row>
    <row r="92" spans="1:251" s="23" customFormat="1" ht="14.4">
      <c r="B92" s="33" t="s">
        <v>93</v>
      </c>
      <c r="C92" s="34"/>
      <c r="D92" s="34"/>
      <c r="E92" s="34"/>
      <c r="F92" s="34"/>
      <c r="G92" s="34"/>
      <c r="H92" s="34"/>
      <c r="I92" s="34"/>
      <c r="J92" s="34"/>
      <c r="K92" s="34"/>
      <c r="L92" s="35"/>
      <c r="M92" s="35"/>
      <c r="N92" s="35"/>
      <c r="O92" s="35"/>
      <c r="P92" s="34"/>
      <c r="Q92" s="34"/>
      <c r="R92" s="34"/>
      <c r="S92" s="34"/>
      <c r="T92" s="34"/>
      <c r="U92" s="34"/>
      <c r="V92" s="33"/>
      <c r="W92" s="33"/>
      <c r="X92" s="33"/>
      <c r="Y92" s="33"/>
      <c r="Z92" s="33"/>
      <c r="AA92" s="33"/>
      <c r="AB92" s="33"/>
      <c r="AC92" s="33"/>
      <c r="AD92" s="33"/>
      <c r="AE92" s="33"/>
      <c r="AF92" s="33"/>
      <c r="AG92" s="33"/>
      <c r="AH92" s="33"/>
      <c r="AI92" s="33"/>
      <c r="AJ92" s="33"/>
      <c r="AK92" s="33"/>
      <c r="AL92" s="33"/>
      <c r="AM92" s="33"/>
      <c r="AN92" s="33"/>
      <c r="AO92" s="33"/>
      <c r="AP92" s="33"/>
      <c r="AQ92" s="33"/>
      <c r="AR92" s="33"/>
      <c r="AS92" s="33"/>
      <c r="AT92" s="33"/>
      <c r="AU92" s="33"/>
      <c r="AV92" s="33"/>
      <c r="AW92" s="33"/>
      <c r="AX92" s="33"/>
    </row>
    <row r="93" spans="1:251" s="23" customFormat="1" ht="15" thickBot="1">
      <c r="B93" s="33"/>
      <c r="C93" s="34"/>
      <c r="D93" s="34"/>
      <c r="E93" s="34"/>
      <c r="F93" s="34"/>
      <c r="G93" s="34"/>
      <c r="H93" s="34"/>
      <c r="I93" s="34"/>
      <c r="J93" s="34"/>
      <c r="K93" s="34"/>
      <c r="L93" s="35"/>
      <c r="M93" s="35"/>
      <c r="N93" s="35"/>
      <c r="O93" s="35"/>
      <c r="P93" s="34"/>
      <c r="Q93" s="34"/>
      <c r="R93" s="34"/>
      <c r="S93" s="34"/>
      <c r="T93" s="34"/>
      <c r="U93" s="34"/>
      <c r="V93" s="33"/>
      <c r="W93" s="33"/>
      <c r="X93" s="33"/>
      <c r="Y93" s="33"/>
      <c r="Z93" s="33"/>
      <c r="AA93" s="33"/>
      <c r="AB93" s="33"/>
      <c r="AC93" s="33"/>
      <c r="AD93" s="33"/>
      <c r="AE93" s="33"/>
      <c r="AF93" s="33"/>
      <c r="AG93" s="33"/>
      <c r="AH93" s="33"/>
      <c r="AI93" s="33"/>
      <c r="AJ93" s="33"/>
      <c r="AK93" s="33"/>
      <c r="AL93" s="33"/>
      <c r="AM93" s="33"/>
      <c r="AN93" s="33"/>
      <c r="AO93" s="33"/>
      <c r="AP93" s="33"/>
      <c r="AQ93" s="33"/>
      <c r="AR93" s="33"/>
      <c r="AS93" s="33"/>
      <c r="AT93" s="33"/>
      <c r="AU93" s="33"/>
      <c r="AV93" s="33"/>
      <c r="AW93" s="33"/>
      <c r="AX93" s="43" t="s">
        <v>94</v>
      </c>
    </row>
    <row r="94" spans="1:251" s="50" customFormat="1" ht="13.5" customHeight="1">
      <c r="A94" s="34"/>
      <c r="B94" s="139" t="s">
        <v>95</v>
      </c>
      <c r="C94" s="203"/>
      <c r="D94" s="203"/>
      <c r="E94" s="203"/>
      <c r="F94" s="203"/>
      <c r="G94" s="203"/>
      <c r="H94" s="203"/>
      <c r="I94" s="203"/>
      <c r="J94" s="203"/>
      <c r="K94" s="203"/>
      <c r="L94" s="203"/>
      <c r="M94" s="203"/>
      <c r="N94" s="203"/>
      <c r="O94" s="203"/>
      <c r="P94" s="203"/>
      <c r="Q94" s="203"/>
      <c r="R94" s="203"/>
      <c r="S94" s="203"/>
      <c r="T94" s="203"/>
      <c r="U94" s="203"/>
      <c r="V94" s="203"/>
      <c r="W94" s="203"/>
      <c r="X94" s="203"/>
      <c r="Y94" s="203"/>
      <c r="Z94" s="204"/>
      <c r="AA94" s="145" t="s">
        <v>116</v>
      </c>
      <c r="AB94" s="203"/>
      <c r="AC94" s="203"/>
      <c r="AD94" s="203"/>
      <c r="AE94" s="203"/>
      <c r="AF94" s="203"/>
      <c r="AG94" s="203"/>
      <c r="AH94" s="203"/>
      <c r="AI94" s="204"/>
      <c r="AJ94" s="145" t="s">
        <v>117</v>
      </c>
      <c r="AK94" s="203"/>
      <c r="AL94" s="203"/>
      <c r="AM94" s="203"/>
      <c r="AN94" s="203"/>
      <c r="AO94" s="203"/>
      <c r="AP94" s="203"/>
      <c r="AQ94" s="203"/>
      <c r="AR94" s="204"/>
      <c r="AS94" s="145" t="s">
        <v>98</v>
      </c>
      <c r="AT94" s="203"/>
      <c r="AU94" s="203"/>
      <c r="AV94" s="203"/>
      <c r="AW94" s="203"/>
      <c r="AX94" s="209"/>
      <c r="AY94" s="23"/>
      <c r="AZ94" s="23"/>
      <c r="BA94" s="23"/>
      <c r="BB94" s="23"/>
      <c r="BC94" s="23"/>
      <c r="BD94" s="23"/>
      <c r="BE94" s="23"/>
      <c r="BF94" s="23"/>
      <c r="BG94" s="23"/>
      <c r="BH94" s="23"/>
      <c r="BI94" s="23"/>
      <c r="BJ94" s="23"/>
      <c r="BK94" s="23"/>
      <c r="BL94" s="23"/>
      <c r="BM94" s="23"/>
      <c r="BN94" s="23"/>
      <c r="BO94" s="23"/>
      <c r="BP94" s="23"/>
      <c r="BQ94" s="23"/>
      <c r="BR94" s="23"/>
      <c r="BS94" s="23"/>
      <c r="BT94" s="23"/>
      <c r="BU94" s="23"/>
      <c r="BV94" s="23"/>
      <c r="BW94" s="23"/>
      <c r="BX94" s="23"/>
      <c r="BY94" s="23"/>
      <c r="BZ94" s="23"/>
      <c r="CA94" s="23"/>
      <c r="CB94" s="23"/>
      <c r="CC94" s="23"/>
      <c r="CD94" s="23"/>
      <c r="CE94" s="23"/>
      <c r="CF94" s="23"/>
      <c r="CG94" s="23"/>
      <c r="CH94" s="23"/>
      <c r="CI94" s="23"/>
      <c r="CJ94" s="23"/>
      <c r="CK94" s="23"/>
      <c r="CL94" s="23"/>
      <c r="CM94" s="23"/>
      <c r="CN94" s="23"/>
      <c r="CO94" s="23"/>
      <c r="CP94" s="23"/>
      <c r="CQ94" s="23"/>
      <c r="CR94" s="23"/>
      <c r="CS94" s="23"/>
      <c r="CT94" s="23"/>
      <c r="CU94" s="23"/>
      <c r="CV94" s="23"/>
      <c r="CW94" s="23"/>
      <c r="CX94" s="23"/>
      <c r="CY94" s="23"/>
      <c r="CZ94" s="23"/>
      <c r="DA94" s="23"/>
      <c r="DB94" s="23"/>
      <c r="DC94" s="23"/>
      <c r="DD94" s="23"/>
      <c r="DE94" s="23"/>
      <c r="DF94" s="23"/>
      <c r="DG94" s="23"/>
      <c r="DH94" s="23"/>
      <c r="DI94" s="23"/>
      <c r="DJ94" s="23"/>
      <c r="DK94" s="23"/>
      <c r="DL94" s="23"/>
      <c r="DM94" s="23"/>
      <c r="DN94" s="23"/>
      <c r="DO94" s="23"/>
      <c r="DP94" s="23"/>
      <c r="DQ94" s="23"/>
      <c r="DR94" s="23"/>
      <c r="DS94" s="23"/>
      <c r="DT94" s="23"/>
      <c r="DU94" s="23"/>
      <c r="DV94" s="23"/>
      <c r="DW94" s="23"/>
      <c r="DX94" s="23"/>
      <c r="DY94" s="23"/>
      <c r="DZ94" s="23"/>
      <c r="EA94" s="23"/>
      <c r="EB94" s="23"/>
      <c r="EC94" s="23"/>
      <c r="ED94" s="23"/>
      <c r="EE94" s="23"/>
      <c r="EF94" s="23"/>
      <c r="EG94" s="23"/>
      <c r="EH94" s="23"/>
      <c r="EI94" s="23"/>
      <c r="EJ94" s="23"/>
      <c r="EK94" s="23"/>
      <c r="EL94" s="23"/>
      <c r="EM94" s="23"/>
      <c r="EN94" s="23"/>
      <c r="EO94" s="23"/>
      <c r="EP94" s="23"/>
      <c r="EQ94" s="23"/>
      <c r="ER94" s="23"/>
      <c r="ES94" s="23"/>
      <c r="ET94" s="23"/>
      <c r="EU94" s="23"/>
      <c r="EV94" s="23"/>
      <c r="EW94" s="23"/>
      <c r="EX94" s="23"/>
      <c r="EY94" s="23"/>
      <c r="EZ94" s="23"/>
      <c r="FA94" s="23"/>
      <c r="FB94" s="23"/>
      <c r="FC94" s="23"/>
      <c r="FD94" s="23"/>
      <c r="FE94" s="23"/>
      <c r="FF94" s="23"/>
      <c r="FG94" s="23"/>
      <c r="FH94" s="23"/>
      <c r="FI94" s="23"/>
      <c r="FJ94" s="23"/>
      <c r="FK94" s="23"/>
      <c r="FL94" s="23"/>
      <c r="FM94" s="23"/>
      <c r="FN94" s="23"/>
      <c r="FO94" s="23"/>
      <c r="FP94" s="23"/>
      <c r="FQ94" s="23"/>
      <c r="FR94" s="23"/>
      <c r="FS94" s="23"/>
      <c r="FT94" s="23"/>
      <c r="FU94" s="23"/>
      <c r="FV94" s="23"/>
      <c r="FW94" s="23"/>
      <c r="FX94" s="23"/>
      <c r="FY94" s="23"/>
      <c r="FZ94" s="23"/>
      <c r="GA94" s="23"/>
      <c r="GB94" s="23"/>
      <c r="GC94" s="23"/>
      <c r="GD94" s="23"/>
      <c r="GE94" s="23"/>
      <c r="GF94" s="23"/>
      <c r="GG94" s="23"/>
      <c r="GH94" s="23"/>
      <c r="GI94" s="23"/>
      <c r="GJ94" s="23"/>
      <c r="GK94" s="23"/>
      <c r="GL94" s="23"/>
      <c r="GM94" s="23"/>
      <c r="GN94" s="23"/>
      <c r="GO94" s="23"/>
      <c r="GP94" s="23"/>
      <c r="GQ94" s="23"/>
      <c r="GR94" s="23"/>
      <c r="GS94" s="23"/>
      <c r="GT94" s="23"/>
      <c r="GU94" s="23"/>
      <c r="GV94" s="23"/>
      <c r="GW94" s="23"/>
      <c r="GX94" s="23"/>
      <c r="GY94" s="23"/>
      <c r="GZ94" s="23"/>
      <c r="HA94" s="23"/>
      <c r="HB94" s="23"/>
      <c r="HC94" s="23"/>
      <c r="HD94" s="23"/>
      <c r="HE94" s="23"/>
      <c r="HF94" s="23"/>
      <c r="HG94" s="23"/>
      <c r="HH94" s="23"/>
      <c r="HI94" s="23"/>
      <c r="HJ94" s="23"/>
      <c r="HK94" s="23"/>
      <c r="HL94" s="23"/>
      <c r="HM94" s="23"/>
      <c r="HN94" s="23"/>
      <c r="HO94" s="23"/>
      <c r="HP94" s="23"/>
      <c r="HQ94" s="23"/>
      <c r="HR94" s="23"/>
      <c r="HS94" s="23"/>
      <c r="HT94" s="23"/>
      <c r="HU94" s="23"/>
      <c r="HV94" s="23"/>
      <c r="HW94" s="23"/>
      <c r="HX94" s="23"/>
      <c r="HY94" s="23"/>
      <c r="HZ94" s="23"/>
      <c r="IA94" s="23"/>
      <c r="IB94" s="23"/>
      <c r="IC94" s="23"/>
      <c r="ID94" s="23"/>
      <c r="IE94" s="23"/>
      <c r="IF94" s="23"/>
      <c r="IG94" s="23"/>
      <c r="IH94" s="23"/>
      <c r="II94" s="23"/>
      <c r="IJ94" s="23"/>
      <c r="IK94" s="23"/>
      <c r="IL94" s="23"/>
      <c r="IM94" s="23"/>
      <c r="IN94" s="23"/>
      <c r="IO94" s="23"/>
      <c r="IP94" s="23"/>
      <c r="IQ94" s="23"/>
    </row>
    <row r="95" spans="1:251" s="50" customFormat="1">
      <c r="A95" s="34"/>
      <c r="B95" s="205"/>
      <c r="C95" s="206"/>
      <c r="D95" s="206"/>
      <c r="E95" s="206"/>
      <c r="F95" s="206"/>
      <c r="G95" s="206"/>
      <c r="H95" s="206"/>
      <c r="I95" s="206"/>
      <c r="J95" s="206"/>
      <c r="K95" s="206"/>
      <c r="L95" s="206"/>
      <c r="M95" s="206"/>
      <c r="N95" s="206"/>
      <c r="O95" s="206"/>
      <c r="P95" s="206"/>
      <c r="Q95" s="206"/>
      <c r="R95" s="206"/>
      <c r="S95" s="206"/>
      <c r="T95" s="206"/>
      <c r="U95" s="206"/>
      <c r="V95" s="206"/>
      <c r="W95" s="206"/>
      <c r="X95" s="206"/>
      <c r="Y95" s="206"/>
      <c r="Z95" s="207"/>
      <c r="AA95" s="208"/>
      <c r="AB95" s="206"/>
      <c r="AC95" s="206"/>
      <c r="AD95" s="206"/>
      <c r="AE95" s="206"/>
      <c r="AF95" s="206"/>
      <c r="AG95" s="206"/>
      <c r="AH95" s="206"/>
      <c r="AI95" s="207"/>
      <c r="AJ95" s="208"/>
      <c r="AK95" s="206"/>
      <c r="AL95" s="206"/>
      <c r="AM95" s="206"/>
      <c r="AN95" s="206"/>
      <c r="AO95" s="206"/>
      <c r="AP95" s="206"/>
      <c r="AQ95" s="206"/>
      <c r="AR95" s="207"/>
      <c r="AS95" s="208"/>
      <c r="AT95" s="206"/>
      <c r="AU95" s="206"/>
      <c r="AV95" s="206"/>
      <c r="AW95" s="206"/>
      <c r="AX95" s="210"/>
      <c r="AY95" s="23"/>
      <c r="AZ95" s="23"/>
      <c r="BA95" s="23"/>
      <c r="BB95"/>
      <c r="BC95" s="45"/>
      <c r="BE95" s="23"/>
      <c r="BF95" s="23"/>
      <c r="BG95" s="23"/>
      <c r="BH95" s="23"/>
      <c r="BI95" s="23"/>
      <c r="BJ95" s="23"/>
      <c r="BK95" s="23"/>
      <c r="BL95" s="23"/>
      <c r="BM95" s="23"/>
      <c r="BN95" s="23"/>
      <c r="BO95" s="23"/>
      <c r="BP95" s="23"/>
      <c r="BQ95" s="23"/>
      <c r="BR95" s="23"/>
      <c r="BS95" s="23"/>
      <c r="BT95" s="23"/>
      <c r="BU95" s="23"/>
      <c r="BV95" s="23"/>
      <c r="BW95" s="23"/>
      <c r="BX95" s="23"/>
      <c r="BY95" s="23"/>
      <c r="BZ95" s="23"/>
      <c r="CA95" s="23"/>
      <c r="CB95" s="23"/>
      <c r="CC95" s="23"/>
      <c r="CD95" s="23"/>
      <c r="CE95" s="23"/>
      <c r="CF95" s="23"/>
      <c r="CG95" s="23"/>
      <c r="CH95" s="23"/>
      <c r="CI95" s="23"/>
      <c r="CJ95" s="23"/>
      <c r="CK95" s="23"/>
      <c r="CL95" s="23"/>
      <c r="CM95" s="23"/>
      <c r="CN95" s="23"/>
      <c r="CO95" s="23"/>
      <c r="CP95" s="23"/>
      <c r="CQ95" s="23"/>
      <c r="CR95" s="23"/>
      <c r="CS95" s="23"/>
      <c r="CT95" s="23"/>
      <c r="CU95" s="23"/>
      <c r="CV95" s="23"/>
      <c r="CW95" s="23"/>
      <c r="CX95" s="23"/>
      <c r="CY95" s="23"/>
      <c r="CZ95" s="23"/>
      <c r="DA95" s="23"/>
      <c r="DB95" s="23"/>
      <c r="DC95" s="23"/>
      <c r="DD95" s="23"/>
      <c r="DE95" s="23"/>
      <c r="DF95" s="23"/>
      <c r="DG95" s="23"/>
      <c r="DH95" s="23"/>
      <c r="DI95" s="23"/>
      <c r="DJ95" s="23"/>
      <c r="DK95" s="23"/>
      <c r="DL95" s="23"/>
      <c r="DM95" s="23"/>
      <c r="DN95" s="23"/>
      <c r="DO95" s="23"/>
      <c r="DP95" s="23"/>
      <c r="DQ95" s="23"/>
      <c r="DR95" s="23"/>
      <c r="DS95" s="23"/>
      <c r="DT95" s="23"/>
      <c r="DU95" s="23"/>
      <c r="DV95" s="23"/>
      <c r="DW95" s="23"/>
      <c r="DX95" s="23"/>
      <c r="DY95" s="23"/>
      <c r="DZ95" s="23"/>
      <c r="EA95" s="23"/>
      <c r="EB95" s="23"/>
      <c r="EC95" s="23"/>
      <c r="ED95" s="23"/>
      <c r="EE95" s="23"/>
      <c r="EF95" s="23"/>
      <c r="EG95" s="23"/>
      <c r="EH95" s="23"/>
      <c r="EI95" s="23"/>
      <c r="EJ95" s="23"/>
      <c r="EK95" s="23"/>
      <c r="EL95" s="23"/>
      <c r="EM95" s="23"/>
      <c r="EN95" s="23"/>
      <c r="EO95" s="23"/>
      <c r="EP95" s="23"/>
      <c r="EQ95" s="23"/>
      <c r="ER95" s="23"/>
      <c r="ES95" s="23"/>
      <c r="ET95" s="23"/>
      <c r="EU95" s="23"/>
      <c r="EV95" s="23"/>
      <c r="EW95" s="23"/>
      <c r="EX95" s="23"/>
      <c r="EY95" s="23"/>
      <c r="EZ95" s="23"/>
      <c r="FA95" s="23"/>
      <c r="FB95" s="23"/>
      <c r="FC95" s="23"/>
      <c r="FD95" s="23"/>
      <c r="FE95" s="23"/>
      <c r="FF95" s="23"/>
      <c r="FG95" s="23"/>
      <c r="FH95" s="23"/>
      <c r="FI95" s="23"/>
      <c r="FJ95" s="23"/>
      <c r="FK95" s="23"/>
      <c r="FL95" s="23"/>
      <c r="FM95" s="23"/>
      <c r="FN95" s="23"/>
      <c r="FO95" s="23"/>
      <c r="FP95" s="23"/>
      <c r="FQ95" s="23"/>
      <c r="FR95" s="23"/>
      <c r="FS95" s="23"/>
      <c r="FT95" s="23"/>
      <c r="FU95" s="23"/>
      <c r="FV95" s="23"/>
      <c r="FW95" s="23"/>
      <c r="FX95" s="23"/>
      <c r="FY95" s="23"/>
      <c r="FZ95" s="23"/>
      <c r="GA95" s="23"/>
      <c r="GB95" s="23"/>
      <c r="GC95" s="23"/>
      <c r="GD95" s="23"/>
      <c r="GE95" s="23"/>
      <c r="GF95" s="23"/>
      <c r="GG95" s="23"/>
      <c r="GH95" s="23"/>
      <c r="GI95" s="23"/>
      <c r="GJ95" s="23"/>
      <c r="GK95" s="23"/>
      <c r="GL95" s="23"/>
      <c r="GM95" s="23"/>
      <c r="GN95" s="23"/>
      <c r="GO95" s="23"/>
      <c r="GP95" s="23"/>
      <c r="GQ95" s="23"/>
      <c r="GR95" s="23"/>
      <c r="GS95" s="23"/>
      <c r="GT95" s="23"/>
      <c r="GU95" s="23"/>
      <c r="GV95" s="23"/>
      <c r="GW95" s="23"/>
      <c r="GX95" s="23"/>
      <c r="GY95" s="23"/>
      <c r="GZ95" s="23"/>
      <c r="HA95" s="23"/>
      <c r="HB95" s="23"/>
      <c r="HC95" s="23"/>
      <c r="HD95" s="23"/>
      <c r="HE95" s="23"/>
      <c r="HF95" s="23"/>
      <c r="HG95" s="23"/>
      <c r="HH95" s="23"/>
      <c r="HI95" s="23"/>
      <c r="HJ95" s="23"/>
      <c r="HK95" s="23"/>
      <c r="HL95" s="23"/>
      <c r="HM95" s="23"/>
      <c r="HN95" s="23"/>
      <c r="HO95" s="23"/>
      <c r="HP95" s="23"/>
      <c r="HQ95" s="23"/>
      <c r="HR95" s="23"/>
      <c r="HS95" s="23"/>
      <c r="HT95" s="23"/>
      <c r="HU95" s="23"/>
      <c r="HV95" s="23"/>
      <c r="HW95" s="23"/>
      <c r="HX95" s="23"/>
      <c r="HY95" s="23"/>
      <c r="HZ95" s="23"/>
      <c r="IA95" s="23"/>
      <c r="IB95" s="23"/>
      <c r="IC95" s="23"/>
      <c r="ID95" s="23"/>
      <c r="IE95" s="23"/>
      <c r="IF95" s="23"/>
      <c r="IG95" s="23"/>
      <c r="IH95" s="23"/>
      <c r="II95" s="23"/>
      <c r="IJ95" s="23"/>
      <c r="IK95" s="23"/>
      <c r="IL95" s="23"/>
      <c r="IM95" s="23"/>
      <c r="IN95" s="23"/>
      <c r="IO95" s="23"/>
      <c r="IP95" s="23"/>
      <c r="IQ95" s="23"/>
    </row>
    <row r="96" spans="1:251" s="50" customFormat="1" ht="18.75" customHeight="1">
      <c r="A96" s="34"/>
      <c r="B96" s="46"/>
      <c r="C96" s="130" t="s">
        <v>122</v>
      </c>
      <c r="D96" s="130"/>
      <c r="E96" s="130"/>
      <c r="F96" s="130"/>
      <c r="G96" s="130"/>
      <c r="H96" s="130"/>
      <c r="I96" s="130"/>
      <c r="J96" s="130"/>
      <c r="K96" s="130"/>
      <c r="L96" s="130"/>
      <c r="M96" s="130"/>
      <c r="N96" s="130"/>
      <c r="O96" s="130"/>
      <c r="P96" s="130"/>
      <c r="Q96" s="130"/>
      <c r="R96" s="130"/>
      <c r="S96" s="130"/>
      <c r="T96" s="130"/>
      <c r="U96" s="130"/>
      <c r="V96" s="130"/>
      <c r="W96" s="130"/>
      <c r="X96" s="130"/>
      <c r="Y96" s="130"/>
      <c r="Z96" s="131"/>
      <c r="AA96" s="132">
        <v>18645</v>
      </c>
      <c r="AB96" s="196"/>
      <c r="AC96" s="196"/>
      <c r="AD96" s="196"/>
      <c r="AE96" s="196"/>
      <c r="AF96" s="196"/>
      <c r="AG96" s="196"/>
      <c r="AH96" s="196"/>
      <c r="AI96" s="197"/>
      <c r="AJ96" s="132">
        <v>19703</v>
      </c>
      <c r="AK96" s="196"/>
      <c r="AL96" s="196"/>
      <c r="AM96" s="196"/>
      <c r="AN96" s="196"/>
      <c r="AO96" s="196"/>
      <c r="AP96" s="196"/>
      <c r="AQ96" s="196"/>
      <c r="AR96" s="197"/>
      <c r="AS96" s="132"/>
      <c r="AT96" s="196"/>
      <c r="AU96" s="196"/>
      <c r="AV96" s="196"/>
      <c r="AW96" s="196"/>
      <c r="AX96" s="202"/>
      <c r="AY96" s="23"/>
      <c r="AZ96" s="23"/>
      <c r="BA96" s="23"/>
      <c r="BB96" s="23"/>
      <c r="BC96" s="23"/>
      <c r="BD96" s="23"/>
      <c r="BE96" s="23"/>
      <c r="BF96" s="23"/>
      <c r="BG96" s="23"/>
      <c r="BH96" s="23"/>
      <c r="BI96" s="23"/>
      <c r="BJ96" s="23"/>
      <c r="BK96" s="23"/>
      <c r="BL96" s="23"/>
      <c r="BM96" s="23"/>
      <c r="BN96" s="23"/>
      <c r="BO96" s="23"/>
      <c r="BP96" s="23"/>
      <c r="BQ96" s="23"/>
      <c r="BR96" s="23"/>
      <c r="BS96" s="23"/>
      <c r="BT96" s="23"/>
      <c r="BU96" s="23"/>
      <c r="BV96" s="23"/>
      <c r="BW96" s="23"/>
      <c r="BX96" s="23"/>
      <c r="BY96" s="23"/>
      <c r="BZ96" s="23"/>
      <c r="CA96" s="23"/>
      <c r="CB96" s="23"/>
      <c r="CC96" s="23"/>
      <c r="CD96" s="23"/>
      <c r="CE96" s="23"/>
      <c r="CF96" s="23"/>
      <c r="CG96" s="23"/>
      <c r="CH96" s="23"/>
      <c r="CI96" s="23"/>
      <c r="CJ96" s="23"/>
      <c r="CK96" s="23"/>
      <c r="CL96" s="23"/>
      <c r="CM96" s="23"/>
      <c r="CN96" s="23"/>
      <c r="CO96" s="23"/>
      <c r="CP96" s="23"/>
      <c r="CQ96" s="23"/>
      <c r="CR96" s="23"/>
      <c r="CS96" s="23"/>
      <c r="CT96" s="23"/>
      <c r="CU96" s="23"/>
      <c r="CV96" s="23"/>
      <c r="CW96" s="23"/>
      <c r="CX96" s="23"/>
      <c r="CY96" s="23"/>
      <c r="CZ96" s="23"/>
      <c r="DA96" s="23"/>
      <c r="DB96" s="23"/>
      <c r="DC96" s="23"/>
      <c r="DD96" s="23"/>
      <c r="DE96" s="23"/>
      <c r="DF96" s="23"/>
      <c r="DG96" s="23"/>
      <c r="DH96" s="23"/>
      <c r="DI96" s="23"/>
      <c r="DJ96" s="23"/>
      <c r="DK96" s="23"/>
      <c r="DL96" s="23"/>
      <c r="DM96" s="23"/>
      <c r="DN96" s="23"/>
      <c r="DO96" s="23"/>
      <c r="DP96" s="23"/>
      <c r="DQ96" s="23"/>
      <c r="DR96" s="23"/>
      <c r="DS96" s="23"/>
      <c r="DT96" s="23"/>
      <c r="DU96" s="23"/>
      <c r="DV96" s="23"/>
      <c r="DW96" s="23"/>
      <c r="DX96" s="23"/>
      <c r="DY96" s="23"/>
      <c r="DZ96" s="23"/>
      <c r="EA96" s="23"/>
      <c r="EB96" s="23"/>
      <c r="EC96" s="23"/>
      <c r="ED96" s="23"/>
      <c r="EE96" s="23"/>
      <c r="EF96" s="23"/>
      <c r="EG96" s="23"/>
      <c r="EH96" s="23"/>
      <c r="EI96" s="23"/>
      <c r="EJ96" s="23"/>
      <c r="EK96" s="23"/>
      <c r="EL96" s="23"/>
      <c r="EM96" s="23"/>
      <c r="EN96" s="23"/>
      <c r="EO96" s="23"/>
      <c r="EP96" s="23"/>
      <c r="EQ96" s="23"/>
      <c r="ER96" s="23"/>
      <c r="ES96" s="23"/>
      <c r="ET96" s="23"/>
      <c r="EU96" s="23"/>
      <c r="EV96" s="23"/>
      <c r="EW96" s="23"/>
      <c r="EX96" s="23"/>
      <c r="EY96" s="23"/>
      <c r="EZ96" s="23"/>
      <c r="FA96" s="23"/>
      <c r="FB96" s="23"/>
      <c r="FC96" s="23"/>
      <c r="FD96" s="23"/>
      <c r="FE96" s="23"/>
      <c r="FF96" s="23"/>
      <c r="FG96" s="23"/>
      <c r="FH96" s="23"/>
      <c r="FI96" s="23"/>
      <c r="FJ96" s="23"/>
      <c r="FK96" s="23"/>
      <c r="FL96" s="23"/>
      <c r="FM96" s="23"/>
      <c r="FN96" s="23"/>
      <c r="FO96" s="23"/>
      <c r="FP96" s="23"/>
      <c r="FQ96" s="23"/>
      <c r="FR96" s="23"/>
      <c r="FS96" s="23"/>
      <c r="FT96" s="23"/>
      <c r="FU96" s="23"/>
      <c r="FV96" s="23"/>
      <c r="FW96" s="23"/>
      <c r="FX96" s="23"/>
      <c r="FY96" s="23"/>
      <c r="FZ96" s="23"/>
      <c r="GA96" s="23"/>
      <c r="GB96" s="23"/>
      <c r="GC96" s="23"/>
      <c r="GD96" s="23"/>
      <c r="GE96" s="23"/>
      <c r="GF96" s="23"/>
      <c r="GG96" s="23"/>
      <c r="GH96" s="23"/>
      <c r="GI96" s="23"/>
      <c r="GJ96" s="23"/>
      <c r="GK96" s="23"/>
      <c r="GL96" s="23"/>
      <c r="GM96" s="23"/>
      <c r="GN96" s="23"/>
      <c r="GO96" s="23"/>
      <c r="GP96" s="23"/>
      <c r="GQ96" s="23"/>
      <c r="GR96" s="23"/>
      <c r="GS96" s="23"/>
      <c r="GT96" s="23"/>
      <c r="GU96" s="23"/>
      <c r="GV96" s="23"/>
      <c r="GW96" s="23"/>
      <c r="GX96" s="23"/>
      <c r="GY96" s="23"/>
      <c r="GZ96" s="23"/>
      <c r="HA96" s="23"/>
      <c r="HB96" s="23"/>
      <c r="HC96" s="23"/>
      <c r="HD96" s="23"/>
      <c r="HE96" s="23"/>
      <c r="HF96" s="23"/>
      <c r="HG96" s="23"/>
      <c r="HH96" s="23"/>
      <c r="HI96" s="23"/>
      <c r="HJ96" s="23"/>
      <c r="HK96" s="23"/>
      <c r="HL96" s="23"/>
      <c r="HM96" s="23"/>
      <c r="HN96" s="23"/>
      <c r="HO96" s="23"/>
      <c r="HP96" s="23"/>
      <c r="HQ96" s="23"/>
      <c r="HR96" s="23"/>
      <c r="HS96" s="23"/>
      <c r="HT96" s="23"/>
      <c r="HU96" s="23"/>
      <c r="HV96" s="23"/>
      <c r="HW96" s="23"/>
      <c r="HX96" s="23"/>
      <c r="HY96" s="23"/>
      <c r="HZ96" s="23"/>
      <c r="IA96" s="23"/>
      <c r="IB96" s="23"/>
      <c r="IC96" s="23"/>
      <c r="ID96" s="23"/>
      <c r="IE96" s="23"/>
      <c r="IF96" s="23"/>
      <c r="IG96" s="23"/>
      <c r="IH96" s="23"/>
      <c r="II96" s="23"/>
      <c r="IJ96" s="23"/>
      <c r="IK96" s="23"/>
      <c r="IL96" s="23"/>
      <c r="IM96" s="23"/>
      <c r="IN96" s="23"/>
      <c r="IO96" s="23"/>
      <c r="IP96" s="23"/>
      <c r="IQ96" s="23"/>
    </row>
    <row r="97" spans="1:251" s="50" customFormat="1" ht="18.75" customHeight="1">
      <c r="A97" s="34"/>
      <c r="B97" s="47"/>
      <c r="C97" s="130"/>
      <c r="D97" s="130"/>
      <c r="E97" s="130"/>
      <c r="F97" s="130"/>
      <c r="G97" s="130"/>
      <c r="H97" s="130"/>
      <c r="I97" s="130"/>
      <c r="J97" s="130"/>
      <c r="K97" s="130"/>
      <c r="L97" s="130"/>
      <c r="M97" s="130"/>
      <c r="N97" s="130"/>
      <c r="O97" s="130"/>
      <c r="P97" s="130"/>
      <c r="Q97" s="130"/>
      <c r="R97" s="130"/>
      <c r="S97" s="130"/>
      <c r="T97" s="130"/>
      <c r="U97" s="130"/>
      <c r="V97" s="130"/>
      <c r="W97" s="130"/>
      <c r="X97" s="130"/>
      <c r="Y97" s="130"/>
      <c r="Z97" s="131"/>
      <c r="AA97" s="132"/>
      <c r="AB97" s="200"/>
      <c r="AC97" s="200"/>
      <c r="AD97" s="200"/>
      <c r="AE97" s="200"/>
      <c r="AF97" s="200"/>
      <c r="AG97" s="200"/>
      <c r="AH97" s="200"/>
      <c r="AI97" s="201"/>
      <c r="AJ97" s="132"/>
      <c r="AK97" s="196"/>
      <c r="AL97" s="196"/>
      <c r="AM97" s="196"/>
      <c r="AN97" s="196"/>
      <c r="AO97" s="196"/>
      <c r="AP97" s="196"/>
      <c r="AQ97" s="196"/>
      <c r="AR97" s="197"/>
      <c r="AS97" s="132"/>
      <c r="AT97" s="196"/>
      <c r="AU97" s="196"/>
      <c r="AV97" s="196"/>
      <c r="AW97" s="196"/>
      <c r="AX97" s="202"/>
      <c r="AY97" s="23"/>
      <c r="AZ97" s="23"/>
      <c r="BA97" s="23"/>
      <c r="BB97" s="23"/>
      <c r="BC97" s="23"/>
      <c r="BD97" s="23"/>
      <c r="BE97" s="23"/>
      <c r="BF97" s="23"/>
      <c r="BG97" s="23"/>
      <c r="BH97" s="23"/>
      <c r="BI97" s="23"/>
      <c r="BJ97" s="23"/>
      <c r="BK97" s="23"/>
      <c r="BL97" s="23"/>
      <c r="BM97" s="23"/>
      <c r="BN97" s="23"/>
      <c r="BO97" s="23"/>
      <c r="BP97" s="23"/>
      <c r="BQ97" s="23"/>
      <c r="BR97" s="23"/>
      <c r="BS97" s="23"/>
      <c r="BT97" s="23"/>
      <c r="BU97" s="23"/>
      <c r="BV97" s="23"/>
      <c r="BW97" s="23"/>
      <c r="BX97" s="23"/>
      <c r="BY97" s="23"/>
      <c r="BZ97" s="23"/>
      <c r="CA97" s="23"/>
      <c r="CB97" s="23"/>
      <c r="CC97" s="23"/>
      <c r="CD97" s="23"/>
      <c r="CE97" s="23"/>
      <c r="CF97" s="23"/>
      <c r="CG97" s="23"/>
      <c r="CH97" s="23"/>
      <c r="CI97" s="23"/>
      <c r="CJ97" s="23"/>
      <c r="CK97" s="23"/>
      <c r="CL97" s="23"/>
      <c r="CM97" s="23"/>
      <c r="CN97" s="23"/>
      <c r="CO97" s="23"/>
      <c r="CP97" s="23"/>
      <c r="CQ97" s="23"/>
      <c r="CR97" s="23"/>
      <c r="CS97" s="23"/>
      <c r="CT97" s="23"/>
      <c r="CU97" s="23"/>
      <c r="CV97" s="23"/>
      <c r="CW97" s="23"/>
      <c r="CX97" s="23"/>
      <c r="CY97" s="23"/>
      <c r="CZ97" s="23"/>
      <c r="DA97" s="23"/>
      <c r="DB97" s="23"/>
      <c r="DC97" s="23"/>
      <c r="DD97" s="23"/>
      <c r="DE97" s="23"/>
      <c r="DF97" s="23"/>
      <c r="DG97" s="23"/>
      <c r="DH97" s="23"/>
      <c r="DI97" s="23"/>
      <c r="DJ97" s="23"/>
      <c r="DK97" s="23"/>
      <c r="DL97" s="23"/>
      <c r="DM97" s="23"/>
      <c r="DN97" s="23"/>
      <c r="DO97" s="23"/>
      <c r="DP97" s="23"/>
      <c r="DQ97" s="23"/>
      <c r="DR97" s="23"/>
      <c r="DS97" s="23"/>
      <c r="DT97" s="23"/>
      <c r="DU97" s="23"/>
      <c r="DV97" s="23"/>
      <c r="DW97" s="23"/>
      <c r="DX97" s="23"/>
      <c r="DY97" s="23"/>
      <c r="DZ97" s="23"/>
      <c r="EA97" s="23"/>
      <c r="EB97" s="23"/>
      <c r="EC97" s="23"/>
      <c r="ED97" s="23"/>
      <c r="EE97" s="23"/>
      <c r="EF97" s="23"/>
      <c r="EG97" s="23"/>
      <c r="EH97" s="23"/>
      <c r="EI97" s="23"/>
      <c r="EJ97" s="23"/>
      <c r="EK97" s="23"/>
      <c r="EL97" s="23"/>
      <c r="EM97" s="23"/>
      <c r="EN97" s="23"/>
      <c r="EO97" s="23"/>
      <c r="EP97" s="23"/>
      <c r="EQ97" s="23"/>
      <c r="ER97" s="23"/>
      <c r="ES97" s="23"/>
      <c r="ET97" s="23"/>
      <c r="EU97" s="23"/>
      <c r="EV97" s="23"/>
      <c r="EW97" s="23"/>
      <c r="EX97" s="23"/>
      <c r="EY97" s="23"/>
      <c r="EZ97" s="23"/>
      <c r="FA97" s="23"/>
      <c r="FB97" s="23"/>
      <c r="FC97" s="23"/>
      <c r="FD97" s="23"/>
      <c r="FE97" s="23"/>
      <c r="FF97" s="23"/>
      <c r="FG97" s="23"/>
      <c r="FH97" s="23"/>
      <c r="FI97" s="23"/>
      <c r="FJ97" s="23"/>
      <c r="FK97" s="23"/>
      <c r="FL97" s="23"/>
      <c r="FM97" s="23"/>
      <c r="FN97" s="23"/>
      <c r="FO97" s="23"/>
      <c r="FP97" s="23"/>
      <c r="FQ97" s="23"/>
      <c r="FR97" s="23"/>
      <c r="FS97" s="23"/>
      <c r="FT97" s="23"/>
      <c r="FU97" s="23"/>
      <c r="FV97" s="23"/>
      <c r="FW97" s="23"/>
      <c r="FX97" s="23"/>
      <c r="FY97" s="23"/>
      <c r="FZ97" s="23"/>
      <c r="GA97" s="23"/>
      <c r="GB97" s="23"/>
      <c r="GC97" s="23"/>
      <c r="GD97" s="23"/>
      <c r="GE97" s="23"/>
      <c r="GF97" s="23"/>
      <c r="GG97" s="23"/>
      <c r="GH97" s="23"/>
      <c r="GI97" s="23"/>
      <c r="GJ97" s="23"/>
      <c r="GK97" s="23"/>
      <c r="GL97" s="23"/>
      <c r="GM97" s="23"/>
      <c r="GN97" s="23"/>
      <c r="GO97" s="23"/>
      <c r="GP97" s="23"/>
      <c r="GQ97" s="23"/>
      <c r="GR97" s="23"/>
      <c r="GS97" s="23"/>
      <c r="GT97" s="23"/>
      <c r="GU97" s="23"/>
      <c r="GV97" s="23"/>
      <c r="GW97" s="23"/>
      <c r="GX97" s="23"/>
      <c r="GY97" s="23"/>
      <c r="GZ97" s="23"/>
      <c r="HA97" s="23"/>
      <c r="HB97" s="23"/>
      <c r="HC97" s="23"/>
      <c r="HD97" s="23"/>
      <c r="HE97" s="23"/>
      <c r="HF97" s="23"/>
      <c r="HG97" s="23"/>
      <c r="HH97" s="23"/>
      <c r="HI97" s="23"/>
      <c r="HJ97" s="23"/>
      <c r="HK97" s="23"/>
      <c r="HL97" s="23"/>
      <c r="HM97" s="23"/>
      <c r="HN97" s="23"/>
      <c r="HO97" s="23"/>
      <c r="HP97" s="23"/>
      <c r="HQ97" s="23"/>
      <c r="HR97" s="23"/>
      <c r="HS97" s="23"/>
      <c r="HT97" s="23"/>
      <c r="HU97" s="23"/>
      <c r="HV97" s="23"/>
      <c r="HW97" s="23"/>
      <c r="HX97" s="23"/>
      <c r="HY97" s="23"/>
      <c r="HZ97" s="23"/>
      <c r="IA97" s="23"/>
      <c r="IB97" s="23"/>
      <c r="IC97" s="23"/>
      <c r="ID97" s="23"/>
      <c r="IE97" s="23"/>
      <c r="IF97" s="23"/>
      <c r="IG97" s="23"/>
      <c r="IH97" s="23"/>
      <c r="II97" s="23"/>
      <c r="IJ97" s="23"/>
      <c r="IK97" s="23"/>
      <c r="IL97" s="23"/>
      <c r="IM97" s="23"/>
      <c r="IN97" s="23"/>
      <c r="IO97" s="23"/>
      <c r="IP97" s="23"/>
      <c r="IQ97" s="23"/>
    </row>
    <row r="98" spans="1:251" s="50" customFormat="1" ht="18.75" customHeight="1">
      <c r="A98" s="34"/>
      <c r="B98" s="47"/>
      <c r="C98" s="130"/>
      <c r="D98" s="130"/>
      <c r="E98" s="130"/>
      <c r="F98" s="130"/>
      <c r="G98" s="130"/>
      <c r="H98" s="130"/>
      <c r="I98" s="130"/>
      <c r="J98" s="130"/>
      <c r="K98" s="130"/>
      <c r="L98" s="130"/>
      <c r="M98" s="130"/>
      <c r="N98" s="130"/>
      <c r="O98" s="130"/>
      <c r="P98" s="130"/>
      <c r="Q98" s="130"/>
      <c r="R98" s="130"/>
      <c r="S98" s="130"/>
      <c r="T98" s="130"/>
      <c r="U98" s="130"/>
      <c r="V98" s="130"/>
      <c r="W98" s="130"/>
      <c r="X98" s="130"/>
      <c r="Y98" s="130"/>
      <c r="Z98" s="131"/>
      <c r="AA98" s="132"/>
      <c r="AB98" s="200"/>
      <c r="AC98" s="200"/>
      <c r="AD98" s="200"/>
      <c r="AE98" s="200"/>
      <c r="AF98" s="200"/>
      <c r="AG98" s="200"/>
      <c r="AH98" s="200"/>
      <c r="AI98" s="201"/>
      <c r="AJ98" s="132"/>
      <c r="AK98" s="196"/>
      <c r="AL98" s="196"/>
      <c r="AM98" s="196"/>
      <c r="AN98" s="196"/>
      <c r="AO98" s="196"/>
      <c r="AP98" s="196"/>
      <c r="AQ98" s="196"/>
      <c r="AR98" s="197"/>
      <c r="AS98" s="132"/>
      <c r="AT98" s="196"/>
      <c r="AU98" s="196"/>
      <c r="AV98" s="196"/>
      <c r="AW98" s="196"/>
      <c r="AX98" s="202"/>
      <c r="AY98" s="23"/>
      <c r="AZ98" s="23"/>
      <c r="BA98" s="23"/>
      <c r="BB98" s="23"/>
      <c r="BC98" s="23"/>
      <c r="BD98" s="23"/>
      <c r="BE98" s="23"/>
      <c r="BF98" s="23"/>
      <c r="BG98" s="23"/>
      <c r="BH98" s="23"/>
      <c r="BI98" s="23"/>
      <c r="BJ98" s="23"/>
      <c r="BK98" s="23"/>
      <c r="BL98" s="23"/>
      <c r="BM98" s="23"/>
      <c r="BN98" s="23"/>
      <c r="BO98" s="23"/>
      <c r="BP98" s="23"/>
      <c r="BQ98" s="23"/>
      <c r="BR98" s="23"/>
      <c r="BS98" s="23"/>
      <c r="BT98" s="23"/>
      <c r="BU98" s="23"/>
      <c r="BV98" s="23"/>
      <c r="BW98" s="23"/>
      <c r="BX98" s="23"/>
      <c r="BY98" s="23"/>
      <c r="BZ98" s="23"/>
      <c r="CA98" s="23"/>
      <c r="CB98" s="23"/>
      <c r="CC98" s="23"/>
      <c r="CD98" s="23"/>
      <c r="CE98" s="23"/>
      <c r="CF98" s="23"/>
      <c r="CG98" s="23"/>
      <c r="CH98" s="23"/>
      <c r="CI98" s="23"/>
      <c r="CJ98" s="23"/>
      <c r="CK98" s="23"/>
      <c r="CL98" s="23"/>
      <c r="CM98" s="23"/>
      <c r="CN98" s="23"/>
      <c r="CO98" s="23"/>
      <c r="CP98" s="23"/>
      <c r="CQ98" s="23"/>
      <c r="CR98" s="23"/>
      <c r="CS98" s="23"/>
      <c r="CT98" s="23"/>
      <c r="CU98" s="23"/>
      <c r="CV98" s="23"/>
      <c r="CW98" s="23"/>
      <c r="CX98" s="23"/>
      <c r="CY98" s="23"/>
      <c r="CZ98" s="23"/>
      <c r="DA98" s="23"/>
      <c r="DB98" s="23"/>
      <c r="DC98" s="23"/>
      <c r="DD98" s="23"/>
      <c r="DE98" s="23"/>
      <c r="DF98" s="23"/>
      <c r="DG98" s="23"/>
      <c r="DH98" s="23"/>
      <c r="DI98" s="23"/>
      <c r="DJ98" s="23"/>
      <c r="DK98" s="23"/>
      <c r="DL98" s="23"/>
      <c r="DM98" s="23"/>
      <c r="DN98" s="23"/>
      <c r="DO98" s="23"/>
      <c r="DP98" s="23"/>
      <c r="DQ98" s="23"/>
      <c r="DR98" s="23"/>
      <c r="DS98" s="23"/>
      <c r="DT98" s="23"/>
      <c r="DU98" s="23"/>
      <c r="DV98" s="23"/>
      <c r="DW98" s="23"/>
      <c r="DX98" s="23"/>
      <c r="DY98" s="23"/>
      <c r="DZ98" s="23"/>
      <c r="EA98" s="23"/>
      <c r="EB98" s="23"/>
      <c r="EC98" s="23"/>
      <c r="ED98" s="23"/>
      <c r="EE98" s="23"/>
      <c r="EF98" s="23"/>
      <c r="EG98" s="23"/>
      <c r="EH98" s="23"/>
      <c r="EI98" s="23"/>
      <c r="EJ98" s="23"/>
      <c r="EK98" s="23"/>
      <c r="EL98" s="23"/>
      <c r="EM98" s="23"/>
      <c r="EN98" s="23"/>
      <c r="EO98" s="23"/>
      <c r="EP98" s="23"/>
      <c r="EQ98" s="23"/>
      <c r="ER98" s="23"/>
      <c r="ES98" s="23"/>
      <c r="ET98" s="23"/>
      <c r="EU98" s="23"/>
      <c r="EV98" s="23"/>
      <c r="EW98" s="23"/>
      <c r="EX98" s="23"/>
      <c r="EY98" s="23"/>
      <c r="EZ98" s="23"/>
      <c r="FA98" s="23"/>
      <c r="FB98" s="23"/>
      <c r="FC98" s="23"/>
      <c r="FD98" s="23"/>
      <c r="FE98" s="23"/>
      <c r="FF98" s="23"/>
      <c r="FG98" s="23"/>
      <c r="FH98" s="23"/>
      <c r="FI98" s="23"/>
      <c r="FJ98" s="23"/>
      <c r="FK98" s="23"/>
      <c r="FL98" s="23"/>
      <c r="FM98" s="23"/>
      <c r="FN98" s="23"/>
      <c r="FO98" s="23"/>
      <c r="FP98" s="23"/>
      <c r="FQ98" s="23"/>
      <c r="FR98" s="23"/>
      <c r="FS98" s="23"/>
      <c r="FT98" s="23"/>
      <c r="FU98" s="23"/>
      <c r="FV98" s="23"/>
      <c r="FW98" s="23"/>
      <c r="FX98" s="23"/>
      <c r="FY98" s="23"/>
      <c r="FZ98" s="23"/>
      <c r="GA98" s="23"/>
      <c r="GB98" s="23"/>
      <c r="GC98" s="23"/>
      <c r="GD98" s="23"/>
      <c r="GE98" s="23"/>
      <c r="GF98" s="23"/>
      <c r="GG98" s="23"/>
      <c r="GH98" s="23"/>
      <c r="GI98" s="23"/>
      <c r="GJ98" s="23"/>
      <c r="GK98" s="23"/>
      <c r="GL98" s="23"/>
      <c r="GM98" s="23"/>
      <c r="GN98" s="23"/>
      <c r="GO98" s="23"/>
      <c r="GP98" s="23"/>
      <c r="GQ98" s="23"/>
      <c r="GR98" s="23"/>
      <c r="GS98" s="23"/>
      <c r="GT98" s="23"/>
      <c r="GU98" s="23"/>
      <c r="GV98" s="23"/>
      <c r="GW98" s="23"/>
      <c r="GX98" s="23"/>
      <c r="GY98" s="23"/>
      <c r="GZ98" s="23"/>
      <c r="HA98" s="23"/>
      <c r="HB98" s="23"/>
      <c r="HC98" s="23"/>
      <c r="HD98" s="23"/>
      <c r="HE98" s="23"/>
      <c r="HF98" s="23"/>
      <c r="HG98" s="23"/>
      <c r="HH98" s="23"/>
      <c r="HI98" s="23"/>
      <c r="HJ98" s="23"/>
      <c r="HK98" s="23"/>
      <c r="HL98" s="23"/>
      <c r="HM98" s="23"/>
      <c r="HN98" s="23"/>
      <c r="HO98" s="23"/>
      <c r="HP98" s="23"/>
      <c r="HQ98" s="23"/>
      <c r="HR98" s="23"/>
      <c r="HS98" s="23"/>
      <c r="HT98" s="23"/>
      <c r="HU98" s="23"/>
      <c r="HV98" s="23"/>
      <c r="HW98" s="23"/>
      <c r="HX98" s="23"/>
      <c r="HY98" s="23"/>
      <c r="HZ98" s="23"/>
      <c r="IA98" s="23"/>
      <c r="IB98" s="23"/>
      <c r="IC98" s="23"/>
      <c r="ID98" s="23"/>
      <c r="IE98" s="23"/>
      <c r="IF98" s="23"/>
      <c r="IG98" s="23"/>
      <c r="IH98" s="23"/>
      <c r="II98" s="23"/>
      <c r="IJ98" s="23"/>
      <c r="IK98" s="23"/>
      <c r="IL98" s="23"/>
      <c r="IM98" s="23"/>
      <c r="IN98" s="23"/>
      <c r="IO98" s="23"/>
      <c r="IP98" s="23"/>
      <c r="IQ98" s="23"/>
    </row>
    <row r="99" spans="1:251" s="50" customFormat="1" ht="18.75" customHeight="1">
      <c r="A99" s="34"/>
      <c r="B99" s="47"/>
      <c r="C99" s="130"/>
      <c r="D99" s="130"/>
      <c r="E99" s="130"/>
      <c r="F99" s="130"/>
      <c r="G99" s="130"/>
      <c r="H99" s="130"/>
      <c r="I99" s="130"/>
      <c r="J99" s="130"/>
      <c r="K99" s="130"/>
      <c r="L99" s="130"/>
      <c r="M99" s="130"/>
      <c r="N99" s="130"/>
      <c r="O99" s="130"/>
      <c r="P99" s="130"/>
      <c r="Q99" s="130"/>
      <c r="R99" s="130"/>
      <c r="S99" s="130"/>
      <c r="T99" s="130"/>
      <c r="U99" s="130"/>
      <c r="V99" s="130"/>
      <c r="W99" s="130"/>
      <c r="X99" s="130"/>
      <c r="Y99" s="130"/>
      <c r="Z99" s="131"/>
      <c r="AA99" s="132"/>
      <c r="AB99" s="200"/>
      <c r="AC99" s="200"/>
      <c r="AD99" s="200"/>
      <c r="AE99" s="200"/>
      <c r="AF99" s="200"/>
      <c r="AG99" s="200"/>
      <c r="AH99" s="200"/>
      <c r="AI99" s="201"/>
      <c r="AJ99" s="132"/>
      <c r="AK99" s="196"/>
      <c r="AL99" s="196"/>
      <c r="AM99" s="196"/>
      <c r="AN99" s="196"/>
      <c r="AO99" s="196"/>
      <c r="AP99" s="196"/>
      <c r="AQ99" s="196"/>
      <c r="AR99" s="197"/>
      <c r="AS99" s="132"/>
      <c r="AT99" s="196"/>
      <c r="AU99" s="196"/>
      <c r="AV99" s="196"/>
      <c r="AW99" s="196"/>
      <c r="AX99" s="202"/>
      <c r="AY99" s="23"/>
      <c r="AZ99" s="23"/>
      <c r="BA99" s="23"/>
      <c r="BB99" s="23"/>
      <c r="BC99" s="23"/>
      <c r="BD99" s="23"/>
      <c r="BE99" s="23"/>
      <c r="BF99" s="23"/>
      <c r="BG99" s="23"/>
      <c r="BH99" s="23"/>
      <c r="BI99" s="23"/>
      <c r="BJ99" s="23"/>
      <c r="BK99" s="23"/>
      <c r="BL99" s="23"/>
      <c r="BM99" s="23"/>
      <c r="BN99" s="23"/>
      <c r="BO99" s="23"/>
      <c r="BP99" s="23"/>
      <c r="BQ99" s="23"/>
      <c r="BR99" s="23"/>
      <c r="BS99" s="23"/>
      <c r="BT99" s="23"/>
      <c r="BU99" s="23"/>
      <c r="BV99" s="23"/>
      <c r="BW99" s="23"/>
      <c r="BX99" s="23"/>
      <c r="BY99" s="23"/>
      <c r="BZ99" s="23"/>
      <c r="CA99" s="23"/>
      <c r="CB99" s="23"/>
      <c r="CC99" s="23"/>
      <c r="CD99" s="23"/>
      <c r="CE99" s="23"/>
      <c r="CF99" s="23"/>
      <c r="CG99" s="23"/>
      <c r="CH99" s="23"/>
      <c r="CI99" s="23"/>
      <c r="CJ99" s="23"/>
      <c r="CK99" s="23"/>
      <c r="CL99" s="23"/>
      <c r="CM99" s="23"/>
      <c r="CN99" s="23"/>
      <c r="CO99" s="23"/>
      <c r="CP99" s="23"/>
      <c r="CQ99" s="23"/>
      <c r="CR99" s="23"/>
      <c r="CS99" s="23"/>
      <c r="CT99" s="23"/>
      <c r="CU99" s="23"/>
      <c r="CV99" s="23"/>
      <c r="CW99" s="23"/>
      <c r="CX99" s="23"/>
      <c r="CY99" s="23"/>
      <c r="CZ99" s="23"/>
      <c r="DA99" s="23"/>
      <c r="DB99" s="23"/>
      <c r="DC99" s="23"/>
      <c r="DD99" s="23"/>
      <c r="DE99" s="23"/>
      <c r="DF99" s="23"/>
      <c r="DG99" s="23"/>
      <c r="DH99" s="23"/>
      <c r="DI99" s="23"/>
      <c r="DJ99" s="23"/>
      <c r="DK99" s="23"/>
      <c r="DL99" s="23"/>
      <c r="DM99" s="23"/>
      <c r="DN99" s="23"/>
      <c r="DO99" s="23"/>
      <c r="DP99" s="23"/>
      <c r="DQ99" s="23"/>
      <c r="DR99" s="23"/>
      <c r="DS99" s="23"/>
      <c r="DT99" s="23"/>
      <c r="DU99" s="23"/>
      <c r="DV99" s="23"/>
      <c r="DW99" s="23"/>
      <c r="DX99" s="23"/>
      <c r="DY99" s="23"/>
      <c r="DZ99" s="23"/>
      <c r="EA99" s="23"/>
      <c r="EB99" s="23"/>
      <c r="EC99" s="23"/>
      <c r="ED99" s="23"/>
      <c r="EE99" s="23"/>
      <c r="EF99" s="23"/>
      <c r="EG99" s="23"/>
      <c r="EH99" s="23"/>
      <c r="EI99" s="23"/>
      <c r="EJ99" s="23"/>
      <c r="EK99" s="23"/>
      <c r="EL99" s="23"/>
      <c r="EM99" s="23"/>
      <c r="EN99" s="23"/>
      <c r="EO99" s="23"/>
      <c r="EP99" s="23"/>
      <c r="EQ99" s="23"/>
      <c r="ER99" s="23"/>
      <c r="ES99" s="23"/>
      <c r="ET99" s="23"/>
      <c r="EU99" s="23"/>
      <c r="EV99" s="23"/>
      <c r="EW99" s="23"/>
      <c r="EX99" s="23"/>
      <c r="EY99" s="23"/>
      <c r="EZ99" s="23"/>
      <c r="FA99" s="23"/>
      <c r="FB99" s="23"/>
      <c r="FC99" s="23"/>
      <c r="FD99" s="23"/>
      <c r="FE99" s="23"/>
      <c r="FF99" s="23"/>
      <c r="FG99" s="23"/>
      <c r="FH99" s="23"/>
      <c r="FI99" s="23"/>
      <c r="FJ99" s="23"/>
      <c r="FK99" s="23"/>
      <c r="FL99" s="23"/>
      <c r="FM99" s="23"/>
      <c r="FN99" s="23"/>
      <c r="FO99" s="23"/>
      <c r="FP99" s="23"/>
      <c r="FQ99" s="23"/>
      <c r="FR99" s="23"/>
      <c r="FS99" s="23"/>
      <c r="FT99" s="23"/>
      <c r="FU99" s="23"/>
      <c r="FV99" s="23"/>
      <c r="FW99" s="23"/>
      <c r="FX99" s="23"/>
      <c r="FY99" s="23"/>
      <c r="FZ99" s="23"/>
      <c r="GA99" s="23"/>
      <c r="GB99" s="23"/>
      <c r="GC99" s="23"/>
      <c r="GD99" s="23"/>
      <c r="GE99" s="23"/>
      <c r="GF99" s="23"/>
      <c r="GG99" s="23"/>
      <c r="GH99" s="23"/>
      <c r="GI99" s="23"/>
      <c r="GJ99" s="23"/>
      <c r="GK99" s="23"/>
      <c r="GL99" s="23"/>
      <c r="GM99" s="23"/>
      <c r="GN99" s="23"/>
      <c r="GO99" s="23"/>
      <c r="GP99" s="23"/>
      <c r="GQ99" s="23"/>
      <c r="GR99" s="23"/>
      <c r="GS99" s="23"/>
      <c r="GT99" s="23"/>
      <c r="GU99" s="23"/>
      <c r="GV99" s="23"/>
      <c r="GW99" s="23"/>
      <c r="GX99" s="23"/>
      <c r="GY99" s="23"/>
      <c r="GZ99" s="23"/>
      <c r="HA99" s="23"/>
      <c r="HB99" s="23"/>
      <c r="HC99" s="23"/>
      <c r="HD99" s="23"/>
      <c r="HE99" s="23"/>
      <c r="HF99" s="23"/>
      <c r="HG99" s="23"/>
      <c r="HH99" s="23"/>
      <c r="HI99" s="23"/>
      <c r="HJ99" s="23"/>
      <c r="HK99" s="23"/>
      <c r="HL99" s="23"/>
      <c r="HM99" s="23"/>
      <c r="HN99" s="23"/>
      <c r="HO99" s="23"/>
      <c r="HP99" s="23"/>
      <c r="HQ99" s="23"/>
      <c r="HR99" s="23"/>
      <c r="HS99" s="23"/>
      <c r="HT99" s="23"/>
      <c r="HU99" s="23"/>
      <c r="HV99" s="23"/>
      <c r="HW99" s="23"/>
      <c r="HX99" s="23"/>
      <c r="HY99" s="23"/>
      <c r="HZ99" s="23"/>
      <c r="IA99" s="23"/>
      <c r="IB99" s="23"/>
      <c r="IC99" s="23"/>
      <c r="ID99" s="23"/>
      <c r="IE99" s="23"/>
      <c r="IF99" s="23"/>
      <c r="IG99" s="23"/>
      <c r="IH99" s="23"/>
      <c r="II99" s="23"/>
      <c r="IJ99" s="23"/>
      <c r="IK99" s="23"/>
      <c r="IL99" s="23"/>
      <c r="IM99" s="23"/>
      <c r="IN99" s="23"/>
      <c r="IO99" s="23"/>
      <c r="IP99" s="23"/>
      <c r="IQ99" s="23"/>
    </row>
    <row r="100" spans="1:251" s="50" customFormat="1" ht="18.75" customHeight="1">
      <c r="A100" s="34"/>
      <c r="B100" s="48"/>
      <c r="C100" s="130"/>
      <c r="D100" s="130"/>
      <c r="E100" s="130"/>
      <c r="F100" s="130"/>
      <c r="G100" s="130"/>
      <c r="H100" s="130"/>
      <c r="I100" s="130"/>
      <c r="J100" s="130"/>
      <c r="K100" s="130"/>
      <c r="L100" s="130"/>
      <c r="M100" s="130"/>
      <c r="N100" s="130"/>
      <c r="O100" s="130"/>
      <c r="P100" s="130"/>
      <c r="Q100" s="130"/>
      <c r="R100" s="130"/>
      <c r="S100" s="130"/>
      <c r="T100" s="130"/>
      <c r="U100" s="130"/>
      <c r="V100" s="130"/>
      <c r="W100" s="130"/>
      <c r="X100" s="130"/>
      <c r="Y100" s="130"/>
      <c r="Z100" s="131"/>
      <c r="AA100" s="132"/>
      <c r="AB100" s="200"/>
      <c r="AC100" s="200"/>
      <c r="AD100" s="200"/>
      <c r="AE100" s="200"/>
      <c r="AF100" s="200"/>
      <c r="AG100" s="200"/>
      <c r="AH100" s="200"/>
      <c r="AI100" s="201"/>
      <c r="AJ100" s="132"/>
      <c r="AK100" s="196"/>
      <c r="AL100" s="196"/>
      <c r="AM100" s="196"/>
      <c r="AN100" s="196"/>
      <c r="AO100" s="196"/>
      <c r="AP100" s="196"/>
      <c r="AQ100" s="196"/>
      <c r="AR100" s="197"/>
      <c r="AS100" s="136"/>
      <c r="AT100" s="198"/>
      <c r="AU100" s="198"/>
      <c r="AV100" s="198"/>
      <c r="AW100" s="198"/>
      <c r="AX100" s="199"/>
      <c r="AY100" s="23"/>
      <c r="AZ100" s="23"/>
      <c r="BA100" s="23"/>
      <c r="BB100" s="23"/>
      <c r="BC100" s="23"/>
      <c r="BD100" s="23"/>
      <c r="BE100" s="23"/>
      <c r="BF100" s="23"/>
      <c r="BG100" s="23"/>
      <c r="BH100" s="23"/>
      <c r="BI100" s="23"/>
      <c r="BJ100" s="23"/>
      <c r="BK100" s="23"/>
      <c r="BL100" s="23"/>
      <c r="BM100" s="23"/>
      <c r="BN100" s="23"/>
      <c r="BO100" s="23"/>
      <c r="BP100" s="23"/>
      <c r="BQ100" s="23"/>
      <c r="BR100" s="23"/>
      <c r="BS100" s="23"/>
      <c r="BT100" s="23"/>
      <c r="BU100" s="23"/>
      <c r="BV100" s="23"/>
      <c r="BW100" s="23"/>
      <c r="BX100" s="23"/>
      <c r="BY100" s="23"/>
      <c r="BZ100" s="23"/>
      <c r="CA100" s="23"/>
      <c r="CB100" s="23"/>
      <c r="CC100" s="23"/>
      <c r="CD100" s="23"/>
      <c r="CE100" s="23"/>
      <c r="CF100" s="23"/>
      <c r="CG100" s="23"/>
      <c r="CH100" s="23"/>
      <c r="CI100" s="23"/>
      <c r="CJ100" s="23"/>
      <c r="CK100" s="23"/>
      <c r="CL100" s="23"/>
      <c r="CM100" s="23"/>
      <c r="CN100" s="23"/>
      <c r="CO100" s="23"/>
      <c r="CP100" s="23"/>
      <c r="CQ100" s="23"/>
      <c r="CR100" s="23"/>
      <c r="CS100" s="23"/>
      <c r="CT100" s="23"/>
      <c r="CU100" s="23"/>
      <c r="CV100" s="23"/>
      <c r="CW100" s="23"/>
      <c r="CX100" s="23"/>
      <c r="CY100" s="23"/>
      <c r="CZ100" s="23"/>
      <c r="DA100" s="23"/>
      <c r="DB100" s="23"/>
      <c r="DC100" s="23"/>
      <c r="DD100" s="23"/>
      <c r="DE100" s="23"/>
      <c r="DF100" s="23"/>
      <c r="DG100" s="23"/>
      <c r="DH100" s="23"/>
      <c r="DI100" s="23"/>
      <c r="DJ100" s="23"/>
      <c r="DK100" s="23"/>
      <c r="DL100" s="23"/>
      <c r="DM100" s="23"/>
      <c r="DN100" s="23"/>
      <c r="DO100" s="23"/>
      <c r="DP100" s="23"/>
      <c r="DQ100" s="23"/>
      <c r="DR100" s="23"/>
      <c r="DS100" s="23"/>
      <c r="DT100" s="23"/>
      <c r="DU100" s="23"/>
      <c r="DV100" s="23"/>
      <c r="DW100" s="23"/>
      <c r="DX100" s="23"/>
      <c r="DY100" s="23"/>
      <c r="DZ100" s="23"/>
      <c r="EA100" s="23"/>
      <c r="EB100" s="23"/>
      <c r="EC100" s="23"/>
      <c r="ED100" s="23"/>
      <c r="EE100" s="23"/>
      <c r="EF100" s="23"/>
      <c r="EG100" s="23"/>
      <c r="EH100" s="23"/>
      <c r="EI100" s="23"/>
      <c r="EJ100" s="23"/>
      <c r="EK100" s="23"/>
      <c r="EL100" s="23"/>
      <c r="EM100" s="23"/>
      <c r="EN100" s="23"/>
      <c r="EO100" s="23"/>
      <c r="EP100" s="23"/>
      <c r="EQ100" s="23"/>
      <c r="ER100" s="23"/>
      <c r="ES100" s="23"/>
      <c r="ET100" s="23"/>
      <c r="EU100" s="23"/>
      <c r="EV100" s="23"/>
      <c r="EW100" s="23"/>
      <c r="EX100" s="23"/>
      <c r="EY100" s="23"/>
      <c r="EZ100" s="23"/>
      <c r="FA100" s="23"/>
      <c r="FB100" s="23"/>
      <c r="FC100" s="23"/>
      <c r="FD100" s="23"/>
      <c r="FE100" s="23"/>
      <c r="FF100" s="23"/>
      <c r="FG100" s="23"/>
      <c r="FH100" s="23"/>
      <c r="FI100" s="23"/>
      <c r="FJ100" s="23"/>
      <c r="FK100" s="23"/>
      <c r="FL100" s="23"/>
      <c r="FM100" s="23"/>
      <c r="FN100" s="23"/>
      <c r="FO100" s="23"/>
      <c r="FP100" s="23"/>
      <c r="FQ100" s="23"/>
      <c r="FR100" s="23"/>
      <c r="FS100" s="23"/>
      <c r="FT100" s="23"/>
      <c r="FU100" s="23"/>
      <c r="FV100" s="23"/>
      <c r="FW100" s="23"/>
      <c r="FX100" s="23"/>
      <c r="FY100" s="23"/>
      <c r="FZ100" s="23"/>
      <c r="GA100" s="23"/>
      <c r="GB100" s="23"/>
      <c r="GC100" s="23"/>
      <c r="GD100" s="23"/>
      <c r="GE100" s="23"/>
      <c r="GF100" s="23"/>
      <c r="GG100" s="23"/>
      <c r="GH100" s="23"/>
      <c r="GI100" s="23"/>
      <c r="GJ100" s="23"/>
      <c r="GK100" s="23"/>
      <c r="GL100" s="23"/>
      <c r="GM100" s="23"/>
      <c r="GN100" s="23"/>
      <c r="GO100" s="23"/>
      <c r="GP100" s="23"/>
      <c r="GQ100" s="23"/>
      <c r="GR100" s="23"/>
      <c r="GS100" s="23"/>
      <c r="GT100" s="23"/>
      <c r="GU100" s="23"/>
      <c r="GV100" s="23"/>
      <c r="GW100" s="23"/>
      <c r="GX100" s="23"/>
      <c r="GY100" s="23"/>
      <c r="GZ100" s="23"/>
      <c r="HA100" s="23"/>
      <c r="HB100" s="23"/>
      <c r="HC100" s="23"/>
      <c r="HD100" s="23"/>
      <c r="HE100" s="23"/>
      <c r="HF100" s="23"/>
      <c r="HG100" s="23"/>
      <c r="HH100" s="23"/>
      <c r="HI100" s="23"/>
      <c r="HJ100" s="23"/>
      <c r="HK100" s="23"/>
      <c r="HL100" s="23"/>
      <c r="HM100" s="23"/>
      <c r="HN100" s="23"/>
      <c r="HO100" s="23"/>
      <c r="HP100" s="23"/>
      <c r="HQ100" s="23"/>
      <c r="HR100" s="23"/>
      <c r="HS100" s="23"/>
      <c r="HT100" s="23"/>
      <c r="HU100" s="23"/>
      <c r="HV100" s="23"/>
      <c r="HW100" s="23"/>
      <c r="HX100" s="23"/>
      <c r="HY100" s="23"/>
      <c r="HZ100" s="23"/>
      <c r="IA100" s="23"/>
      <c r="IB100" s="23"/>
      <c r="IC100" s="23"/>
      <c r="ID100" s="23"/>
      <c r="IE100" s="23"/>
      <c r="IF100" s="23"/>
      <c r="IG100" s="23"/>
      <c r="IH100" s="23"/>
      <c r="II100" s="23"/>
      <c r="IJ100" s="23"/>
      <c r="IK100" s="23"/>
      <c r="IL100" s="23"/>
      <c r="IM100" s="23"/>
      <c r="IN100" s="23"/>
      <c r="IO100" s="23"/>
      <c r="IP100" s="23"/>
      <c r="IQ100" s="23"/>
    </row>
    <row r="101" spans="1:251" s="50" customFormat="1" ht="18.75" customHeight="1">
      <c r="A101" s="34"/>
      <c r="B101" s="47"/>
      <c r="C101" s="130"/>
      <c r="D101" s="130"/>
      <c r="E101" s="130"/>
      <c r="F101" s="130"/>
      <c r="G101" s="130"/>
      <c r="H101" s="130"/>
      <c r="I101" s="130"/>
      <c r="J101" s="130"/>
      <c r="K101" s="130"/>
      <c r="L101" s="130"/>
      <c r="M101" s="130"/>
      <c r="N101" s="130"/>
      <c r="O101" s="130"/>
      <c r="P101" s="130"/>
      <c r="Q101" s="130"/>
      <c r="R101" s="130"/>
      <c r="S101" s="130"/>
      <c r="T101" s="130"/>
      <c r="U101" s="130"/>
      <c r="V101" s="130"/>
      <c r="W101" s="130"/>
      <c r="X101" s="130"/>
      <c r="Y101" s="130"/>
      <c r="Z101" s="131"/>
      <c r="AA101" s="132"/>
      <c r="AB101" s="200"/>
      <c r="AC101" s="200"/>
      <c r="AD101" s="200"/>
      <c r="AE101" s="200"/>
      <c r="AF101" s="200"/>
      <c r="AG101" s="200"/>
      <c r="AH101" s="200"/>
      <c r="AI101" s="201"/>
      <c r="AJ101" s="132"/>
      <c r="AK101" s="196"/>
      <c r="AL101" s="196"/>
      <c r="AM101" s="196"/>
      <c r="AN101" s="196"/>
      <c r="AO101" s="196"/>
      <c r="AP101" s="196"/>
      <c r="AQ101" s="196"/>
      <c r="AR101" s="197"/>
      <c r="AS101" s="132"/>
      <c r="AT101" s="196"/>
      <c r="AU101" s="196"/>
      <c r="AV101" s="196"/>
      <c r="AW101" s="196"/>
      <c r="AX101" s="202"/>
      <c r="AY101" s="23"/>
      <c r="AZ101" s="23"/>
      <c r="BA101" s="23"/>
      <c r="BB101" s="23"/>
      <c r="BC101" s="23"/>
      <c r="BD101" s="23"/>
      <c r="BE101" s="23"/>
      <c r="BF101" s="23"/>
      <c r="BG101" s="23"/>
      <c r="BH101" s="23"/>
      <c r="BI101" s="23"/>
      <c r="BJ101" s="23"/>
      <c r="BK101" s="23"/>
      <c r="BL101" s="23"/>
      <c r="BM101" s="23"/>
      <c r="BN101" s="23"/>
      <c r="BO101" s="23"/>
      <c r="BP101" s="23"/>
      <c r="BQ101" s="23"/>
      <c r="BR101" s="23"/>
      <c r="BS101" s="23"/>
      <c r="BT101" s="23"/>
      <c r="BU101" s="23"/>
      <c r="BV101" s="23"/>
      <c r="BW101" s="23"/>
      <c r="BX101" s="23"/>
      <c r="BY101" s="23"/>
      <c r="BZ101" s="23"/>
      <c r="CA101" s="23"/>
      <c r="CB101" s="23"/>
      <c r="CC101" s="23"/>
      <c r="CD101" s="23"/>
      <c r="CE101" s="23"/>
      <c r="CF101" s="23"/>
      <c r="CG101" s="23"/>
      <c r="CH101" s="23"/>
      <c r="CI101" s="23"/>
      <c r="CJ101" s="23"/>
      <c r="CK101" s="23"/>
      <c r="CL101" s="23"/>
      <c r="CM101" s="23"/>
      <c r="CN101" s="23"/>
      <c r="CO101" s="23"/>
      <c r="CP101" s="23"/>
      <c r="CQ101" s="23"/>
      <c r="CR101" s="23"/>
      <c r="CS101" s="23"/>
      <c r="CT101" s="23"/>
      <c r="CU101" s="23"/>
      <c r="CV101" s="23"/>
      <c r="CW101" s="23"/>
      <c r="CX101" s="23"/>
      <c r="CY101" s="23"/>
      <c r="CZ101" s="23"/>
      <c r="DA101" s="23"/>
      <c r="DB101" s="23"/>
      <c r="DC101" s="23"/>
      <c r="DD101" s="23"/>
      <c r="DE101" s="23"/>
      <c r="DF101" s="23"/>
      <c r="DG101" s="23"/>
      <c r="DH101" s="23"/>
      <c r="DI101" s="23"/>
      <c r="DJ101" s="23"/>
      <c r="DK101" s="23"/>
      <c r="DL101" s="23"/>
      <c r="DM101" s="23"/>
      <c r="DN101" s="23"/>
      <c r="DO101" s="23"/>
      <c r="DP101" s="23"/>
      <c r="DQ101" s="23"/>
      <c r="DR101" s="23"/>
      <c r="DS101" s="23"/>
      <c r="DT101" s="23"/>
      <c r="DU101" s="23"/>
      <c r="DV101" s="23"/>
      <c r="DW101" s="23"/>
      <c r="DX101" s="23"/>
      <c r="DY101" s="23"/>
      <c r="DZ101" s="23"/>
      <c r="EA101" s="23"/>
      <c r="EB101" s="23"/>
      <c r="EC101" s="23"/>
      <c r="ED101" s="23"/>
      <c r="EE101" s="23"/>
      <c r="EF101" s="23"/>
      <c r="EG101" s="23"/>
      <c r="EH101" s="23"/>
      <c r="EI101" s="23"/>
      <c r="EJ101" s="23"/>
      <c r="EK101" s="23"/>
      <c r="EL101" s="23"/>
      <c r="EM101" s="23"/>
      <c r="EN101" s="23"/>
      <c r="EO101" s="23"/>
      <c r="EP101" s="23"/>
      <c r="EQ101" s="23"/>
      <c r="ER101" s="23"/>
      <c r="ES101" s="23"/>
      <c r="ET101" s="23"/>
      <c r="EU101" s="23"/>
      <c r="EV101" s="23"/>
      <c r="EW101" s="23"/>
      <c r="EX101" s="23"/>
      <c r="EY101" s="23"/>
      <c r="EZ101" s="23"/>
      <c r="FA101" s="23"/>
      <c r="FB101" s="23"/>
      <c r="FC101" s="23"/>
      <c r="FD101" s="23"/>
      <c r="FE101" s="23"/>
      <c r="FF101" s="23"/>
      <c r="FG101" s="23"/>
      <c r="FH101" s="23"/>
      <c r="FI101" s="23"/>
      <c r="FJ101" s="23"/>
      <c r="FK101" s="23"/>
      <c r="FL101" s="23"/>
      <c r="FM101" s="23"/>
      <c r="FN101" s="23"/>
      <c r="FO101" s="23"/>
      <c r="FP101" s="23"/>
      <c r="FQ101" s="23"/>
      <c r="FR101" s="23"/>
      <c r="FS101" s="23"/>
      <c r="FT101" s="23"/>
      <c r="FU101" s="23"/>
      <c r="FV101" s="23"/>
      <c r="FW101" s="23"/>
      <c r="FX101" s="23"/>
      <c r="FY101" s="23"/>
      <c r="FZ101" s="23"/>
      <c r="GA101" s="23"/>
      <c r="GB101" s="23"/>
      <c r="GC101" s="23"/>
      <c r="GD101" s="23"/>
      <c r="GE101" s="23"/>
      <c r="GF101" s="23"/>
      <c r="GG101" s="23"/>
      <c r="GH101" s="23"/>
      <c r="GI101" s="23"/>
      <c r="GJ101" s="23"/>
      <c r="GK101" s="23"/>
      <c r="GL101" s="23"/>
      <c r="GM101" s="23"/>
      <c r="GN101" s="23"/>
      <c r="GO101" s="23"/>
      <c r="GP101" s="23"/>
      <c r="GQ101" s="23"/>
      <c r="GR101" s="23"/>
      <c r="GS101" s="23"/>
      <c r="GT101" s="23"/>
      <c r="GU101" s="23"/>
      <c r="GV101" s="23"/>
      <c r="GW101" s="23"/>
      <c r="GX101" s="23"/>
      <c r="GY101" s="23"/>
      <c r="GZ101" s="23"/>
      <c r="HA101" s="23"/>
      <c r="HB101" s="23"/>
      <c r="HC101" s="23"/>
      <c r="HD101" s="23"/>
      <c r="HE101" s="23"/>
      <c r="HF101" s="23"/>
      <c r="HG101" s="23"/>
      <c r="HH101" s="23"/>
      <c r="HI101" s="23"/>
      <c r="HJ101" s="23"/>
      <c r="HK101" s="23"/>
      <c r="HL101" s="23"/>
      <c r="HM101" s="23"/>
      <c r="HN101" s="23"/>
      <c r="HO101" s="23"/>
      <c r="HP101" s="23"/>
      <c r="HQ101" s="23"/>
      <c r="HR101" s="23"/>
      <c r="HS101" s="23"/>
      <c r="HT101" s="23"/>
      <c r="HU101" s="23"/>
      <c r="HV101" s="23"/>
      <c r="HW101" s="23"/>
      <c r="HX101" s="23"/>
      <c r="HY101" s="23"/>
      <c r="HZ101" s="23"/>
      <c r="IA101" s="23"/>
      <c r="IB101" s="23"/>
      <c r="IC101" s="23"/>
      <c r="ID101" s="23"/>
      <c r="IE101" s="23"/>
      <c r="IF101" s="23"/>
      <c r="IG101" s="23"/>
      <c r="IH101" s="23"/>
      <c r="II101" s="23"/>
      <c r="IJ101" s="23"/>
      <c r="IK101" s="23"/>
      <c r="IL101" s="23"/>
      <c r="IM101" s="23"/>
      <c r="IN101" s="23"/>
      <c r="IO101" s="23"/>
      <c r="IP101" s="23"/>
      <c r="IQ101" s="23"/>
    </row>
    <row r="102" spans="1:251" s="50" customFormat="1" ht="18.75" customHeight="1">
      <c r="A102" s="34"/>
      <c r="B102" s="48"/>
      <c r="C102" s="130"/>
      <c r="D102" s="130"/>
      <c r="E102" s="130"/>
      <c r="F102" s="130"/>
      <c r="G102" s="130"/>
      <c r="H102" s="130"/>
      <c r="I102" s="130"/>
      <c r="J102" s="130"/>
      <c r="K102" s="130"/>
      <c r="L102" s="130"/>
      <c r="M102" s="130"/>
      <c r="N102" s="130"/>
      <c r="O102" s="130"/>
      <c r="P102" s="130"/>
      <c r="Q102" s="130"/>
      <c r="R102" s="130"/>
      <c r="S102" s="130"/>
      <c r="T102" s="130"/>
      <c r="U102" s="130"/>
      <c r="V102" s="130"/>
      <c r="W102" s="130"/>
      <c r="X102" s="130"/>
      <c r="Y102" s="130"/>
      <c r="Z102" s="131"/>
      <c r="AA102" s="132"/>
      <c r="AB102" s="200"/>
      <c r="AC102" s="200"/>
      <c r="AD102" s="200"/>
      <c r="AE102" s="200"/>
      <c r="AF102" s="200"/>
      <c r="AG102" s="200"/>
      <c r="AH102" s="200"/>
      <c r="AI102" s="201"/>
      <c r="AJ102" s="132"/>
      <c r="AK102" s="133"/>
      <c r="AL102" s="133"/>
      <c r="AM102" s="133"/>
      <c r="AN102" s="133"/>
      <c r="AO102" s="133"/>
      <c r="AP102" s="133"/>
      <c r="AQ102" s="133"/>
      <c r="AR102" s="134"/>
      <c r="AS102" s="132"/>
      <c r="AT102" s="196"/>
      <c r="AU102" s="196"/>
      <c r="AV102" s="196"/>
      <c r="AW102" s="196"/>
      <c r="AX102" s="202"/>
      <c r="AY102" s="23"/>
      <c r="AZ102" s="23"/>
      <c r="BA102" s="23"/>
      <c r="BB102" s="23"/>
      <c r="BC102" s="23"/>
      <c r="BD102" s="23"/>
      <c r="BE102" s="23"/>
      <c r="BF102" s="23"/>
      <c r="BG102" s="23"/>
      <c r="BH102" s="23"/>
      <c r="BI102" s="23"/>
      <c r="BJ102" s="23"/>
      <c r="BK102" s="23"/>
      <c r="BL102" s="23"/>
      <c r="BM102" s="23"/>
      <c r="BN102" s="23"/>
      <c r="BO102" s="23"/>
      <c r="BP102" s="23"/>
      <c r="BQ102" s="23"/>
      <c r="BR102" s="23"/>
      <c r="BS102" s="23"/>
      <c r="BT102" s="23"/>
      <c r="BU102" s="23"/>
      <c r="BV102" s="23"/>
      <c r="BW102" s="23"/>
      <c r="BX102" s="23"/>
      <c r="BY102" s="23"/>
      <c r="BZ102" s="23"/>
      <c r="CA102" s="23"/>
      <c r="CB102" s="23"/>
      <c r="CC102" s="23"/>
      <c r="CD102" s="23"/>
      <c r="CE102" s="23"/>
      <c r="CF102" s="23"/>
      <c r="CG102" s="23"/>
      <c r="CH102" s="23"/>
      <c r="CI102" s="23"/>
      <c r="CJ102" s="23"/>
      <c r="CK102" s="23"/>
      <c r="CL102" s="23"/>
      <c r="CM102" s="23"/>
      <c r="CN102" s="23"/>
      <c r="CO102" s="23"/>
      <c r="CP102" s="23"/>
      <c r="CQ102" s="23"/>
      <c r="CR102" s="23"/>
      <c r="CS102" s="23"/>
      <c r="CT102" s="23"/>
      <c r="CU102" s="23"/>
      <c r="CV102" s="23"/>
      <c r="CW102" s="23"/>
      <c r="CX102" s="23"/>
      <c r="CY102" s="23"/>
      <c r="CZ102" s="23"/>
      <c r="DA102" s="23"/>
      <c r="DB102" s="23"/>
      <c r="DC102" s="23"/>
      <c r="DD102" s="23"/>
      <c r="DE102" s="23"/>
      <c r="DF102" s="23"/>
      <c r="DG102" s="23"/>
      <c r="DH102" s="23"/>
      <c r="DI102" s="23"/>
      <c r="DJ102" s="23"/>
      <c r="DK102" s="23"/>
      <c r="DL102" s="23"/>
      <c r="DM102" s="23"/>
      <c r="DN102" s="23"/>
      <c r="DO102" s="23"/>
      <c r="DP102" s="23"/>
      <c r="DQ102" s="23"/>
      <c r="DR102" s="23"/>
      <c r="DS102" s="23"/>
      <c r="DT102" s="23"/>
      <c r="DU102" s="23"/>
      <c r="DV102" s="23"/>
      <c r="DW102" s="23"/>
      <c r="DX102" s="23"/>
      <c r="DY102" s="23"/>
      <c r="DZ102" s="23"/>
      <c r="EA102" s="23"/>
      <c r="EB102" s="23"/>
      <c r="EC102" s="23"/>
      <c r="ED102" s="23"/>
      <c r="EE102" s="23"/>
      <c r="EF102" s="23"/>
      <c r="EG102" s="23"/>
      <c r="EH102" s="23"/>
      <c r="EI102" s="23"/>
      <c r="EJ102" s="23"/>
      <c r="EK102" s="23"/>
      <c r="EL102" s="23"/>
      <c r="EM102" s="23"/>
      <c r="EN102" s="23"/>
      <c r="EO102" s="23"/>
      <c r="EP102" s="23"/>
      <c r="EQ102" s="23"/>
      <c r="ER102" s="23"/>
      <c r="ES102" s="23"/>
      <c r="ET102" s="23"/>
      <c r="EU102" s="23"/>
      <c r="EV102" s="23"/>
      <c r="EW102" s="23"/>
      <c r="EX102" s="23"/>
      <c r="EY102" s="23"/>
      <c r="EZ102" s="23"/>
      <c r="FA102" s="23"/>
      <c r="FB102" s="23"/>
      <c r="FC102" s="23"/>
      <c r="FD102" s="23"/>
      <c r="FE102" s="23"/>
      <c r="FF102" s="23"/>
      <c r="FG102" s="23"/>
      <c r="FH102" s="23"/>
      <c r="FI102" s="23"/>
      <c r="FJ102" s="23"/>
      <c r="FK102" s="23"/>
      <c r="FL102" s="23"/>
      <c r="FM102" s="23"/>
      <c r="FN102" s="23"/>
      <c r="FO102" s="23"/>
      <c r="FP102" s="23"/>
      <c r="FQ102" s="23"/>
      <c r="FR102" s="23"/>
      <c r="FS102" s="23"/>
      <c r="FT102" s="23"/>
      <c r="FU102" s="23"/>
      <c r="FV102" s="23"/>
      <c r="FW102" s="23"/>
      <c r="FX102" s="23"/>
      <c r="FY102" s="23"/>
      <c r="FZ102" s="23"/>
      <c r="GA102" s="23"/>
      <c r="GB102" s="23"/>
      <c r="GC102" s="23"/>
      <c r="GD102" s="23"/>
      <c r="GE102" s="23"/>
      <c r="GF102" s="23"/>
      <c r="GG102" s="23"/>
      <c r="GH102" s="23"/>
      <c r="GI102" s="23"/>
      <c r="GJ102" s="23"/>
      <c r="GK102" s="23"/>
      <c r="GL102" s="23"/>
      <c r="GM102" s="23"/>
      <c r="GN102" s="23"/>
      <c r="GO102" s="23"/>
      <c r="GP102" s="23"/>
      <c r="GQ102" s="23"/>
      <c r="GR102" s="23"/>
      <c r="GS102" s="23"/>
      <c r="GT102" s="23"/>
      <c r="GU102" s="23"/>
      <c r="GV102" s="23"/>
      <c r="GW102" s="23"/>
      <c r="GX102" s="23"/>
      <c r="GY102" s="23"/>
      <c r="GZ102" s="23"/>
      <c r="HA102" s="23"/>
      <c r="HB102" s="23"/>
      <c r="HC102" s="23"/>
      <c r="HD102" s="23"/>
      <c r="HE102" s="23"/>
      <c r="HF102" s="23"/>
      <c r="HG102" s="23"/>
      <c r="HH102" s="23"/>
      <c r="HI102" s="23"/>
      <c r="HJ102" s="23"/>
      <c r="HK102" s="23"/>
      <c r="HL102" s="23"/>
      <c r="HM102" s="23"/>
      <c r="HN102" s="23"/>
      <c r="HO102" s="23"/>
      <c r="HP102" s="23"/>
      <c r="HQ102" s="23"/>
      <c r="HR102" s="23"/>
      <c r="HS102" s="23"/>
      <c r="HT102" s="23"/>
      <c r="HU102" s="23"/>
      <c r="HV102" s="23"/>
      <c r="HW102" s="23"/>
      <c r="HX102" s="23"/>
      <c r="HY102" s="23"/>
      <c r="HZ102" s="23"/>
      <c r="IA102" s="23"/>
      <c r="IB102" s="23"/>
      <c r="IC102" s="23"/>
      <c r="ID102" s="23"/>
      <c r="IE102" s="23"/>
      <c r="IF102" s="23"/>
      <c r="IG102" s="23"/>
      <c r="IH102" s="23"/>
      <c r="II102" s="23"/>
      <c r="IJ102" s="23"/>
      <c r="IK102" s="23"/>
      <c r="IL102" s="23"/>
      <c r="IM102" s="23"/>
      <c r="IN102" s="23"/>
      <c r="IO102" s="23"/>
      <c r="IP102" s="23"/>
      <c r="IQ102" s="23"/>
    </row>
    <row r="103" spans="1:251" s="50" customFormat="1" ht="18.75" customHeight="1" thickBot="1">
      <c r="A103" s="34"/>
      <c r="B103" s="49"/>
      <c r="C103" s="158"/>
      <c r="D103" s="158"/>
      <c r="E103" s="158"/>
      <c r="F103" s="158"/>
      <c r="G103" s="158"/>
      <c r="H103" s="158"/>
      <c r="I103" s="158"/>
      <c r="J103" s="158"/>
      <c r="K103" s="158"/>
      <c r="L103" s="158"/>
      <c r="M103" s="158"/>
      <c r="N103" s="158"/>
      <c r="O103" s="158"/>
      <c r="P103" s="158"/>
      <c r="Q103" s="158"/>
      <c r="R103" s="158"/>
      <c r="S103" s="158"/>
      <c r="T103" s="158"/>
      <c r="U103" s="158"/>
      <c r="V103" s="158"/>
      <c r="W103" s="158"/>
      <c r="X103" s="158"/>
      <c r="Y103" s="158"/>
      <c r="Z103" s="159"/>
      <c r="AA103" s="160"/>
      <c r="AB103" s="211"/>
      <c r="AC103" s="211"/>
      <c r="AD103" s="211"/>
      <c r="AE103" s="211"/>
      <c r="AF103" s="211"/>
      <c r="AG103" s="211"/>
      <c r="AH103" s="211"/>
      <c r="AI103" s="212"/>
      <c r="AJ103" s="160"/>
      <c r="AK103" s="161"/>
      <c r="AL103" s="161"/>
      <c r="AM103" s="161"/>
      <c r="AN103" s="161"/>
      <c r="AO103" s="161"/>
      <c r="AP103" s="161"/>
      <c r="AQ103" s="161"/>
      <c r="AR103" s="162"/>
      <c r="AS103" s="188"/>
      <c r="AT103" s="213"/>
      <c r="AU103" s="213"/>
      <c r="AV103" s="213"/>
      <c r="AW103" s="213"/>
      <c r="AX103" s="214"/>
      <c r="AY103" s="23"/>
      <c r="AZ103" s="23"/>
      <c r="BA103" s="23"/>
      <c r="BB103" s="23"/>
      <c r="BC103" s="23"/>
      <c r="BD103" s="23"/>
      <c r="BE103" s="23"/>
      <c r="BF103" s="23"/>
      <c r="BG103" s="23"/>
      <c r="BH103" s="23"/>
      <c r="BI103" s="23"/>
      <c r="BJ103" s="23"/>
      <c r="BK103" s="23"/>
      <c r="BL103" s="23"/>
      <c r="BM103" s="23"/>
      <c r="BN103" s="23"/>
      <c r="BO103" s="23"/>
      <c r="BP103" s="23"/>
      <c r="BQ103" s="23"/>
      <c r="BR103" s="23"/>
      <c r="BS103" s="23"/>
      <c r="BT103" s="23"/>
      <c r="BU103" s="23"/>
      <c r="BV103" s="23"/>
      <c r="BW103" s="23"/>
      <c r="BX103" s="23"/>
      <c r="BY103" s="23"/>
      <c r="BZ103" s="23"/>
      <c r="CA103" s="23"/>
      <c r="CB103" s="23"/>
      <c r="CC103" s="23"/>
      <c r="CD103" s="23"/>
      <c r="CE103" s="23"/>
      <c r="CF103" s="23"/>
      <c r="CG103" s="23"/>
      <c r="CH103" s="23"/>
      <c r="CI103" s="23"/>
      <c r="CJ103" s="23"/>
      <c r="CK103" s="23"/>
      <c r="CL103" s="23"/>
      <c r="CM103" s="23"/>
      <c r="CN103" s="23"/>
      <c r="CO103" s="23"/>
      <c r="CP103" s="23"/>
      <c r="CQ103" s="23"/>
      <c r="CR103" s="23"/>
      <c r="CS103" s="23"/>
      <c r="CT103" s="23"/>
      <c r="CU103" s="23"/>
      <c r="CV103" s="23"/>
      <c r="CW103" s="23"/>
      <c r="CX103" s="23"/>
      <c r="CY103" s="23"/>
      <c r="CZ103" s="23"/>
      <c r="DA103" s="23"/>
      <c r="DB103" s="23"/>
      <c r="DC103" s="23"/>
      <c r="DD103" s="23"/>
      <c r="DE103" s="23"/>
      <c r="DF103" s="23"/>
      <c r="DG103" s="23"/>
      <c r="DH103" s="23"/>
      <c r="DI103" s="23"/>
      <c r="DJ103" s="23"/>
      <c r="DK103" s="23"/>
      <c r="DL103" s="23"/>
      <c r="DM103" s="23"/>
      <c r="DN103" s="23"/>
      <c r="DO103" s="23"/>
      <c r="DP103" s="23"/>
      <c r="DQ103" s="23"/>
      <c r="DR103" s="23"/>
      <c r="DS103" s="23"/>
      <c r="DT103" s="23"/>
      <c r="DU103" s="23"/>
      <c r="DV103" s="23"/>
      <c r="DW103" s="23"/>
      <c r="DX103" s="23"/>
      <c r="DY103" s="23"/>
      <c r="DZ103" s="23"/>
      <c r="EA103" s="23"/>
      <c r="EB103" s="23"/>
      <c r="EC103" s="23"/>
      <c r="ED103" s="23"/>
      <c r="EE103" s="23"/>
      <c r="EF103" s="23"/>
      <c r="EG103" s="23"/>
      <c r="EH103" s="23"/>
      <c r="EI103" s="23"/>
      <c r="EJ103" s="23"/>
      <c r="EK103" s="23"/>
      <c r="EL103" s="23"/>
      <c r="EM103" s="23"/>
      <c r="EN103" s="23"/>
      <c r="EO103" s="23"/>
      <c r="EP103" s="23"/>
      <c r="EQ103" s="23"/>
      <c r="ER103" s="23"/>
      <c r="ES103" s="23"/>
      <c r="ET103" s="23"/>
      <c r="EU103" s="23"/>
      <c r="EV103" s="23"/>
      <c r="EW103" s="23"/>
      <c r="EX103" s="23"/>
      <c r="EY103" s="23"/>
      <c r="EZ103" s="23"/>
      <c r="FA103" s="23"/>
      <c r="FB103" s="23"/>
      <c r="FC103" s="23"/>
      <c r="FD103" s="23"/>
      <c r="FE103" s="23"/>
      <c r="FF103" s="23"/>
      <c r="FG103" s="23"/>
      <c r="FH103" s="23"/>
      <c r="FI103" s="23"/>
      <c r="FJ103" s="23"/>
      <c r="FK103" s="23"/>
      <c r="FL103" s="23"/>
      <c r="FM103" s="23"/>
      <c r="FN103" s="23"/>
      <c r="FO103" s="23"/>
      <c r="FP103" s="23"/>
      <c r="FQ103" s="23"/>
      <c r="FR103" s="23"/>
      <c r="FS103" s="23"/>
      <c r="FT103" s="23"/>
      <c r="FU103" s="23"/>
      <c r="FV103" s="23"/>
      <c r="FW103" s="23"/>
      <c r="FX103" s="23"/>
      <c r="FY103" s="23"/>
      <c r="FZ103" s="23"/>
      <c r="GA103" s="23"/>
      <c r="GB103" s="23"/>
      <c r="GC103" s="23"/>
      <c r="GD103" s="23"/>
      <c r="GE103" s="23"/>
      <c r="GF103" s="23"/>
      <c r="GG103" s="23"/>
      <c r="GH103" s="23"/>
      <c r="GI103" s="23"/>
      <c r="GJ103" s="23"/>
      <c r="GK103" s="23"/>
      <c r="GL103" s="23"/>
      <c r="GM103" s="23"/>
      <c r="GN103" s="23"/>
      <c r="GO103" s="23"/>
      <c r="GP103" s="23"/>
      <c r="GQ103" s="23"/>
      <c r="GR103" s="23"/>
      <c r="GS103" s="23"/>
      <c r="GT103" s="23"/>
      <c r="GU103" s="23"/>
      <c r="GV103" s="23"/>
      <c r="GW103" s="23"/>
      <c r="GX103" s="23"/>
      <c r="GY103" s="23"/>
      <c r="GZ103" s="23"/>
      <c r="HA103" s="23"/>
      <c r="HB103" s="23"/>
      <c r="HC103" s="23"/>
      <c r="HD103" s="23"/>
      <c r="HE103" s="23"/>
      <c r="HF103" s="23"/>
      <c r="HG103" s="23"/>
      <c r="HH103" s="23"/>
      <c r="HI103" s="23"/>
      <c r="HJ103" s="23"/>
      <c r="HK103" s="23"/>
      <c r="HL103" s="23"/>
      <c r="HM103" s="23"/>
      <c r="HN103" s="23"/>
      <c r="HO103" s="23"/>
      <c r="HP103" s="23"/>
      <c r="HQ103" s="23"/>
      <c r="HR103" s="23"/>
      <c r="HS103" s="23"/>
      <c r="HT103" s="23"/>
      <c r="HU103" s="23"/>
      <c r="HV103" s="23"/>
      <c r="HW103" s="23"/>
      <c r="HX103" s="23"/>
      <c r="HY103" s="23"/>
      <c r="HZ103" s="23"/>
      <c r="IA103" s="23"/>
      <c r="IB103" s="23"/>
      <c r="IC103" s="23"/>
      <c r="ID103" s="23"/>
      <c r="IE103" s="23"/>
      <c r="IF103" s="23"/>
      <c r="IG103" s="23"/>
      <c r="IH103" s="23"/>
      <c r="II103" s="23"/>
      <c r="IJ103" s="23"/>
      <c r="IK103" s="23"/>
      <c r="IL103" s="23"/>
      <c r="IM103" s="23"/>
      <c r="IN103" s="23"/>
      <c r="IO103" s="23"/>
      <c r="IP103" s="23"/>
      <c r="IQ103" s="23"/>
    </row>
    <row r="104" spans="1:251" s="50" customFormat="1" ht="18.75" customHeight="1" thickTop="1" thickBot="1">
      <c r="A104" s="38"/>
      <c r="B104" s="164" t="s">
        <v>105</v>
      </c>
      <c r="C104" s="191"/>
      <c r="D104" s="191"/>
      <c r="E104" s="191"/>
      <c r="F104" s="191"/>
      <c r="G104" s="191"/>
      <c r="H104" s="191"/>
      <c r="I104" s="191"/>
      <c r="J104" s="191"/>
      <c r="K104" s="191"/>
      <c r="L104" s="191"/>
      <c r="M104" s="191"/>
      <c r="N104" s="191"/>
      <c r="O104" s="191"/>
      <c r="P104" s="191"/>
      <c r="Q104" s="191"/>
      <c r="R104" s="191"/>
      <c r="S104" s="191"/>
      <c r="T104" s="191"/>
      <c r="U104" s="191"/>
      <c r="V104" s="191"/>
      <c r="W104" s="191"/>
      <c r="X104" s="191"/>
      <c r="Y104" s="191"/>
      <c r="Z104" s="192"/>
      <c r="AA104" s="167">
        <f>SUM(AA96:AA103)</f>
        <v>18645</v>
      </c>
      <c r="AB104" s="215"/>
      <c r="AC104" s="215"/>
      <c r="AD104" s="215"/>
      <c r="AE104" s="215"/>
      <c r="AF104" s="215"/>
      <c r="AG104" s="215"/>
      <c r="AH104" s="215"/>
      <c r="AI104" s="216"/>
      <c r="AJ104" s="167">
        <f>SUM(AJ96:AJ103)</f>
        <v>19703</v>
      </c>
      <c r="AK104" s="215"/>
      <c r="AL104" s="215"/>
      <c r="AM104" s="215"/>
      <c r="AN104" s="215"/>
      <c r="AO104" s="215"/>
      <c r="AP104" s="215"/>
      <c r="AQ104" s="215"/>
      <c r="AR104" s="216"/>
      <c r="AS104" s="167"/>
      <c r="AT104" s="215"/>
      <c r="AU104" s="215"/>
      <c r="AV104" s="215"/>
      <c r="AW104" s="215"/>
      <c r="AX104" s="217"/>
      <c r="AY104" s="23"/>
      <c r="AZ104" s="23"/>
      <c r="BA104" s="23"/>
      <c r="BB104" s="23"/>
      <c r="BC104" s="23"/>
      <c r="BD104" s="23"/>
      <c r="BE104" s="23"/>
      <c r="BF104" s="23"/>
      <c r="BG104" s="23"/>
      <c r="BH104" s="23"/>
      <c r="BI104" s="23"/>
      <c r="BJ104" s="23"/>
      <c r="BK104" s="23"/>
      <c r="BL104" s="23"/>
      <c r="BM104" s="23"/>
      <c r="BN104" s="23"/>
      <c r="BO104" s="23"/>
      <c r="BP104" s="23"/>
      <c r="BQ104" s="23"/>
      <c r="BR104" s="23"/>
      <c r="BS104" s="23"/>
      <c r="BT104" s="23"/>
      <c r="BU104" s="23"/>
      <c r="BV104" s="23"/>
      <c r="BW104" s="23"/>
      <c r="BX104" s="23"/>
      <c r="BY104" s="23"/>
      <c r="BZ104" s="23"/>
      <c r="CA104" s="23"/>
      <c r="CB104" s="23"/>
      <c r="CC104" s="23"/>
      <c r="CD104" s="23"/>
      <c r="CE104" s="23"/>
      <c r="CF104" s="23"/>
      <c r="CG104" s="23"/>
      <c r="CH104" s="23"/>
      <c r="CI104" s="23"/>
      <c r="CJ104" s="23"/>
      <c r="CK104" s="23"/>
      <c r="CL104" s="23"/>
      <c r="CM104" s="23"/>
      <c r="CN104" s="23"/>
      <c r="CO104" s="23"/>
      <c r="CP104" s="23"/>
      <c r="CQ104" s="23"/>
      <c r="CR104" s="23"/>
      <c r="CS104" s="23"/>
      <c r="CT104" s="23"/>
      <c r="CU104" s="23"/>
      <c r="CV104" s="23"/>
      <c r="CW104" s="23"/>
      <c r="CX104" s="23"/>
      <c r="CY104" s="23"/>
      <c r="CZ104" s="23"/>
      <c r="DA104" s="23"/>
      <c r="DB104" s="23"/>
      <c r="DC104" s="23"/>
      <c r="DD104" s="23"/>
      <c r="DE104" s="23"/>
      <c r="DF104" s="23"/>
      <c r="DG104" s="23"/>
      <c r="DH104" s="23"/>
      <c r="DI104" s="23"/>
      <c r="DJ104" s="23"/>
      <c r="DK104" s="23"/>
      <c r="DL104" s="23"/>
      <c r="DM104" s="23"/>
      <c r="DN104" s="23"/>
      <c r="DO104" s="23"/>
      <c r="DP104" s="23"/>
      <c r="DQ104" s="23"/>
      <c r="DR104" s="23"/>
      <c r="DS104" s="23"/>
      <c r="DT104" s="23"/>
      <c r="DU104" s="23"/>
      <c r="DV104" s="23"/>
      <c r="DW104" s="23"/>
      <c r="DX104" s="23"/>
      <c r="DY104" s="23"/>
      <c r="DZ104" s="23"/>
      <c r="EA104" s="23"/>
      <c r="EB104" s="23"/>
      <c r="EC104" s="23"/>
      <c r="ED104" s="23"/>
      <c r="EE104" s="23"/>
      <c r="EF104" s="23"/>
      <c r="EG104" s="23"/>
      <c r="EH104" s="23"/>
      <c r="EI104" s="23"/>
      <c r="EJ104" s="23"/>
      <c r="EK104" s="23"/>
      <c r="EL104" s="23"/>
      <c r="EM104" s="23"/>
      <c r="EN104" s="23"/>
      <c r="EO104" s="23"/>
      <c r="EP104" s="23"/>
      <c r="EQ104" s="23"/>
      <c r="ER104" s="23"/>
      <c r="ES104" s="23"/>
      <c r="ET104" s="23"/>
      <c r="EU104" s="23"/>
      <c r="EV104" s="23"/>
      <c r="EW104" s="23"/>
      <c r="EX104" s="23"/>
      <c r="EY104" s="23"/>
      <c r="EZ104" s="23"/>
      <c r="FA104" s="23"/>
      <c r="FB104" s="23"/>
      <c r="FC104" s="23"/>
      <c r="FD104" s="23"/>
      <c r="FE104" s="23"/>
      <c r="FF104" s="23"/>
      <c r="FG104" s="23"/>
      <c r="FH104" s="23"/>
      <c r="FI104" s="23"/>
      <c r="FJ104" s="23"/>
      <c r="FK104" s="23"/>
      <c r="FL104" s="23"/>
      <c r="FM104" s="23"/>
      <c r="FN104" s="23"/>
      <c r="FO104" s="23"/>
      <c r="FP104" s="23"/>
      <c r="FQ104" s="23"/>
      <c r="FR104" s="23"/>
      <c r="FS104" s="23"/>
      <c r="FT104" s="23"/>
      <c r="FU104" s="23"/>
      <c r="FV104" s="23"/>
      <c r="FW104" s="23"/>
      <c r="FX104" s="23"/>
      <c r="FY104" s="23"/>
      <c r="FZ104" s="23"/>
      <c r="GA104" s="23"/>
      <c r="GB104" s="23"/>
      <c r="GC104" s="23"/>
      <c r="GD104" s="23"/>
      <c r="GE104" s="23"/>
      <c r="GF104" s="23"/>
      <c r="GG104" s="23"/>
      <c r="GH104" s="23"/>
      <c r="GI104" s="23"/>
      <c r="GJ104" s="23"/>
      <c r="GK104" s="23"/>
      <c r="GL104" s="23"/>
      <c r="GM104" s="23"/>
      <c r="GN104" s="23"/>
      <c r="GO104" s="23"/>
      <c r="GP104" s="23"/>
      <c r="GQ104" s="23"/>
      <c r="GR104" s="23"/>
      <c r="GS104" s="23"/>
      <c r="GT104" s="23"/>
      <c r="GU104" s="23"/>
      <c r="GV104" s="23"/>
      <c r="GW104" s="23"/>
      <c r="GX104" s="23"/>
      <c r="GY104" s="23"/>
      <c r="GZ104" s="23"/>
      <c r="HA104" s="23"/>
      <c r="HB104" s="23"/>
      <c r="HC104" s="23"/>
      <c r="HD104" s="23"/>
      <c r="HE104" s="23"/>
      <c r="HF104" s="23"/>
      <c r="HG104" s="23"/>
      <c r="HH104" s="23"/>
      <c r="HI104" s="23"/>
      <c r="HJ104" s="23"/>
      <c r="HK104" s="23"/>
      <c r="HL104" s="23"/>
      <c r="HM104" s="23"/>
      <c r="HN104" s="23"/>
      <c r="HO104" s="23"/>
      <c r="HP104" s="23"/>
      <c r="HQ104" s="23"/>
      <c r="HR104" s="23"/>
      <c r="HS104" s="23"/>
      <c r="HT104" s="23"/>
      <c r="HU104" s="23"/>
      <c r="HV104" s="23"/>
      <c r="HW104" s="23"/>
      <c r="HX104" s="23"/>
      <c r="HY104" s="23"/>
      <c r="HZ104" s="23"/>
      <c r="IA104" s="23"/>
      <c r="IB104" s="23"/>
      <c r="IC104" s="23"/>
      <c r="ID104" s="23"/>
      <c r="IE104" s="23"/>
      <c r="IF104" s="23"/>
      <c r="IG104" s="23"/>
      <c r="IH104" s="23"/>
      <c r="II104" s="23"/>
      <c r="IJ104" s="23"/>
      <c r="IK104" s="23"/>
      <c r="IL104" s="23"/>
      <c r="IM104" s="23"/>
      <c r="IN104" s="23"/>
      <c r="IO104" s="23"/>
      <c r="IP104" s="23"/>
      <c r="IQ104" s="23"/>
    </row>
    <row r="106" spans="1:251" s="23" customFormat="1" ht="19.2">
      <c r="A106" s="22" t="s">
        <v>86</v>
      </c>
      <c r="AW106" s="24"/>
      <c r="AX106" s="25"/>
      <c r="AY106" s="24"/>
    </row>
    <row r="107" spans="1:251" s="23" customFormat="1" ht="13.2"/>
    <row r="108" spans="1:251" s="23" customFormat="1">
      <c r="A108" s="26"/>
      <c r="B108" s="115" t="s">
        <v>87</v>
      </c>
      <c r="C108" s="153"/>
      <c r="D108" s="153"/>
      <c r="E108" s="153"/>
      <c r="F108" s="153"/>
      <c r="G108" s="153"/>
      <c r="H108" s="153"/>
      <c r="I108" s="153"/>
      <c r="J108" s="153"/>
      <c r="K108" s="153"/>
      <c r="L108" s="153"/>
      <c r="M108" s="153"/>
      <c r="N108" s="153"/>
      <c r="O108" s="153"/>
      <c r="P108" s="153"/>
      <c r="Q108" s="153"/>
      <c r="R108" s="153"/>
      <c r="S108" s="153"/>
      <c r="T108" s="153"/>
      <c r="U108" s="153"/>
      <c r="V108" s="153"/>
      <c r="W108" s="153"/>
      <c r="X108" s="153"/>
      <c r="Y108" s="153"/>
      <c r="Z108" s="153"/>
      <c r="AA108" s="153"/>
      <c r="AB108" s="153"/>
      <c r="AC108" s="153"/>
      <c r="AD108" s="153"/>
      <c r="AE108" s="153"/>
      <c r="AF108" s="153"/>
      <c r="AG108" s="153"/>
      <c r="AH108" s="153"/>
      <c r="AI108" s="153"/>
      <c r="AJ108" s="153"/>
      <c r="AK108" s="153"/>
      <c r="AL108" s="153"/>
      <c r="AM108" s="153"/>
      <c r="AN108" s="153"/>
      <c r="AO108" s="153"/>
      <c r="AP108" s="153"/>
      <c r="AQ108" s="153"/>
      <c r="AR108" s="153"/>
      <c r="AS108" s="153"/>
      <c r="AT108" s="153"/>
      <c r="AU108" s="153"/>
      <c r="AV108" s="153"/>
      <c r="AW108" s="153"/>
      <c r="AX108" s="153"/>
      <c r="AY108" s="26"/>
    </row>
    <row r="109" spans="1:251" s="23" customFormat="1" ht="13.2">
      <c r="Z109" s="27"/>
      <c r="AD109" s="27"/>
      <c r="AE109" s="27"/>
      <c r="AF109" s="27"/>
      <c r="AG109" s="27"/>
      <c r="AH109" s="27"/>
      <c r="AI109" s="27"/>
      <c r="AO109" s="27"/>
    </row>
    <row r="110" spans="1:251" s="23" customFormat="1" ht="13.8" thickBot="1">
      <c r="Z110" s="27"/>
      <c r="AD110" s="27"/>
      <c r="AE110" s="27"/>
      <c r="AF110" s="27"/>
      <c r="AG110" s="27"/>
      <c r="AH110" s="27"/>
      <c r="AI110" s="27"/>
      <c r="AO110" s="27"/>
      <c r="DI110" s="28"/>
    </row>
    <row r="111" spans="1:251" s="23" customFormat="1" ht="24.6" customHeight="1" thickBot="1">
      <c r="A111" s="116" t="s">
        <v>88</v>
      </c>
      <c r="B111" s="117"/>
      <c r="C111" s="117"/>
      <c r="D111" s="117"/>
      <c r="E111" s="117"/>
      <c r="F111" s="117"/>
      <c r="G111" s="117"/>
      <c r="H111" s="117"/>
      <c r="I111" s="117"/>
      <c r="J111" s="117"/>
      <c r="K111" s="118"/>
      <c r="L111" s="154">
        <v>4</v>
      </c>
      <c r="M111" s="154"/>
      <c r="N111" s="154"/>
      <c r="O111" s="155"/>
      <c r="P111" s="122" t="s">
        <v>89</v>
      </c>
      <c r="Q111" s="120"/>
      <c r="R111" s="120"/>
      <c r="S111" s="120"/>
      <c r="T111" s="120"/>
      <c r="U111" s="123"/>
      <c r="V111" s="156" t="s">
        <v>123</v>
      </c>
      <c r="W111" s="156"/>
      <c r="X111" s="156"/>
      <c r="Y111" s="156"/>
      <c r="Z111" s="156"/>
      <c r="AA111" s="156"/>
      <c r="AB111" s="156"/>
      <c r="AC111" s="156"/>
      <c r="AD111" s="156"/>
      <c r="AE111" s="156"/>
      <c r="AF111" s="156"/>
      <c r="AG111" s="156"/>
      <c r="AH111" s="156"/>
      <c r="AI111" s="156"/>
      <c r="AJ111" s="156"/>
      <c r="AK111" s="156"/>
      <c r="AL111" s="156"/>
      <c r="AM111" s="156"/>
      <c r="AN111" s="156"/>
      <c r="AO111" s="156"/>
      <c r="AP111" s="156"/>
      <c r="AQ111" s="156"/>
      <c r="AR111" s="156"/>
      <c r="AS111" s="156"/>
      <c r="AT111" s="156"/>
      <c r="AU111" s="156"/>
      <c r="AV111" s="156"/>
      <c r="AW111" s="156"/>
      <c r="AX111" s="157"/>
      <c r="DI111" s="28"/>
    </row>
    <row r="112" spans="1:251" s="23" customFormat="1" ht="14.4">
      <c r="A112" s="29"/>
      <c r="B112" s="29"/>
      <c r="C112" s="29"/>
      <c r="D112" s="29"/>
      <c r="E112" s="29"/>
      <c r="F112" s="29"/>
      <c r="G112" s="29"/>
      <c r="H112" s="29"/>
      <c r="I112" s="29"/>
      <c r="J112" s="29"/>
      <c r="K112" s="29"/>
      <c r="L112" s="30"/>
      <c r="M112" s="30"/>
      <c r="N112" s="30"/>
      <c r="O112" s="30"/>
      <c r="P112" s="29"/>
      <c r="Q112" s="29"/>
      <c r="R112" s="29"/>
      <c r="S112" s="29"/>
      <c r="T112" s="29"/>
      <c r="U112" s="29"/>
      <c r="V112" s="31"/>
      <c r="W112" s="31"/>
      <c r="X112" s="31"/>
      <c r="Y112" s="31"/>
      <c r="Z112" s="31"/>
      <c r="AA112" s="31"/>
      <c r="AB112" s="31"/>
      <c r="AC112" s="31"/>
      <c r="AD112" s="31"/>
      <c r="AE112" s="31"/>
      <c r="AF112" s="31"/>
      <c r="AG112" s="31"/>
      <c r="AH112" s="31"/>
      <c r="AI112" s="31"/>
      <c r="AJ112" s="31"/>
      <c r="AK112" s="31"/>
      <c r="AL112" s="31"/>
      <c r="AM112" s="31"/>
      <c r="AN112" s="31"/>
      <c r="AO112" s="31"/>
      <c r="AP112" s="31"/>
      <c r="AQ112" s="31"/>
      <c r="AR112" s="31"/>
      <c r="AS112" s="31"/>
      <c r="AT112" s="31"/>
      <c r="AU112" s="31"/>
      <c r="AV112" s="31"/>
      <c r="AW112" s="31"/>
      <c r="AX112" s="31"/>
      <c r="DI112" s="28"/>
    </row>
    <row r="113" spans="1:113" s="23" customFormat="1" ht="15" thickBot="1">
      <c r="A113" s="32"/>
      <c r="B113" s="33" t="s">
        <v>91</v>
      </c>
      <c r="C113" s="34"/>
      <c r="D113" s="34"/>
      <c r="E113" s="34"/>
      <c r="F113" s="34"/>
      <c r="G113" s="34"/>
      <c r="H113" s="34"/>
      <c r="I113" s="34"/>
      <c r="J113" s="34"/>
      <c r="K113" s="34"/>
      <c r="L113" s="35"/>
      <c r="M113" s="35"/>
      <c r="N113" s="35"/>
      <c r="O113" s="35"/>
      <c r="P113" s="34"/>
      <c r="Q113" s="34"/>
      <c r="R113" s="34"/>
      <c r="S113" s="34"/>
      <c r="T113" s="34"/>
      <c r="U113" s="34"/>
      <c r="V113" s="33"/>
      <c r="W113" s="33"/>
      <c r="X113" s="33"/>
      <c r="Y113" s="33"/>
      <c r="Z113" s="33"/>
      <c r="AA113" s="33"/>
      <c r="AB113" s="33"/>
      <c r="AC113" s="33"/>
      <c r="AD113" s="33"/>
      <c r="AE113" s="33"/>
      <c r="AF113" s="33"/>
      <c r="AG113" s="33"/>
      <c r="AH113" s="33"/>
      <c r="AI113" s="33"/>
      <c r="AJ113" s="33"/>
      <c r="AK113" s="33"/>
      <c r="AL113" s="33"/>
      <c r="AM113" s="33"/>
      <c r="AN113" s="33"/>
      <c r="AO113" s="33"/>
      <c r="AP113" s="33"/>
      <c r="AQ113" s="33"/>
      <c r="AR113" s="33"/>
      <c r="AS113" s="33"/>
      <c r="AT113" s="33"/>
      <c r="AU113" s="33"/>
      <c r="AV113" s="33"/>
      <c r="AW113" s="33"/>
      <c r="AX113" s="33"/>
      <c r="DI113" s="28"/>
    </row>
    <row r="114" spans="1:113" s="23" customFormat="1" ht="14.4">
      <c r="A114" s="34"/>
      <c r="B114" s="36"/>
      <c r="C114" s="29"/>
      <c r="D114" s="29"/>
      <c r="E114" s="29"/>
      <c r="F114" s="29"/>
      <c r="G114" s="29"/>
      <c r="H114" s="29"/>
      <c r="I114" s="29"/>
      <c r="J114" s="29"/>
      <c r="K114" s="29"/>
      <c r="L114" s="30"/>
      <c r="M114" s="30"/>
      <c r="N114" s="30"/>
      <c r="O114" s="30"/>
      <c r="P114" s="29"/>
      <c r="Q114" s="29"/>
      <c r="R114" s="29"/>
      <c r="S114" s="29"/>
      <c r="T114" s="29"/>
      <c r="U114" s="29"/>
      <c r="V114" s="31"/>
      <c r="W114" s="31"/>
      <c r="X114" s="31"/>
      <c r="Y114" s="31"/>
      <c r="Z114" s="31"/>
      <c r="AA114" s="31"/>
      <c r="AB114" s="31"/>
      <c r="AC114" s="31"/>
      <c r="AD114" s="31"/>
      <c r="AE114" s="31"/>
      <c r="AF114" s="31"/>
      <c r="AG114" s="31"/>
      <c r="AH114" s="31"/>
      <c r="AI114" s="31"/>
      <c r="AJ114" s="31"/>
      <c r="AK114" s="31"/>
      <c r="AL114" s="31"/>
      <c r="AM114" s="31"/>
      <c r="AN114" s="31"/>
      <c r="AO114" s="31"/>
      <c r="AP114" s="31"/>
      <c r="AQ114" s="31"/>
      <c r="AR114" s="31"/>
      <c r="AS114" s="31"/>
      <c r="AT114" s="31"/>
      <c r="AU114" s="31"/>
      <c r="AV114" s="31"/>
      <c r="AW114" s="31"/>
      <c r="AX114" s="37"/>
    </row>
    <row r="115" spans="1:113" s="23" customFormat="1" ht="10.8" customHeight="1">
      <c r="A115" s="34"/>
      <c r="B115" s="127" t="s">
        <v>124</v>
      </c>
      <c r="C115" s="128"/>
      <c r="D115" s="128"/>
      <c r="E115" s="128"/>
      <c r="F115" s="128"/>
      <c r="G115" s="128"/>
      <c r="H115" s="128"/>
      <c r="I115" s="128"/>
      <c r="J115" s="128"/>
      <c r="K115" s="128"/>
      <c r="L115" s="128"/>
      <c r="M115" s="128"/>
      <c r="N115" s="128"/>
      <c r="O115" s="128"/>
      <c r="P115" s="128"/>
      <c r="Q115" s="128"/>
      <c r="R115" s="128"/>
      <c r="S115" s="128"/>
      <c r="T115" s="128"/>
      <c r="U115" s="128"/>
      <c r="V115" s="128"/>
      <c r="W115" s="128"/>
      <c r="X115" s="128"/>
      <c r="Y115" s="128"/>
      <c r="Z115" s="128"/>
      <c r="AA115" s="128"/>
      <c r="AB115" s="128"/>
      <c r="AC115" s="128"/>
      <c r="AD115" s="128"/>
      <c r="AE115" s="128"/>
      <c r="AF115" s="128"/>
      <c r="AG115" s="128"/>
      <c r="AH115" s="128"/>
      <c r="AI115" s="128"/>
      <c r="AJ115" s="128"/>
      <c r="AK115" s="128"/>
      <c r="AL115" s="128"/>
      <c r="AM115" s="128"/>
      <c r="AN115" s="128"/>
      <c r="AO115" s="128"/>
      <c r="AP115" s="128"/>
      <c r="AQ115" s="128"/>
      <c r="AR115" s="128"/>
      <c r="AS115" s="128"/>
      <c r="AT115" s="128"/>
      <c r="AU115" s="128"/>
      <c r="AV115" s="128"/>
      <c r="AW115" s="128"/>
      <c r="AX115" s="129"/>
    </row>
    <row r="116" spans="1:113" s="23" customFormat="1" ht="10.8" customHeight="1">
      <c r="A116" s="34"/>
      <c r="B116" s="127"/>
      <c r="C116" s="128"/>
      <c r="D116" s="128"/>
      <c r="E116" s="128"/>
      <c r="F116" s="128"/>
      <c r="G116" s="128"/>
      <c r="H116" s="128"/>
      <c r="I116" s="128"/>
      <c r="J116" s="128"/>
      <c r="K116" s="128"/>
      <c r="L116" s="128"/>
      <c r="M116" s="128"/>
      <c r="N116" s="128"/>
      <c r="O116" s="128"/>
      <c r="P116" s="128"/>
      <c r="Q116" s="128"/>
      <c r="R116" s="128"/>
      <c r="S116" s="128"/>
      <c r="T116" s="128"/>
      <c r="U116" s="128"/>
      <c r="V116" s="128"/>
      <c r="W116" s="128"/>
      <c r="X116" s="128"/>
      <c r="Y116" s="128"/>
      <c r="Z116" s="128"/>
      <c r="AA116" s="128"/>
      <c r="AB116" s="128"/>
      <c r="AC116" s="128"/>
      <c r="AD116" s="128"/>
      <c r="AE116" s="128"/>
      <c r="AF116" s="128"/>
      <c r="AG116" s="128"/>
      <c r="AH116" s="128"/>
      <c r="AI116" s="128"/>
      <c r="AJ116" s="128"/>
      <c r="AK116" s="128"/>
      <c r="AL116" s="128"/>
      <c r="AM116" s="128"/>
      <c r="AN116" s="128"/>
      <c r="AO116" s="128"/>
      <c r="AP116" s="128"/>
      <c r="AQ116" s="128"/>
      <c r="AR116" s="128"/>
      <c r="AS116" s="128"/>
      <c r="AT116" s="128"/>
      <c r="AU116" s="128"/>
      <c r="AV116" s="128"/>
      <c r="AW116" s="128"/>
      <c r="AX116" s="129"/>
      <c r="BC116" s="17"/>
    </row>
    <row r="117" spans="1:113" s="23" customFormat="1" ht="10.8" customHeight="1">
      <c r="A117" s="34"/>
      <c r="B117" s="127"/>
      <c r="C117" s="128"/>
      <c r="D117" s="128"/>
      <c r="E117" s="128"/>
      <c r="F117" s="128"/>
      <c r="G117" s="128"/>
      <c r="H117" s="128"/>
      <c r="I117" s="128"/>
      <c r="J117" s="128"/>
      <c r="K117" s="128"/>
      <c r="L117" s="128"/>
      <c r="M117" s="128"/>
      <c r="N117" s="128"/>
      <c r="O117" s="128"/>
      <c r="P117" s="128"/>
      <c r="Q117" s="128"/>
      <c r="R117" s="128"/>
      <c r="S117" s="128"/>
      <c r="T117" s="128"/>
      <c r="U117" s="128"/>
      <c r="V117" s="128"/>
      <c r="W117" s="128"/>
      <c r="X117" s="128"/>
      <c r="Y117" s="128"/>
      <c r="Z117" s="128"/>
      <c r="AA117" s="128"/>
      <c r="AB117" s="128"/>
      <c r="AC117" s="128"/>
      <c r="AD117" s="128"/>
      <c r="AE117" s="128"/>
      <c r="AF117" s="128"/>
      <c r="AG117" s="128"/>
      <c r="AH117" s="128"/>
      <c r="AI117" s="128"/>
      <c r="AJ117" s="128"/>
      <c r="AK117" s="128"/>
      <c r="AL117" s="128"/>
      <c r="AM117" s="128"/>
      <c r="AN117" s="128"/>
      <c r="AO117" s="128"/>
      <c r="AP117" s="128"/>
      <c r="AQ117" s="128"/>
      <c r="AR117" s="128"/>
      <c r="AS117" s="128"/>
      <c r="AT117" s="128"/>
      <c r="AU117" s="128"/>
      <c r="AV117" s="128"/>
      <c r="AW117" s="128"/>
      <c r="AX117" s="129"/>
    </row>
    <row r="118" spans="1:113" s="23" customFormat="1" ht="10.8" customHeight="1">
      <c r="A118" s="34"/>
      <c r="B118" s="127"/>
      <c r="C118" s="128"/>
      <c r="D118" s="128"/>
      <c r="E118" s="128"/>
      <c r="F118" s="128"/>
      <c r="G118" s="128"/>
      <c r="H118" s="128"/>
      <c r="I118" s="128"/>
      <c r="J118" s="128"/>
      <c r="K118" s="128"/>
      <c r="L118" s="128"/>
      <c r="M118" s="128"/>
      <c r="N118" s="128"/>
      <c r="O118" s="128"/>
      <c r="P118" s="128"/>
      <c r="Q118" s="128"/>
      <c r="R118" s="128"/>
      <c r="S118" s="128"/>
      <c r="T118" s="128"/>
      <c r="U118" s="128"/>
      <c r="V118" s="128"/>
      <c r="W118" s="128"/>
      <c r="X118" s="128"/>
      <c r="Y118" s="128"/>
      <c r="Z118" s="128"/>
      <c r="AA118" s="128"/>
      <c r="AB118" s="128"/>
      <c r="AC118" s="128"/>
      <c r="AD118" s="128"/>
      <c r="AE118" s="128"/>
      <c r="AF118" s="128"/>
      <c r="AG118" s="128"/>
      <c r="AH118" s="128"/>
      <c r="AI118" s="128"/>
      <c r="AJ118" s="128"/>
      <c r="AK118" s="128"/>
      <c r="AL118" s="128"/>
      <c r="AM118" s="128"/>
      <c r="AN118" s="128"/>
      <c r="AO118" s="128"/>
      <c r="AP118" s="128"/>
      <c r="AQ118" s="128"/>
      <c r="AR118" s="128"/>
      <c r="AS118" s="128"/>
      <c r="AT118" s="128"/>
      <c r="AU118" s="128"/>
      <c r="AV118" s="128"/>
      <c r="AW118" s="128"/>
      <c r="AX118" s="129"/>
    </row>
    <row r="119" spans="1:113" s="23" customFormat="1" ht="10.8" customHeight="1">
      <c r="A119" s="34"/>
      <c r="B119" s="127"/>
      <c r="C119" s="128"/>
      <c r="D119" s="128"/>
      <c r="E119" s="128"/>
      <c r="F119" s="128"/>
      <c r="G119" s="128"/>
      <c r="H119" s="128"/>
      <c r="I119" s="128"/>
      <c r="J119" s="128"/>
      <c r="K119" s="128"/>
      <c r="L119" s="128"/>
      <c r="M119" s="128"/>
      <c r="N119" s="128"/>
      <c r="O119" s="128"/>
      <c r="P119" s="128"/>
      <c r="Q119" s="128"/>
      <c r="R119" s="128"/>
      <c r="S119" s="128"/>
      <c r="T119" s="128"/>
      <c r="U119" s="128"/>
      <c r="V119" s="128"/>
      <c r="W119" s="128"/>
      <c r="X119" s="128"/>
      <c r="Y119" s="128"/>
      <c r="Z119" s="128"/>
      <c r="AA119" s="128"/>
      <c r="AB119" s="128"/>
      <c r="AC119" s="128"/>
      <c r="AD119" s="128"/>
      <c r="AE119" s="128"/>
      <c r="AF119" s="128"/>
      <c r="AG119" s="128"/>
      <c r="AH119" s="128"/>
      <c r="AI119" s="128"/>
      <c r="AJ119" s="128"/>
      <c r="AK119" s="128"/>
      <c r="AL119" s="128"/>
      <c r="AM119" s="128"/>
      <c r="AN119" s="128"/>
      <c r="AO119" s="128"/>
      <c r="AP119" s="128"/>
      <c r="AQ119" s="128"/>
      <c r="AR119" s="128"/>
      <c r="AS119" s="128"/>
      <c r="AT119" s="128"/>
      <c r="AU119" s="128"/>
      <c r="AV119" s="128"/>
      <c r="AW119" s="128"/>
      <c r="AX119" s="129"/>
    </row>
    <row r="120" spans="1:113" s="23" customFormat="1" ht="10.8" customHeight="1">
      <c r="A120" s="34"/>
      <c r="B120" s="127"/>
      <c r="C120" s="128"/>
      <c r="D120" s="128"/>
      <c r="E120" s="128"/>
      <c r="F120" s="128"/>
      <c r="G120" s="128"/>
      <c r="H120" s="128"/>
      <c r="I120" s="128"/>
      <c r="J120" s="128"/>
      <c r="K120" s="128"/>
      <c r="L120" s="128"/>
      <c r="M120" s="128"/>
      <c r="N120" s="128"/>
      <c r="O120" s="128"/>
      <c r="P120" s="128"/>
      <c r="Q120" s="128"/>
      <c r="R120" s="128"/>
      <c r="S120" s="128"/>
      <c r="T120" s="128"/>
      <c r="U120" s="128"/>
      <c r="V120" s="128"/>
      <c r="W120" s="128"/>
      <c r="X120" s="128"/>
      <c r="Y120" s="128"/>
      <c r="Z120" s="128"/>
      <c r="AA120" s="128"/>
      <c r="AB120" s="128"/>
      <c r="AC120" s="128"/>
      <c r="AD120" s="128"/>
      <c r="AE120" s="128"/>
      <c r="AF120" s="128"/>
      <c r="AG120" s="128"/>
      <c r="AH120" s="128"/>
      <c r="AI120" s="128"/>
      <c r="AJ120" s="128"/>
      <c r="AK120" s="128"/>
      <c r="AL120" s="128"/>
      <c r="AM120" s="128"/>
      <c r="AN120" s="128"/>
      <c r="AO120" s="128"/>
      <c r="AP120" s="128"/>
      <c r="AQ120" s="128"/>
      <c r="AR120" s="128"/>
      <c r="AS120" s="128"/>
      <c r="AT120" s="128"/>
      <c r="AU120" s="128"/>
      <c r="AV120" s="128"/>
      <c r="AW120" s="128"/>
      <c r="AX120" s="129"/>
    </row>
    <row r="121" spans="1:113" s="23" customFormat="1" ht="10.8" customHeight="1">
      <c r="A121" s="34"/>
      <c r="B121" s="127"/>
      <c r="C121" s="128"/>
      <c r="D121" s="128"/>
      <c r="E121" s="128"/>
      <c r="F121" s="128"/>
      <c r="G121" s="128"/>
      <c r="H121" s="128"/>
      <c r="I121" s="128"/>
      <c r="J121" s="128"/>
      <c r="K121" s="128"/>
      <c r="L121" s="128"/>
      <c r="M121" s="128"/>
      <c r="N121" s="128"/>
      <c r="O121" s="128"/>
      <c r="P121" s="128"/>
      <c r="Q121" s="128"/>
      <c r="R121" s="128"/>
      <c r="S121" s="128"/>
      <c r="T121" s="128"/>
      <c r="U121" s="128"/>
      <c r="V121" s="128"/>
      <c r="W121" s="128"/>
      <c r="X121" s="128"/>
      <c r="Y121" s="128"/>
      <c r="Z121" s="128"/>
      <c r="AA121" s="128"/>
      <c r="AB121" s="128"/>
      <c r="AC121" s="128"/>
      <c r="AD121" s="128"/>
      <c r="AE121" s="128"/>
      <c r="AF121" s="128"/>
      <c r="AG121" s="128"/>
      <c r="AH121" s="128"/>
      <c r="AI121" s="128"/>
      <c r="AJ121" s="128"/>
      <c r="AK121" s="128"/>
      <c r="AL121" s="128"/>
      <c r="AM121" s="128"/>
      <c r="AN121" s="128"/>
      <c r="AO121" s="128"/>
      <c r="AP121" s="128"/>
      <c r="AQ121" s="128"/>
      <c r="AR121" s="128"/>
      <c r="AS121" s="128"/>
      <c r="AT121" s="128"/>
      <c r="AU121" s="128"/>
      <c r="AV121" s="128"/>
      <c r="AW121" s="128"/>
      <c r="AX121" s="129"/>
    </row>
    <row r="122" spans="1:113" s="23" customFormat="1" ht="10.8" customHeight="1">
      <c r="A122" s="34"/>
      <c r="B122" s="127"/>
      <c r="C122" s="128"/>
      <c r="D122" s="128"/>
      <c r="E122" s="128"/>
      <c r="F122" s="128"/>
      <c r="G122" s="128"/>
      <c r="H122" s="128"/>
      <c r="I122" s="128"/>
      <c r="J122" s="128"/>
      <c r="K122" s="128"/>
      <c r="L122" s="128"/>
      <c r="M122" s="128"/>
      <c r="N122" s="128"/>
      <c r="O122" s="128"/>
      <c r="P122" s="128"/>
      <c r="Q122" s="128"/>
      <c r="R122" s="128"/>
      <c r="S122" s="128"/>
      <c r="T122" s="128"/>
      <c r="U122" s="128"/>
      <c r="V122" s="128"/>
      <c r="W122" s="128"/>
      <c r="X122" s="128"/>
      <c r="Y122" s="128"/>
      <c r="Z122" s="128"/>
      <c r="AA122" s="128"/>
      <c r="AB122" s="128"/>
      <c r="AC122" s="128"/>
      <c r="AD122" s="128"/>
      <c r="AE122" s="128"/>
      <c r="AF122" s="128"/>
      <c r="AG122" s="128"/>
      <c r="AH122" s="128"/>
      <c r="AI122" s="128"/>
      <c r="AJ122" s="128"/>
      <c r="AK122" s="128"/>
      <c r="AL122" s="128"/>
      <c r="AM122" s="128"/>
      <c r="AN122" s="128"/>
      <c r="AO122" s="128"/>
      <c r="AP122" s="128"/>
      <c r="AQ122" s="128"/>
      <c r="AR122" s="128"/>
      <c r="AS122" s="128"/>
      <c r="AT122" s="128"/>
      <c r="AU122" s="128"/>
      <c r="AV122" s="128"/>
      <c r="AW122" s="128"/>
      <c r="AX122" s="129"/>
    </row>
    <row r="123" spans="1:113" s="23" customFormat="1" ht="10.8" customHeight="1">
      <c r="A123" s="34"/>
      <c r="B123" s="127"/>
      <c r="C123" s="128"/>
      <c r="D123" s="128"/>
      <c r="E123" s="128"/>
      <c r="F123" s="128"/>
      <c r="G123" s="128"/>
      <c r="H123" s="128"/>
      <c r="I123" s="128"/>
      <c r="J123" s="128"/>
      <c r="K123" s="128"/>
      <c r="L123" s="128"/>
      <c r="M123" s="128"/>
      <c r="N123" s="128"/>
      <c r="O123" s="128"/>
      <c r="P123" s="128"/>
      <c r="Q123" s="128"/>
      <c r="R123" s="128"/>
      <c r="S123" s="128"/>
      <c r="T123" s="128"/>
      <c r="U123" s="128"/>
      <c r="V123" s="128"/>
      <c r="W123" s="128"/>
      <c r="X123" s="128"/>
      <c r="Y123" s="128"/>
      <c r="Z123" s="128"/>
      <c r="AA123" s="128"/>
      <c r="AB123" s="128"/>
      <c r="AC123" s="128"/>
      <c r="AD123" s="128"/>
      <c r="AE123" s="128"/>
      <c r="AF123" s="128"/>
      <c r="AG123" s="128"/>
      <c r="AH123" s="128"/>
      <c r="AI123" s="128"/>
      <c r="AJ123" s="128"/>
      <c r="AK123" s="128"/>
      <c r="AL123" s="128"/>
      <c r="AM123" s="128"/>
      <c r="AN123" s="128"/>
      <c r="AO123" s="128"/>
      <c r="AP123" s="128"/>
      <c r="AQ123" s="128"/>
      <c r="AR123" s="128"/>
      <c r="AS123" s="128"/>
      <c r="AT123" s="128"/>
      <c r="AU123" s="128"/>
      <c r="AV123" s="128"/>
      <c r="AW123" s="128"/>
      <c r="AX123" s="129"/>
    </row>
    <row r="124" spans="1:113" s="23" customFormat="1" ht="10.8" customHeight="1">
      <c r="A124" s="34"/>
      <c r="B124" s="127"/>
      <c r="C124" s="128"/>
      <c r="D124" s="128"/>
      <c r="E124" s="128"/>
      <c r="F124" s="128"/>
      <c r="G124" s="128"/>
      <c r="H124" s="128"/>
      <c r="I124" s="128"/>
      <c r="J124" s="128"/>
      <c r="K124" s="128"/>
      <c r="L124" s="128"/>
      <c r="M124" s="128"/>
      <c r="N124" s="128"/>
      <c r="O124" s="128"/>
      <c r="P124" s="128"/>
      <c r="Q124" s="128"/>
      <c r="R124" s="128"/>
      <c r="S124" s="128"/>
      <c r="T124" s="128"/>
      <c r="U124" s="128"/>
      <c r="V124" s="128"/>
      <c r="W124" s="128"/>
      <c r="X124" s="128"/>
      <c r="Y124" s="128"/>
      <c r="Z124" s="128"/>
      <c r="AA124" s="128"/>
      <c r="AB124" s="128"/>
      <c r="AC124" s="128"/>
      <c r="AD124" s="128"/>
      <c r="AE124" s="128"/>
      <c r="AF124" s="128"/>
      <c r="AG124" s="128"/>
      <c r="AH124" s="128"/>
      <c r="AI124" s="128"/>
      <c r="AJ124" s="128"/>
      <c r="AK124" s="128"/>
      <c r="AL124" s="128"/>
      <c r="AM124" s="128"/>
      <c r="AN124" s="128"/>
      <c r="AO124" s="128"/>
      <c r="AP124" s="128"/>
      <c r="AQ124" s="128"/>
      <c r="AR124" s="128"/>
      <c r="AS124" s="128"/>
      <c r="AT124" s="128"/>
      <c r="AU124" s="128"/>
      <c r="AV124" s="128"/>
      <c r="AW124" s="128"/>
      <c r="AX124" s="129"/>
    </row>
    <row r="125" spans="1:113" s="23" customFormat="1" ht="15" thickBot="1">
      <c r="A125" s="38"/>
      <c r="B125" s="39"/>
      <c r="C125" s="40"/>
      <c r="D125" s="40"/>
      <c r="E125" s="40"/>
      <c r="F125" s="40"/>
      <c r="G125" s="40"/>
      <c r="H125" s="40"/>
      <c r="I125" s="40"/>
      <c r="J125" s="40"/>
      <c r="K125" s="40"/>
      <c r="L125" s="40"/>
      <c r="M125" s="40"/>
      <c r="N125" s="40"/>
      <c r="O125" s="40"/>
      <c r="P125" s="40"/>
      <c r="Q125" s="40"/>
      <c r="R125" s="40"/>
      <c r="S125" s="40"/>
      <c r="T125" s="40"/>
      <c r="U125" s="40"/>
      <c r="V125" s="40"/>
      <c r="W125" s="40"/>
      <c r="X125" s="40"/>
      <c r="Y125" s="40"/>
      <c r="Z125" s="40"/>
      <c r="AA125" s="40"/>
      <c r="AB125" s="40"/>
      <c r="AC125" s="40"/>
      <c r="AD125" s="40"/>
      <c r="AE125" s="40"/>
      <c r="AF125" s="40"/>
      <c r="AG125" s="40"/>
      <c r="AH125" s="40"/>
      <c r="AI125" s="40"/>
      <c r="AJ125" s="40"/>
      <c r="AK125" s="40"/>
      <c r="AL125" s="40"/>
      <c r="AM125" s="40"/>
      <c r="AN125" s="40"/>
      <c r="AO125" s="40"/>
      <c r="AP125" s="40"/>
      <c r="AQ125" s="40"/>
      <c r="AR125" s="40"/>
      <c r="AS125" s="40"/>
      <c r="AT125" s="40"/>
      <c r="AU125" s="40"/>
      <c r="AV125" s="40"/>
      <c r="AW125" s="40"/>
      <c r="AX125" s="41"/>
    </row>
    <row r="126" spans="1:113" s="23" customFormat="1" ht="13.2">
      <c r="B126" s="42"/>
    </row>
    <row r="127" spans="1:113" s="23" customFormat="1" ht="14.4">
      <c r="B127" s="33" t="s">
        <v>93</v>
      </c>
      <c r="C127" s="34"/>
      <c r="D127" s="34"/>
      <c r="E127" s="34"/>
      <c r="F127" s="34"/>
      <c r="G127" s="34"/>
      <c r="H127" s="34"/>
      <c r="I127" s="34"/>
      <c r="J127" s="34"/>
      <c r="K127" s="34"/>
      <c r="L127" s="35"/>
      <c r="M127" s="35"/>
      <c r="N127" s="35"/>
      <c r="O127" s="35"/>
      <c r="P127" s="34"/>
      <c r="Q127" s="34"/>
      <c r="R127" s="34"/>
      <c r="S127" s="34"/>
      <c r="T127" s="34"/>
      <c r="U127" s="34"/>
      <c r="V127" s="33"/>
      <c r="W127" s="33"/>
      <c r="X127" s="33"/>
      <c r="Y127" s="33"/>
      <c r="Z127" s="33"/>
      <c r="AA127" s="33"/>
      <c r="AB127" s="33"/>
      <c r="AC127" s="33"/>
      <c r="AD127" s="33"/>
      <c r="AE127" s="33"/>
      <c r="AF127" s="33"/>
      <c r="AG127" s="33"/>
      <c r="AH127" s="33"/>
      <c r="AI127" s="33"/>
      <c r="AJ127" s="33"/>
      <c r="AK127" s="33"/>
      <c r="AL127" s="33"/>
      <c r="AM127" s="33"/>
      <c r="AN127" s="33"/>
      <c r="AO127" s="33"/>
      <c r="AP127" s="33"/>
      <c r="AQ127" s="33"/>
      <c r="AR127" s="33"/>
      <c r="AS127" s="33"/>
      <c r="AT127" s="33"/>
      <c r="AU127" s="33"/>
      <c r="AV127" s="33"/>
      <c r="AW127" s="33"/>
      <c r="AX127" s="33"/>
    </row>
    <row r="128" spans="1:113" s="23" customFormat="1" ht="15" thickBot="1">
      <c r="B128" s="33"/>
      <c r="C128" s="34"/>
      <c r="D128" s="34"/>
      <c r="E128" s="34"/>
      <c r="F128" s="34"/>
      <c r="G128" s="34"/>
      <c r="H128" s="34"/>
      <c r="I128" s="34"/>
      <c r="J128" s="34"/>
      <c r="K128" s="34"/>
      <c r="L128" s="35"/>
      <c r="M128" s="35"/>
      <c r="N128" s="35"/>
      <c r="O128" s="35"/>
      <c r="P128" s="34"/>
      <c r="Q128" s="34"/>
      <c r="R128" s="34"/>
      <c r="S128" s="34"/>
      <c r="T128" s="34"/>
      <c r="U128" s="34"/>
      <c r="V128" s="33"/>
      <c r="W128" s="33"/>
      <c r="X128" s="33"/>
      <c r="Y128" s="33"/>
      <c r="Z128" s="33"/>
      <c r="AA128" s="33"/>
      <c r="AB128" s="33"/>
      <c r="AC128" s="33"/>
      <c r="AD128" s="33"/>
      <c r="AE128" s="33"/>
      <c r="AF128" s="33"/>
      <c r="AG128" s="33"/>
      <c r="AH128" s="33"/>
      <c r="AI128" s="33"/>
      <c r="AJ128" s="33"/>
      <c r="AK128" s="33"/>
      <c r="AL128" s="33"/>
      <c r="AM128" s="33"/>
      <c r="AN128" s="33"/>
      <c r="AO128" s="33"/>
      <c r="AP128" s="33"/>
      <c r="AQ128" s="33"/>
      <c r="AR128" s="33"/>
      <c r="AS128" s="33"/>
      <c r="AT128" s="33"/>
      <c r="AU128" s="33"/>
      <c r="AV128" s="33"/>
      <c r="AW128" s="33"/>
      <c r="AX128" s="43" t="s">
        <v>94</v>
      </c>
    </row>
    <row r="129" spans="1:251" s="50" customFormat="1" ht="13.5" customHeight="1">
      <c r="A129" s="34"/>
      <c r="B129" s="139" t="s">
        <v>95</v>
      </c>
      <c r="C129" s="203"/>
      <c r="D129" s="203"/>
      <c r="E129" s="203"/>
      <c r="F129" s="203"/>
      <c r="G129" s="203"/>
      <c r="H129" s="203"/>
      <c r="I129" s="203"/>
      <c r="J129" s="203"/>
      <c r="K129" s="203"/>
      <c r="L129" s="203"/>
      <c r="M129" s="203"/>
      <c r="N129" s="203"/>
      <c r="O129" s="203"/>
      <c r="P129" s="203"/>
      <c r="Q129" s="203"/>
      <c r="R129" s="203"/>
      <c r="S129" s="203"/>
      <c r="T129" s="203"/>
      <c r="U129" s="203"/>
      <c r="V129" s="203"/>
      <c r="W129" s="203"/>
      <c r="X129" s="203"/>
      <c r="Y129" s="203"/>
      <c r="Z129" s="204"/>
      <c r="AA129" s="145" t="s">
        <v>116</v>
      </c>
      <c r="AB129" s="203"/>
      <c r="AC129" s="203"/>
      <c r="AD129" s="203"/>
      <c r="AE129" s="203"/>
      <c r="AF129" s="203"/>
      <c r="AG129" s="203"/>
      <c r="AH129" s="203"/>
      <c r="AI129" s="204"/>
      <c r="AJ129" s="145" t="s">
        <v>117</v>
      </c>
      <c r="AK129" s="203"/>
      <c r="AL129" s="203"/>
      <c r="AM129" s="203"/>
      <c r="AN129" s="203"/>
      <c r="AO129" s="203"/>
      <c r="AP129" s="203"/>
      <c r="AQ129" s="203"/>
      <c r="AR129" s="204"/>
      <c r="AS129" s="145" t="s">
        <v>98</v>
      </c>
      <c r="AT129" s="203"/>
      <c r="AU129" s="203"/>
      <c r="AV129" s="203"/>
      <c r="AW129" s="203"/>
      <c r="AX129" s="209"/>
      <c r="AY129" s="23"/>
      <c r="AZ129" s="23"/>
      <c r="BA129" s="23"/>
      <c r="BB129" s="23"/>
      <c r="BC129" s="23"/>
      <c r="BD129" s="23"/>
      <c r="BE129" s="23"/>
      <c r="BF129" s="23"/>
      <c r="BG129" s="23"/>
      <c r="BH129" s="23"/>
      <c r="BI129" s="23"/>
      <c r="BJ129" s="23"/>
      <c r="BK129" s="23"/>
      <c r="BL129" s="23"/>
      <c r="BM129" s="23"/>
      <c r="BN129" s="23"/>
      <c r="BO129" s="23"/>
      <c r="BP129" s="23"/>
      <c r="BQ129" s="23"/>
      <c r="BR129" s="23"/>
      <c r="BS129" s="23"/>
      <c r="BT129" s="23"/>
      <c r="BU129" s="23"/>
      <c r="BV129" s="23"/>
      <c r="BW129" s="23"/>
      <c r="BX129" s="23"/>
      <c r="BY129" s="23"/>
      <c r="BZ129" s="23"/>
      <c r="CA129" s="23"/>
      <c r="CB129" s="23"/>
      <c r="CC129" s="23"/>
      <c r="CD129" s="23"/>
      <c r="CE129" s="23"/>
      <c r="CF129" s="23"/>
      <c r="CG129" s="23"/>
      <c r="CH129" s="23"/>
      <c r="CI129" s="23"/>
      <c r="CJ129" s="23"/>
      <c r="CK129" s="23"/>
      <c r="CL129" s="23"/>
      <c r="CM129" s="23"/>
      <c r="CN129" s="23"/>
      <c r="CO129" s="23"/>
      <c r="CP129" s="23"/>
      <c r="CQ129" s="23"/>
      <c r="CR129" s="23"/>
      <c r="CS129" s="23"/>
      <c r="CT129" s="23"/>
      <c r="CU129" s="23"/>
      <c r="CV129" s="23"/>
      <c r="CW129" s="23"/>
      <c r="CX129" s="23"/>
      <c r="CY129" s="23"/>
      <c r="CZ129" s="23"/>
      <c r="DA129" s="23"/>
      <c r="DB129" s="23"/>
      <c r="DC129" s="23"/>
      <c r="DD129" s="23"/>
      <c r="DE129" s="23"/>
      <c r="DF129" s="23"/>
      <c r="DG129" s="23"/>
      <c r="DH129" s="23"/>
      <c r="DI129" s="23"/>
      <c r="DJ129" s="23"/>
      <c r="DK129" s="23"/>
      <c r="DL129" s="23"/>
      <c r="DM129" s="23"/>
      <c r="DN129" s="23"/>
      <c r="DO129" s="23"/>
      <c r="DP129" s="23"/>
      <c r="DQ129" s="23"/>
      <c r="DR129" s="23"/>
      <c r="DS129" s="23"/>
      <c r="DT129" s="23"/>
      <c r="DU129" s="23"/>
      <c r="DV129" s="23"/>
      <c r="DW129" s="23"/>
      <c r="DX129" s="23"/>
      <c r="DY129" s="23"/>
      <c r="DZ129" s="23"/>
      <c r="EA129" s="23"/>
      <c r="EB129" s="23"/>
      <c r="EC129" s="23"/>
      <c r="ED129" s="23"/>
      <c r="EE129" s="23"/>
      <c r="EF129" s="23"/>
      <c r="EG129" s="23"/>
      <c r="EH129" s="23"/>
      <c r="EI129" s="23"/>
      <c r="EJ129" s="23"/>
      <c r="EK129" s="23"/>
      <c r="EL129" s="23"/>
      <c r="EM129" s="23"/>
      <c r="EN129" s="23"/>
      <c r="EO129" s="23"/>
      <c r="EP129" s="23"/>
      <c r="EQ129" s="23"/>
      <c r="ER129" s="23"/>
      <c r="ES129" s="23"/>
      <c r="ET129" s="23"/>
      <c r="EU129" s="23"/>
      <c r="EV129" s="23"/>
      <c r="EW129" s="23"/>
      <c r="EX129" s="23"/>
      <c r="EY129" s="23"/>
      <c r="EZ129" s="23"/>
      <c r="FA129" s="23"/>
      <c r="FB129" s="23"/>
      <c r="FC129" s="23"/>
      <c r="FD129" s="23"/>
      <c r="FE129" s="23"/>
      <c r="FF129" s="23"/>
      <c r="FG129" s="23"/>
      <c r="FH129" s="23"/>
      <c r="FI129" s="23"/>
      <c r="FJ129" s="23"/>
      <c r="FK129" s="23"/>
      <c r="FL129" s="23"/>
      <c r="FM129" s="23"/>
      <c r="FN129" s="23"/>
      <c r="FO129" s="23"/>
      <c r="FP129" s="23"/>
      <c r="FQ129" s="23"/>
      <c r="FR129" s="23"/>
      <c r="FS129" s="23"/>
      <c r="FT129" s="23"/>
      <c r="FU129" s="23"/>
      <c r="FV129" s="23"/>
      <c r="FW129" s="23"/>
      <c r="FX129" s="23"/>
      <c r="FY129" s="23"/>
      <c r="FZ129" s="23"/>
      <c r="GA129" s="23"/>
      <c r="GB129" s="23"/>
      <c r="GC129" s="23"/>
      <c r="GD129" s="23"/>
      <c r="GE129" s="23"/>
      <c r="GF129" s="23"/>
      <c r="GG129" s="23"/>
      <c r="GH129" s="23"/>
      <c r="GI129" s="23"/>
      <c r="GJ129" s="23"/>
      <c r="GK129" s="23"/>
      <c r="GL129" s="23"/>
      <c r="GM129" s="23"/>
      <c r="GN129" s="23"/>
      <c r="GO129" s="23"/>
      <c r="GP129" s="23"/>
      <c r="GQ129" s="23"/>
      <c r="GR129" s="23"/>
      <c r="GS129" s="23"/>
      <c r="GT129" s="23"/>
      <c r="GU129" s="23"/>
      <c r="GV129" s="23"/>
      <c r="GW129" s="23"/>
      <c r="GX129" s="23"/>
      <c r="GY129" s="23"/>
      <c r="GZ129" s="23"/>
      <c r="HA129" s="23"/>
      <c r="HB129" s="23"/>
      <c r="HC129" s="23"/>
      <c r="HD129" s="23"/>
      <c r="HE129" s="23"/>
      <c r="HF129" s="23"/>
      <c r="HG129" s="23"/>
      <c r="HH129" s="23"/>
      <c r="HI129" s="23"/>
      <c r="HJ129" s="23"/>
      <c r="HK129" s="23"/>
      <c r="HL129" s="23"/>
      <c r="HM129" s="23"/>
      <c r="HN129" s="23"/>
      <c r="HO129" s="23"/>
      <c r="HP129" s="23"/>
      <c r="HQ129" s="23"/>
      <c r="HR129" s="23"/>
      <c r="HS129" s="23"/>
      <c r="HT129" s="23"/>
      <c r="HU129" s="23"/>
      <c r="HV129" s="23"/>
      <c r="HW129" s="23"/>
      <c r="HX129" s="23"/>
      <c r="HY129" s="23"/>
      <c r="HZ129" s="23"/>
      <c r="IA129" s="23"/>
      <c r="IB129" s="23"/>
      <c r="IC129" s="23"/>
      <c r="ID129" s="23"/>
      <c r="IE129" s="23"/>
      <c r="IF129" s="23"/>
      <c r="IG129" s="23"/>
      <c r="IH129" s="23"/>
      <c r="II129" s="23"/>
      <c r="IJ129" s="23"/>
      <c r="IK129" s="23"/>
      <c r="IL129" s="23"/>
      <c r="IM129" s="23"/>
      <c r="IN129" s="23"/>
      <c r="IO129" s="23"/>
      <c r="IP129" s="23"/>
      <c r="IQ129" s="23"/>
    </row>
    <row r="130" spans="1:251" s="50" customFormat="1">
      <c r="A130" s="34"/>
      <c r="B130" s="205"/>
      <c r="C130" s="206"/>
      <c r="D130" s="206"/>
      <c r="E130" s="206"/>
      <c r="F130" s="206"/>
      <c r="G130" s="206"/>
      <c r="H130" s="206"/>
      <c r="I130" s="206"/>
      <c r="J130" s="206"/>
      <c r="K130" s="206"/>
      <c r="L130" s="206"/>
      <c r="M130" s="206"/>
      <c r="N130" s="206"/>
      <c r="O130" s="206"/>
      <c r="P130" s="206"/>
      <c r="Q130" s="206"/>
      <c r="R130" s="206"/>
      <c r="S130" s="206"/>
      <c r="T130" s="206"/>
      <c r="U130" s="206"/>
      <c r="V130" s="206"/>
      <c r="W130" s="206"/>
      <c r="X130" s="206"/>
      <c r="Y130" s="206"/>
      <c r="Z130" s="207"/>
      <c r="AA130" s="208"/>
      <c r="AB130" s="206"/>
      <c r="AC130" s="206"/>
      <c r="AD130" s="206"/>
      <c r="AE130" s="206"/>
      <c r="AF130" s="206"/>
      <c r="AG130" s="206"/>
      <c r="AH130" s="206"/>
      <c r="AI130" s="207"/>
      <c r="AJ130" s="208"/>
      <c r="AK130" s="206"/>
      <c r="AL130" s="206"/>
      <c r="AM130" s="206"/>
      <c r="AN130" s="206"/>
      <c r="AO130" s="206"/>
      <c r="AP130" s="206"/>
      <c r="AQ130" s="206"/>
      <c r="AR130" s="207"/>
      <c r="AS130" s="208"/>
      <c r="AT130" s="206"/>
      <c r="AU130" s="206"/>
      <c r="AV130" s="206"/>
      <c r="AW130" s="206"/>
      <c r="AX130" s="210"/>
      <c r="AY130" s="23"/>
      <c r="AZ130" s="23"/>
      <c r="BA130" s="23"/>
      <c r="BB130"/>
      <c r="BC130" s="45"/>
      <c r="BE130" s="23"/>
      <c r="BF130" s="23"/>
      <c r="BG130" s="23"/>
      <c r="BH130" s="23"/>
      <c r="BI130" s="23"/>
      <c r="BJ130" s="23"/>
      <c r="BK130" s="23"/>
      <c r="BL130" s="23"/>
      <c r="BM130" s="23"/>
      <c r="BN130" s="23"/>
      <c r="BO130" s="23"/>
      <c r="BP130" s="23"/>
      <c r="BQ130" s="23"/>
      <c r="BR130" s="23"/>
      <c r="BS130" s="23"/>
      <c r="BT130" s="23"/>
      <c r="BU130" s="23"/>
      <c r="BV130" s="23"/>
      <c r="BW130" s="23"/>
      <c r="BX130" s="23"/>
      <c r="BY130" s="23"/>
      <c r="BZ130" s="23"/>
      <c r="CA130" s="23"/>
      <c r="CB130" s="23"/>
      <c r="CC130" s="23"/>
      <c r="CD130" s="23"/>
      <c r="CE130" s="23"/>
      <c r="CF130" s="23"/>
      <c r="CG130" s="23"/>
      <c r="CH130" s="23"/>
      <c r="CI130" s="23"/>
      <c r="CJ130" s="23"/>
      <c r="CK130" s="23"/>
      <c r="CL130" s="23"/>
      <c r="CM130" s="23"/>
      <c r="CN130" s="23"/>
      <c r="CO130" s="23"/>
      <c r="CP130" s="23"/>
      <c r="CQ130" s="23"/>
      <c r="CR130" s="23"/>
      <c r="CS130" s="23"/>
      <c r="CT130" s="23"/>
      <c r="CU130" s="23"/>
      <c r="CV130" s="23"/>
      <c r="CW130" s="23"/>
      <c r="CX130" s="23"/>
      <c r="CY130" s="23"/>
      <c r="CZ130" s="23"/>
      <c r="DA130" s="23"/>
      <c r="DB130" s="23"/>
      <c r="DC130" s="23"/>
      <c r="DD130" s="23"/>
      <c r="DE130" s="23"/>
      <c r="DF130" s="23"/>
      <c r="DG130" s="23"/>
      <c r="DH130" s="23"/>
      <c r="DI130" s="23"/>
      <c r="DJ130" s="23"/>
      <c r="DK130" s="23"/>
      <c r="DL130" s="23"/>
      <c r="DM130" s="23"/>
      <c r="DN130" s="23"/>
      <c r="DO130" s="23"/>
      <c r="DP130" s="23"/>
      <c r="DQ130" s="23"/>
      <c r="DR130" s="23"/>
      <c r="DS130" s="23"/>
      <c r="DT130" s="23"/>
      <c r="DU130" s="23"/>
      <c r="DV130" s="23"/>
      <c r="DW130" s="23"/>
      <c r="DX130" s="23"/>
      <c r="DY130" s="23"/>
      <c r="DZ130" s="23"/>
      <c r="EA130" s="23"/>
      <c r="EB130" s="23"/>
      <c r="EC130" s="23"/>
      <c r="ED130" s="23"/>
      <c r="EE130" s="23"/>
      <c r="EF130" s="23"/>
      <c r="EG130" s="23"/>
      <c r="EH130" s="23"/>
      <c r="EI130" s="23"/>
      <c r="EJ130" s="23"/>
      <c r="EK130" s="23"/>
      <c r="EL130" s="23"/>
      <c r="EM130" s="23"/>
      <c r="EN130" s="23"/>
      <c r="EO130" s="23"/>
      <c r="EP130" s="23"/>
      <c r="EQ130" s="23"/>
      <c r="ER130" s="23"/>
      <c r="ES130" s="23"/>
      <c r="ET130" s="23"/>
      <c r="EU130" s="23"/>
      <c r="EV130" s="23"/>
      <c r="EW130" s="23"/>
      <c r="EX130" s="23"/>
      <c r="EY130" s="23"/>
      <c r="EZ130" s="23"/>
      <c r="FA130" s="23"/>
      <c r="FB130" s="23"/>
      <c r="FC130" s="23"/>
      <c r="FD130" s="23"/>
      <c r="FE130" s="23"/>
      <c r="FF130" s="23"/>
      <c r="FG130" s="23"/>
      <c r="FH130" s="23"/>
      <c r="FI130" s="23"/>
      <c r="FJ130" s="23"/>
      <c r="FK130" s="23"/>
      <c r="FL130" s="23"/>
      <c r="FM130" s="23"/>
      <c r="FN130" s="23"/>
      <c r="FO130" s="23"/>
      <c r="FP130" s="23"/>
      <c r="FQ130" s="23"/>
      <c r="FR130" s="23"/>
      <c r="FS130" s="23"/>
      <c r="FT130" s="23"/>
      <c r="FU130" s="23"/>
      <c r="FV130" s="23"/>
      <c r="FW130" s="23"/>
      <c r="FX130" s="23"/>
      <c r="FY130" s="23"/>
      <c r="FZ130" s="23"/>
      <c r="GA130" s="23"/>
      <c r="GB130" s="23"/>
      <c r="GC130" s="23"/>
      <c r="GD130" s="23"/>
      <c r="GE130" s="23"/>
      <c r="GF130" s="23"/>
      <c r="GG130" s="23"/>
      <c r="GH130" s="23"/>
      <c r="GI130" s="23"/>
      <c r="GJ130" s="23"/>
      <c r="GK130" s="23"/>
      <c r="GL130" s="23"/>
      <c r="GM130" s="23"/>
      <c r="GN130" s="23"/>
      <c r="GO130" s="23"/>
      <c r="GP130" s="23"/>
      <c r="GQ130" s="23"/>
      <c r="GR130" s="23"/>
      <c r="GS130" s="23"/>
      <c r="GT130" s="23"/>
      <c r="GU130" s="23"/>
      <c r="GV130" s="23"/>
      <c r="GW130" s="23"/>
      <c r="GX130" s="23"/>
      <c r="GY130" s="23"/>
      <c r="GZ130" s="23"/>
      <c r="HA130" s="23"/>
      <c r="HB130" s="23"/>
      <c r="HC130" s="23"/>
      <c r="HD130" s="23"/>
      <c r="HE130" s="23"/>
      <c r="HF130" s="23"/>
      <c r="HG130" s="23"/>
      <c r="HH130" s="23"/>
      <c r="HI130" s="23"/>
      <c r="HJ130" s="23"/>
      <c r="HK130" s="23"/>
      <c r="HL130" s="23"/>
      <c r="HM130" s="23"/>
      <c r="HN130" s="23"/>
      <c r="HO130" s="23"/>
      <c r="HP130" s="23"/>
      <c r="HQ130" s="23"/>
      <c r="HR130" s="23"/>
      <c r="HS130" s="23"/>
      <c r="HT130" s="23"/>
      <c r="HU130" s="23"/>
      <c r="HV130" s="23"/>
      <c r="HW130" s="23"/>
      <c r="HX130" s="23"/>
      <c r="HY130" s="23"/>
      <c r="HZ130" s="23"/>
      <c r="IA130" s="23"/>
      <c r="IB130" s="23"/>
      <c r="IC130" s="23"/>
      <c r="ID130" s="23"/>
      <c r="IE130" s="23"/>
      <c r="IF130" s="23"/>
      <c r="IG130" s="23"/>
      <c r="IH130" s="23"/>
      <c r="II130" s="23"/>
      <c r="IJ130" s="23"/>
      <c r="IK130" s="23"/>
      <c r="IL130" s="23"/>
      <c r="IM130" s="23"/>
      <c r="IN130" s="23"/>
      <c r="IO130" s="23"/>
      <c r="IP130" s="23"/>
      <c r="IQ130" s="23"/>
    </row>
    <row r="131" spans="1:251" s="50" customFormat="1" ht="18.75" customHeight="1">
      <c r="A131" s="34"/>
      <c r="B131" s="46"/>
      <c r="C131" s="130" t="s">
        <v>125</v>
      </c>
      <c r="D131" s="130"/>
      <c r="E131" s="130"/>
      <c r="F131" s="130"/>
      <c r="G131" s="130"/>
      <c r="H131" s="130"/>
      <c r="I131" s="130"/>
      <c r="J131" s="130"/>
      <c r="K131" s="130"/>
      <c r="L131" s="130"/>
      <c r="M131" s="130"/>
      <c r="N131" s="130"/>
      <c r="O131" s="130"/>
      <c r="P131" s="130"/>
      <c r="Q131" s="130"/>
      <c r="R131" s="130"/>
      <c r="S131" s="130"/>
      <c r="T131" s="130"/>
      <c r="U131" s="130"/>
      <c r="V131" s="130"/>
      <c r="W131" s="130"/>
      <c r="X131" s="130"/>
      <c r="Y131" s="130"/>
      <c r="Z131" s="131"/>
      <c r="AA131" s="132">
        <v>27294</v>
      </c>
      <c r="AB131" s="196"/>
      <c r="AC131" s="196"/>
      <c r="AD131" s="196"/>
      <c r="AE131" s="196"/>
      <c r="AF131" s="196"/>
      <c r="AG131" s="196"/>
      <c r="AH131" s="196"/>
      <c r="AI131" s="197"/>
      <c r="AJ131" s="132">
        <v>7035</v>
      </c>
      <c r="AK131" s="196"/>
      <c r="AL131" s="196"/>
      <c r="AM131" s="196"/>
      <c r="AN131" s="196"/>
      <c r="AO131" s="196"/>
      <c r="AP131" s="196"/>
      <c r="AQ131" s="196"/>
      <c r="AR131" s="197"/>
      <c r="AS131" s="132"/>
      <c r="AT131" s="196"/>
      <c r="AU131" s="196"/>
      <c r="AV131" s="196"/>
      <c r="AW131" s="196"/>
      <c r="AX131" s="202"/>
      <c r="AY131" s="23"/>
      <c r="AZ131" s="23"/>
      <c r="BA131" s="23"/>
      <c r="BB131" s="23"/>
      <c r="BC131" s="23"/>
      <c r="BD131" s="23"/>
      <c r="BE131" s="23"/>
      <c r="BF131" s="23"/>
      <c r="BG131" s="23"/>
      <c r="BH131" s="23"/>
      <c r="BI131" s="23"/>
      <c r="BJ131" s="23"/>
      <c r="BK131" s="23"/>
      <c r="BL131" s="23"/>
      <c r="BM131" s="23"/>
      <c r="BN131" s="23"/>
      <c r="BO131" s="23"/>
      <c r="BP131" s="23"/>
      <c r="BQ131" s="23"/>
      <c r="BR131" s="23"/>
      <c r="BS131" s="23"/>
      <c r="BT131" s="23"/>
      <c r="BU131" s="23"/>
      <c r="BV131" s="23"/>
      <c r="BW131" s="23"/>
      <c r="BX131" s="23"/>
      <c r="BY131" s="23"/>
      <c r="BZ131" s="23"/>
      <c r="CA131" s="23"/>
      <c r="CB131" s="23"/>
      <c r="CC131" s="23"/>
      <c r="CD131" s="23"/>
      <c r="CE131" s="23"/>
      <c r="CF131" s="23"/>
      <c r="CG131" s="23"/>
      <c r="CH131" s="23"/>
      <c r="CI131" s="23"/>
      <c r="CJ131" s="23"/>
      <c r="CK131" s="23"/>
      <c r="CL131" s="23"/>
      <c r="CM131" s="23"/>
      <c r="CN131" s="23"/>
      <c r="CO131" s="23"/>
      <c r="CP131" s="23"/>
      <c r="CQ131" s="23"/>
      <c r="CR131" s="23"/>
      <c r="CS131" s="23"/>
      <c r="CT131" s="23"/>
      <c r="CU131" s="23"/>
      <c r="CV131" s="23"/>
      <c r="CW131" s="23"/>
      <c r="CX131" s="23"/>
      <c r="CY131" s="23"/>
      <c r="CZ131" s="23"/>
      <c r="DA131" s="23"/>
      <c r="DB131" s="23"/>
      <c r="DC131" s="23"/>
      <c r="DD131" s="23"/>
      <c r="DE131" s="23"/>
      <c r="DF131" s="23"/>
      <c r="DG131" s="23"/>
      <c r="DH131" s="23"/>
      <c r="DI131" s="23"/>
      <c r="DJ131" s="23"/>
      <c r="DK131" s="23"/>
      <c r="DL131" s="23"/>
      <c r="DM131" s="23"/>
      <c r="DN131" s="23"/>
      <c r="DO131" s="23"/>
      <c r="DP131" s="23"/>
      <c r="DQ131" s="23"/>
      <c r="DR131" s="23"/>
      <c r="DS131" s="23"/>
      <c r="DT131" s="23"/>
      <c r="DU131" s="23"/>
      <c r="DV131" s="23"/>
      <c r="DW131" s="23"/>
      <c r="DX131" s="23"/>
      <c r="DY131" s="23"/>
      <c r="DZ131" s="23"/>
      <c r="EA131" s="23"/>
      <c r="EB131" s="23"/>
      <c r="EC131" s="23"/>
      <c r="ED131" s="23"/>
      <c r="EE131" s="23"/>
      <c r="EF131" s="23"/>
      <c r="EG131" s="23"/>
      <c r="EH131" s="23"/>
      <c r="EI131" s="23"/>
      <c r="EJ131" s="23"/>
      <c r="EK131" s="23"/>
      <c r="EL131" s="23"/>
      <c r="EM131" s="23"/>
      <c r="EN131" s="23"/>
      <c r="EO131" s="23"/>
      <c r="EP131" s="23"/>
      <c r="EQ131" s="23"/>
      <c r="ER131" s="23"/>
      <c r="ES131" s="23"/>
      <c r="ET131" s="23"/>
      <c r="EU131" s="23"/>
      <c r="EV131" s="23"/>
      <c r="EW131" s="23"/>
      <c r="EX131" s="23"/>
      <c r="EY131" s="23"/>
      <c r="EZ131" s="23"/>
      <c r="FA131" s="23"/>
      <c r="FB131" s="23"/>
      <c r="FC131" s="23"/>
      <c r="FD131" s="23"/>
      <c r="FE131" s="23"/>
      <c r="FF131" s="23"/>
      <c r="FG131" s="23"/>
      <c r="FH131" s="23"/>
      <c r="FI131" s="23"/>
      <c r="FJ131" s="23"/>
      <c r="FK131" s="23"/>
      <c r="FL131" s="23"/>
      <c r="FM131" s="23"/>
      <c r="FN131" s="23"/>
      <c r="FO131" s="23"/>
      <c r="FP131" s="23"/>
      <c r="FQ131" s="23"/>
      <c r="FR131" s="23"/>
      <c r="FS131" s="23"/>
      <c r="FT131" s="23"/>
      <c r="FU131" s="23"/>
      <c r="FV131" s="23"/>
      <c r="FW131" s="23"/>
      <c r="FX131" s="23"/>
      <c r="FY131" s="23"/>
      <c r="FZ131" s="23"/>
      <c r="GA131" s="23"/>
      <c r="GB131" s="23"/>
      <c r="GC131" s="23"/>
      <c r="GD131" s="23"/>
      <c r="GE131" s="23"/>
      <c r="GF131" s="23"/>
      <c r="GG131" s="23"/>
      <c r="GH131" s="23"/>
      <c r="GI131" s="23"/>
      <c r="GJ131" s="23"/>
      <c r="GK131" s="23"/>
      <c r="GL131" s="23"/>
      <c r="GM131" s="23"/>
      <c r="GN131" s="23"/>
      <c r="GO131" s="23"/>
      <c r="GP131" s="23"/>
      <c r="GQ131" s="23"/>
      <c r="GR131" s="23"/>
      <c r="GS131" s="23"/>
      <c r="GT131" s="23"/>
      <c r="GU131" s="23"/>
      <c r="GV131" s="23"/>
      <c r="GW131" s="23"/>
      <c r="GX131" s="23"/>
      <c r="GY131" s="23"/>
      <c r="GZ131" s="23"/>
      <c r="HA131" s="23"/>
      <c r="HB131" s="23"/>
      <c r="HC131" s="23"/>
      <c r="HD131" s="23"/>
      <c r="HE131" s="23"/>
      <c r="HF131" s="23"/>
      <c r="HG131" s="23"/>
      <c r="HH131" s="23"/>
      <c r="HI131" s="23"/>
      <c r="HJ131" s="23"/>
      <c r="HK131" s="23"/>
      <c r="HL131" s="23"/>
      <c r="HM131" s="23"/>
      <c r="HN131" s="23"/>
      <c r="HO131" s="23"/>
      <c r="HP131" s="23"/>
      <c r="HQ131" s="23"/>
      <c r="HR131" s="23"/>
      <c r="HS131" s="23"/>
      <c r="HT131" s="23"/>
      <c r="HU131" s="23"/>
      <c r="HV131" s="23"/>
      <c r="HW131" s="23"/>
      <c r="HX131" s="23"/>
      <c r="HY131" s="23"/>
      <c r="HZ131" s="23"/>
      <c r="IA131" s="23"/>
      <c r="IB131" s="23"/>
      <c r="IC131" s="23"/>
      <c r="ID131" s="23"/>
      <c r="IE131" s="23"/>
      <c r="IF131" s="23"/>
      <c r="IG131" s="23"/>
      <c r="IH131" s="23"/>
      <c r="II131" s="23"/>
      <c r="IJ131" s="23"/>
      <c r="IK131" s="23"/>
      <c r="IL131" s="23"/>
      <c r="IM131" s="23"/>
      <c r="IN131" s="23"/>
      <c r="IO131" s="23"/>
      <c r="IP131" s="23"/>
      <c r="IQ131" s="23"/>
    </row>
    <row r="132" spans="1:251" s="50" customFormat="1" ht="18.75" customHeight="1">
      <c r="A132" s="34"/>
      <c r="B132" s="47"/>
      <c r="C132" s="130"/>
      <c r="D132" s="130"/>
      <c r="E132" s="130"/>
      <c r="F132" s="130"/>
      <c r="G132" s="130"/>
      <c r="H132" s="130"/>
      <c r="I132" s="130"/>
      <c r="J132" s="130"/>
      <c r="K132" s="130"/>
      <c r="L132" s="130"/>
      <c r="M132" s="130"/>
      <c r="N132" s="130"/>
      <c r="O132" s="130"/>
      <c r="P132" s="130"/>
      <c r="Q132" s="130"/>
      <c r="R132" s="130"/>
      <c r="S132" s="130"/>
      <c r="T132" s="130"/>
      <c r="U132" s="130"/>
      <c r="V132" s="130"/>
      <c r="W132" s="130"/>
      <c r="X132" s="130"/>
      <c r="Y132" s="130"/>
      <c r="Z132" s="131"/>
      <c r="AA132" s="132"/>
      <c r="AB132" s="200"/>
      <c r="AC132" s="200"/>
      <c r="AD132" s="200"/>
      <c r="AE132" s="200"/>
      <c r="AF132" s="200"/>
      <c r="AG132" s="200"/>
      <c r="AH132" s="200"/>
      <c r="AI132" s="201"/>
      <c r="AJ132" s="132"/>
      <c r="AK132" s="196"/>
      <c r="AL132" s="196"/>
      <c r="AM132" s="196"/>
      <c r="AN132" s="196"/>
      <c r="AO132" s="196"/>
      <c r="AP132" s="196"/>
      <c r="AQ132" s="196"/>
      <c r="AR132" s="197"/>
      <c r="AS132" s="132"/>
      <c r="AT132" s="196"/>
      <c r="AU132" s="196"/>
      <c r="AV132" s="196"/>
      <c r="AW132" s="196"/>
      <c r="AX132" s="202"/>
      <c r="AY132" s="23"/>
      <c r="AZ132" s="23"/>
      <c r="BA132" s="23"/>
      <c r="BB132" s="23"/>
      <c r="BC132" s="23"/>
      <c r="BD132" s="23"/>
      <c r="BE132" s="23"/>
      <c r="BF132" s="23"/>
      <c r="BG132" s="23"/>
      <c r="BH132" s="23"/>
      <c r="BI132" s="23"/>
      <c r="BJ132" s="23"/>
      <c r="BK132" s="23"/>
      <c r="BL132" s="23"/>
      <c r="BM132" s="23"/>
      <c r="BN132" s="23"/>
      <c r="BO132" s="23"/>
      <c r="BP132" s="23"/>
      <c r="BQ132" s="23"/>
      <c r="BR132" s="23"/>
      <c r="BS132" s="23"/>
      <c r="BT132" s="23"/>
      <c r="BU132" s="23"/>
      <c r="BV132" s="23"/>
      <c r="BW132" s="23"/>
      <c r="BX132" s="23"/>
      <c r="BY132" s="23"/>
      <c r="BZ132" s="23"/>
      <c r="CA132" s="23"/>
      <c r="CB132" s="23"/>
      <c r="CC132" s="23"/>
      <c r="CD132" s="23"/>
      <c r="CE132" s="23"/>
      <c r="CF132" s="23"/>
      <c r="CG132" s="23"/>
      <c r="CH132" s="23"/>
      <c r="CI132" s="23"/>
      <c r="CJ132" s="23"/>
      <c r="CK132" s="23"/>
      <c r="CL132" s="23"/>
      <c r="CM132" s="23"/>
      <c r="CN132" s="23"/>
      <c r="CO132" s="23"/>
      <c r="CP132" s="23"/>
      <c r="CQ132" s="23"/>
      <c r="CR132" s="23"/>
      <c r="CS132" s="23"/>
      <c r="CT132" s="23"/>
      <c r="CU132" s="23"/>
      <c r="CV132" s="23"/>
      <c r="CW132" s="23"/>
      <c r="CX132" s="23"/>
      <c r="CY132" s="23"/>
      <c r="CZ132" s="23"/>
      <c r="DA132" s="23"/>
      <c r="DB132" s="23"/>
      <c r="DC132" s="23"/>
      <c r="DD132" s="23"/>
      <c r="DE132" s="23"/>
      <c r="DF132" s="23"/>
      <c r="DG132" s="23"/>
      <c r="DH132" s="23"/>
      <c r="DI132" s="23"/>
      <c r="DJ132" s="23"/>
      <c r="DK132" s="23"/>
      <c r="DL132" s="23"/>
      <c r="DM132" s="23"/>
      <c r="DN132" s="23"/>
      <c r="DO132" s="23"/>
      <c r="DP132" s="23"/>
      <c r="DQ132" s="23"/>
      <c r="DR132" s="23"/>
      <c r="DS132" s="23"/>
      <c r="DT132" s="23"/>
      <c r="DU132" s="23"/>
      <c r="DV132" s="23"/>
      <c r="DW132" s="23"/>
      <c r="DX132" s="23"/>
      <c r="DY132" s="23"/>
      <c r="DZ132" s="23"/>
      <c r="EA132" s="23"/>
      <c r="EB132" s="23"/>
      <c r="EC132" s="23"/>
      <c r="ED132" s="23"/>
      <c r="EE132" s="23"/>
      <c r="EF132" s="23"/>
      <c r="EG132" s="23"/>
      <c r="EH132" s="23"/>
      <c r="EI132" s="23"/>
      <c r="EJ132" s="23"/>
      <c r="EK132" s="23"/>
      <c r="EL132" s="23"/>
      <c r="EM132" s="23"/>
      <c r="EN132" s="23"/>
      <c r="EO132" s="23"/>
      <c r="EP132" s="23"/>
      <c r="EQ132" s="23"/>
      <c r="ER132" s="23"/>
      <c r="ES132" s="23"/>
      <c r="ET132" s="23"/>
      <c r="EU132" s="23"/>
      <c r="EV132" s="23"/>
      <c r="EW132" s="23"/>
      <c r="EX132" s="23"/>
      <c r="EY132" s="23"/>
      <c r="EZ132" s="23"/>
      <c r="FA132" s="23"/>
      <c r="FB132" s="23"/>
      <c r="FC132" s="23"/>
      <c r="FD132" s="23"/>
      <c r="FE132" s="23"/>
      <c r="FF132" s="23"/>
      <c r="FG132" s="23"/>
      <c r="FH132" s="23"/>
      <c r="FI132" s="23"/>
      <c r="FJ132" s="23"/>
      <c r="FK132" s="23"/>
      <c r="FL132" s="23"/>
      <c r="FM132" s="23"/>
      <c r="FN132" s="23"/>
      <c r="FO132" s="23"/>
      <c r="FP132" s="23"/>
      <c r="FQ132" s="23"/>
      <c r="FR132" s="23"/>
      <c r="FS132" s="23"/>
      <c r="FT132" s="23"/>
      <c r="FU132" s="23"/>
      <c r="FV132" s="23"/>
      <c r="FW132" s="23"/>
      <c r="FX132" s="23"/>
      <c r="FY132" s="23"/>
      <c r="FZ132" s="23"/>
      <c r="GA132" s="23"/>
      <c r="GB132" s="23"/>
      <c r="GC132" s="23"/>
      <c r="GD132" s="23"/>
      <c r="GE132" s="23"/>
      <c r="GF132" s="23"/>
      <c r="GG132" s="23"/>
      <c r="GH132" s="23"/>
      <c r="GI132" s="23"/>
      <c r="GJ132" s="23"/>
      <c r="GK132" s="23"/>
      <c r="GL132" s="23"/>
      <c r="GM132" s="23"/>
      <c r="GN132" s="23"/>
      <c r="GO132" s="23"/>
      <c r="GP132" s="23"/>
      <c r="GQ132" s="23"/>
      <c r="GR132" s="23"/>
      <c r="GS132" s="23"/>
      <c r="GT132" s="23"/>
      <c r="GU132" s="23"/>
      <c r="GV132" s="23"/>
      <c r="GW132" s="23"/>
      <c r="GX132" s="23"/>
      <c r="GY132" s="23"/>
      <c r="GZ132" s="23"/>
      <c r="HA132" s="23"/>
      <c r="HB132" s="23"/>
      <c r="HC132" s="23"/>
      <c r="HD132" s="23"/>
      <c r="HE132" s="23"/>
      <c r="HF132" s="23"/>
      <c r="HG132" s="23"/>
      <c r="HH132" s="23"/>
      <c r="HI132" s="23"/>
      <c r="HJ132" s="23"/>
      <c r="HK132" s="23"/>
      <c r="HL132" s="23"/>
      <c r="HM132" s="23"/>
      <c r="HN132" s="23"/>
      <c r="HO132" s="23"/>
      <c r="HP132" s="23"/>
      <c r="HQ132" s="23"/>
      <c r="HR132" s="23"/>
      <c r="HS132" s="23"/>
      <c r="HT132" s="23"/>
      <c r="HU132" s="23"/>
      <c r="HV132" s="23"/>
      <c r="HW132" s="23"/>
      <c r="HX132" s="23"/>
      <c r="HY132" s="23"/>
      <c r="HZ132" s="23"/>
      <c r="IA132" s="23"/>
      <c r="IB132" s="23"/>
      <c r="IC132" s="23"/>
      <c r="ID132" s="23"/>
      <c r="IE132" s="23"/>
      <c r="IF132" s="23"/>
      <c r="IG132" s="23"/>
      <c r="IH132" s="23"/>
      <c r="II132" s="23"/>
      <c r="IJ132" s="23"/>
      <c r="IK132" s="23"/>
      <c r="IL132" s="23"/>
      <c r="IM132" s="23"/>
      <c r="IN132" s="23"/>
      <c r="IO132" s="23"/>
      <c r="IP132" s="23"/>
      <c r="IQ132" s="23"/>
    </row>
    <row r="133" spans="1:251" s="50" customFormat="1" ht="18.75" customHeight="1">
      <c r="A133" s="34"/>
      <c r="B133" s="47"/>
      <c r="C133" s="130"/>
      <c r="D133" s="130"/>
      <c r="E133" s="130"/>
      <c r="F133" s="130"/>
      <c r="G133" s="130"/>
      <c r="H133" s="130"/>
      <c r="I133" s="130"/>
      <c r="J133" s="130"/>
      <c r="K133" s="130"/>
      <c r="L133" s="130"/>
      <c r="M133" s="130"/>
      <c r="N133" s="130"/>
      <c r="O133" s="130"/>
      <c r="P133" s="130"/>
      <c r="Q133" s="130"/>
      <c r="R133" s="130"/>
      <c r="S133" s="130"/>
      <c r="T133" s="130"/>
      <c r="U133" s="130"/>
      <c r="V133" s="130"/>
      <c r="W133" s="130"/>
      <c r="X133" s="130"/>
      <c r="Y133" s="130"/>
      <c r="Z133" s="131"/>
      <c r="AA133" s="132"/>
      <c r="AB133" s="200"/>
      <c r="AC133" s="200"/>
      <c r="AD133" s="200"/>
      <c r="AE133" s="200"/>
      <c r="AF133" s="200"/>
      <c r="AG133" s="200"/>
      <c r="AH133" s="200"/>
      <c r="AI133" s="201"/>
      <c r="AJ133" s="132"/>
      <c r="AK133" s="196"/>
      <c r="AL133" s="196"/>
      <c r="AM133" s="196"/>
      <c r="AN133" s="196"/>
      <c r="AO133" s="196"/>
      <c r="AP133" s="196"/>
      <c r="AQ133" s="196"/>
      <c r="AR133" s="197"/>
      <c r="AS133" s="132"/>
      <c r="AT133" s="196"/>
      <c r="AU133" s="196"/>
      <c r="AV133" s="196"/>
      <c r="AW133" s="196"/>
      <c r="AX133" s="202"/>
      <c r="AY133" s="23"/>
      <c r="AZ133" s="23"/>
      <c r="BA133" s="23"/>
      <c r="BB133" s="23"/>
      <c r="BC133" s="23"/>
      <c r="BD133" s="23"/>
      <c r="BE133" s="23"/>
      <c r="BF133" s="23"/>
      <c r="BG133" s="23"/>
      <c r="BH133" s="23"/>
      <c r="BI133" s="23"/>
      <c r="BJ133" s="23"/>
      <c r="BK133" s="23"/>
      <c r="BL133" s="23"/>
      <c r="BM133" s="23"/>
      <c r="BN133" s="23"/>
      <c r="BO133" s="23"/>
      <c r="BP133" s="23"/>
      <c r="BQ133" s="23"/>
      <c r="BR133" s="23"/>
      <c r="BS133" s="23"/>
      <c r="BT133" s="23"/>
      <c r="BU133" s="23"/>
      <c r="BV133" s="23"/>
      <c r="BW133" s="23"/>
      <c r="BX133" s="23"/>
      <c r="BY133" s="23"/>
      <c r="BZ133" s="23"/>
      <c r="CA133" s="23"/>
      <c r="CB133" s="23"/>
      <c r="CC133" s="23"/>
      <c r="CD133" s="23"/>
      <c r="CE133" s="23"/>
      <c r="CF133" s="23"/>
      <c r="CG133" s="23"/>
      <c r="CH133" s="23"/>
      <c r="CI133" s="23"/>
      <c r="CJ133" s="23"/>
      <c r="CK133" s="23"/>
      <c r="CL133" s="23"/>
      <c r="CM133" s="23"/>
      <c r="CN133" s="23"/>
      <c r="CO133" s="23"/>
      <c r="CP133" s="23"/>
      <c r="CQ133" s="23"/>
      <c r="CR133" s="23"/>
      <c r="CS133" s="23"/>
      <c r="CT133" s="23"/>
      <c r="CU133" s="23"/>
      <c r="CV133" s="23"/>
      <c r="CW133" s="23"/>
      <c r="CX133" s="23"/>
      <c r="CY133" s="23"/>
      <c r="CZ133" s="23"/>
      <c r="DA133" s="23"/>
      <c r="DB133" s="23"/>
      <c r="DC133" s="23"/>
      <c r="DD133" s="23"/>
      <c r="DE133" s="23"/>
      <c r="DF133" s="23"/>
      <c r="DG133" s="23"/>
      <c r="DH133" s="23"/>
      <c r="DI133" s="23"/>
      <c r="DJ133" s="23"/>
      <c r="DK133" s="23"/>
      <c r="DL133" s="23"/>
      <c r="DM133" s="23"/>
      <c r="DN133" s="23"/>
      <c r="DO133" s="23"/>
      <c r="DP133" s="23"/>
      <c r="DQ133" s="23"/>
      <c r="DR133" s="23"/>
      <c r="DS133" s="23"/>
      <c r="DT133" s="23"/>
      <c r="DU133" s="23"/>
      <c r="DV133" s="23"/>
      <c r="DW133" s="23"/>
      <c r="DX133" s="23"/>
      <c r="DY133" s="23"/>
      <c r="DZ133" s="23"/>
      <c r="EA133" s="23"/>
      <c r="EB133" s="23"/>
      <c r="EC133" s="23"/>
      <c r="ED133" s="23"/>
      <c r="EE133" s="23"/>
      <c r="EF133" s="23"/>
      <c r="EG133" s="23"/>
      <c r="EH133" s="23"/>
      <c r="EI133" s="23"/>
      <c r="EJ133" s="23"/>
      <c r="EK133" s="23"/>
      <c r="EL133" s="23"/>
      <c r="EM133" s="23"/>
      <c r="EN133" s="23"/>
      <c r="EO133" s="23"/>
      <c r="EP133" s="23"/>
      <c r="EQ133" s="23"/>
      <c r="ER133" s="23"/>
      <c r="ES133" s="23"/>
      <c r="ET133" s="23"/>
      <c r="EU133" s="23"/>
      <c r="EV133" s="23"/>
      <c r="EW133" s="23"/>
      <c r="EX133" s="23"/>
      <c r="EY133" s="23"/>
      <c r="EZ133" s="23"/>
      <c r="FA133" s="23"/>
      <c r="FB133" s="23"/>
      <c r="FC133" s="23"/>
      <c r="FD133" s="23"/>
      <c r="FE133" s="23"/>
      <c r="FF133" s="23"/>
      <c r="FG133" s="23"/>
      <c r="FH133" s="23"/>
      <c r="FI133" s="23"/>
      <c r="FJ133" s="23"/>
      <c r="FK133" s="23"/>
      <c r="FL133" s="23"/>
      <c r="FM133" s="23"/>
      <c r="FN133" s="23"/>
      <c r="FO133" s="23"/>
      <c r="FP133" s="23"/>
      <c r="FQ133" s="23"/>
      <c r="FR133" s="23"/>
      <c r="FS133" s="23"/>
      <c r="FT133" s="23"/>
      <c r="FU133" s="23"/>
      <c r="FV133" s="23"/>
      <c r="FW133" s="23"/>
      <c r="FX133" s="23"/>
      <c r="FY133" s="23"/>
      <c r="FZ133" s="23"/>
      <c r="GA133" s="23"/>
      <c r="GB133" s="23"/>
      <c r="GC133" s="23"/>
      <c r="GD133" s="23"/>
      <c r="GE133" s="23"/>
      <c r="GF133" s="23"/>
      <c r="GG133" s="23"/>
      <c r="GH133" s="23"/>
      <c r="GI133" s="23"/>
      <c r="GJ133" s="23"/>
      <c r="GK133" s="23"/>
      <c r="GL133" s="23"/>
      <c r="GM133" s="23"/>
      <c r="GN133" s="23"/>
      <c r="GO133" s="23"/>
      <c r="GP133" s="23"/>
      <c r="GQ133" s="23"/>
      <c r="GR133" s="23"/>
      <c r="GS133" s="23"/>
      <c r="GT133" s="23"/>
      <c r="GU133" s="23"/>
      <c r="GV133" s="23"/>
      <c r="GW133" s="23"/>
      <c r="GX133" s="23"/>
      <c r="GY133" s="23"/>
      <c r="GZ133" s="23"/>
      <c r="HA133" s="23"/>
      <c r="HB133" s="23"/>
      <c r="HC133" s="23"/>
      <c r="HD133" s="23"/>
      <c r="HE133" s="23"/>
      <c r="HF133" s="23"/>
      <c r="HG133" s="23"/>
      <c r="HH133" s="23"/>
      <c r="HI133" s="23"/>
      <c r="HJ133" s="23"/>
      <c r="HK133" s="23"/>
      <c r="HL133" s="23"/>
      <c r="HM133" s="23"/>
      <c r="HN133" s="23"/>
      <c r="HO133" s="23"/>
      <c r="HP133" s="23"/>
      <c r="HQ133" s="23"/>
      <c r="HR133" s="23"/>
      <c r="HS133" s="23"/>
      <c r="HT133" s="23"/>
      <c r="HU133" s="23"/>
      <c r="HV133" s="23"/>
      <c r="HW133" s="23"/>
      <c r="HX133" s="23"/>
      <c r="HY133" s="23"/>
      <c r="HZ133" s="23"/>
      <c r="IA133" s="23"/>
      <c r="IB133" s="23"/>
      <c r="IC133" s="23"/>
      <c r="ID133" s="23"/>
      <c r="IE133" s="23"/>
      <c r="IF133" s="23"/>
      <c r="IG133" s="23"/>
      <c r="IH133" s="23"/>
      <c r="II133" s="23"/>
      <c r="IJ133" s="23"/>
      <c r="IK133" s="23"/>
      <c r="IL133" s="23"/>
      <c r="IM133" s="23"/>
      <c r="IN133" s="23"/>
      <c r="IO133" s="23"/>
      <c r="IP133" s="23"/>
      <c r="IQ133" s="23"/>
    </row>
    <row r="134" spans="1:251" s="50" customFormat="1" ht="18.75" customHeight="1">
      <c r="A134" s="34"/>
      <c r="B134" s="47"/>
      <c r="C134" s="130"/>
      <c r="D134" s="130"/>
      <c r="E134" s="130"/>
      <c r="F134" s="130"/>
      <c r="G134" s="130"/>
      <c r="H134" s="130"/>
      <c r="I134" s="130"/>
      <c r="J134" s="130"/>
      <c r="K134" s="130"/>
      <c r="L134" s="130"/>
      <c r="M134" s="130"/>
      <c r="N134" s="130"/>
      <c r="O134" s="130"/>
      <c r="P134" s="130"/>
      <c r="Q134" s="130"/>
      <c r="R134" s="130"/>
      <c r="S134" s="130"/>
      <c r="T134" s="130"/>
      <c r="U134" s="130"/>
      <c r="V134" s="130"/>
      <c r="W134" s="130"/>
      <c r="X134" s="130"/>
      <c r="Y134" s="130"/>
      <c r="Z134" s="131"/>
      <c r="AA134" s="132"/>
      <c r="AB134" s="200"/>
      <c r="AC134" s="200"/>
      <c r="AD134" s="200"/>
      <c r="AE134" s="200"/>
      <c r="AF134" s="200"/>
      <c r="AG134" s="200"/>
      <c r="AH134" s="200"/>
      <c r="AI134" s="201"/>
      <c r="AJ134" s="132"/>
      <c r="AK134" s="196"/>
      <c r="AL134" s="196"/>
      <c r="AM134" s="196"/>
      <c r="AN134" s="196"/>
      <c r="AO134" s="196"/>
      <c r="AP134" s="196"/>
      <c r="AQ134" s="196"/>
      <c r="AR134" s="197"/>
      <c r="AS134" s="132"/>
      <c r="AT134" s="196"/>
      <c r="AU134" s="196"/>
      <c r="AV134" s="196"/>
      <c r="AW134" s="196"/>
      <c r="AX134" s="202"/>
      <c r="AY134" s="23"/>
      <c r="AZ134" s="23"/>
      <c r="BA134" s="23"/>
      <c r="BB134" s="23"/>
      <c r="BC134" s="23"/>
      <c r="BD134" s="23"/>
      <c r="BE134" s="23"/>
      <c r="BF134" s="23"/>
      <c r="BG134" s="23"/>
      <c r="BH134" s="23"/>
      <c r="BI134" s="23"/>
      <c r="BJ134" s="23"/>
      <c r="BK134" s="23"/>
      <c r="BL134" s="23"/>
      <c r="BM134" s="23"/>
      <c r="BN134" s="23"/>
      <c r="BO134" s="23"/>
      <c r="BP134" s="23"/>
      <c r="BQ134" s="23"/>
      <c r="BR134" s="23"/>
      <c r="BS134" s="23"/>
      <c r="BT134" s="23"/>
      <c r="BU134" s="23"/>
      <c r="BV134" s="23"/>
      <c r="BW134" s="23"/>
      <c r="BX134" s="23"/>
      <c r="BY134" s="23"/>
      <c r="BZ134" s="23"/>
      <c r="CA134" s="23"/>
      <c r="CB134" s="23"/>
      <c r="CC134" s="23"/>
      <c r="CD134" s="23"/>
      <c r="CE134" s="23"/>
      <c r="CF134" s="23"/>
      <c r="CG134" s="23"/>
      <c r="CH134" s="23"/>
      <c r="CI134" s="23"/>
      <c r="CJ134" s="23"/>
      <c r="CK134" s="23"/>
      <c r="CL134" s="23"/>
      <c r="CM134" s="23"/>
      <c r="CN134" s="23"/>
      <c r="CO134" s="23"/>
      <c r="CP134" s="23"/>
      <c r="CQ134" s="23"/>
      <c r="CR134" s="23"/>
      <c r="CS134" s="23"/>
      <c r="CT134" s="23"/>
      <c r="CU134" s="23"/>
      <c r="CV134" s="23"/>
      <c r="CW134" s="23"/>
      <c r="CX134" s="23"/>
      <c r="CY134" s="23"/>
      <c r="CZ134" s="23"/>
      <c r="DA134" s="23"/>
      <c r="DB134" s="23"/>
      <c r="DC134" s="23"/>
      <c r="DD134" s="23"/>
      <c r="DE134" s="23"/>
      <c r="DF134" s="23"/>
      <c r="DG134" s="23"/>
      <c r="DH134" s="23"/>
      <c r="DI134" s="23"/>
      <c r="DJ134" s="23"/>
      <c r="DK134" s="23"/>
      <c r="DL134" s="23"/>
      <c r="DM134" s="23"/>
      <c r="DN134" s="23"/>
      <c r="DO134" s="23"/>
      <c r="DP134" s="23"/>
      <c r="DQ134" s="23"/>
      <c r="DR134" s="23"/>
      <c r="DS134" s="23"/>
      <c r="DT134" s="23"/>
      <c r="DU134" s="23"/>
      <c r="DV134" s="23"/>
      <c r="DW134" s="23"/>
      <c r="DX134" s="23"/>
      <c r="DY134" s="23"/>
      <c r="DZ134" s="23"/>
      <c r="EA134" s="23"/>
      <c r="EB134" s="23"/>
      <c r="EC134" s="23"/>
      <c r="ED134" s="23"/>
      <c r="EE134" s="23"/>
      <c r="EF134" s="23"/>
      <c r="EG134" s="23"/>
      <c r="EH134" s="23"/>
      <c r="EI134" s="23"/>
      <c r="EJ134" s="23"/>
      <c r="EK134" s="23"/>
      <c r="EL134" s="23"/>
      <c r="EM134" s="23"/>
      <c r="EN134" s="23"/>
      <c r="EO134" s="23"/>
      <c r="EP134" s="23"/>
      <c r="EQ134" s="23"/>
      <c r="ER134" s="23"/>
      <c r="ES134" s="23"/>
      <c r="ET134" s="23"/>
      <c r="EU134" s="23"/>
      <c r="EV134" s="23"/>
      <c r="EW134" s="23"/>
      <c r="EX134" s="23"/>
      <c r="EY134" s="23"/>
      <c r="EZ134" s="23"/>
      <c r="FA134" s="23"/>
      <c r="FB134" s="23"/>
      <c r="FC134" s="23"/>
      <c r="FD134" s="23"/>
      <c r="FE134" s="23"/>
      <c r="FF134" s="23"/>
      <c r="FG134" s="23"/>
      <c r="FH134" s="23"/>
      <c r="FI134" s="23"/>
      <c r="FJ134" s="23"/>
      <c r="FK134" s="23"/>
      <c r="FL134" s="23"/>
      <c r="FM134" s="23"/>
      <c r="FN134" s="23"/>
      <c r="FO134" s="23"/>
      <c r="FP134" s="23"/>
      <c r="FQ134" s="23"/>
      <c r="FR134" s="23"/>
      <c r="FS134" s="23"/>
      <c r="FT134" s="23"/>
      <c r="FU134" s="23"/>
      <c r="FV134" s="23"/>
      <c r="FW134" s="23"/>
      <c r="FX134" s="23"/>
      <c r="FY134" s="23"/>
      <c r="FZ134" s="23"/>
      <c r="GA134" s="23"/>
      <c r="GB134" s="23"/>
      <c r="GC134" s="23"/>
      <c r="GD134" s="23"/>
      <c r="GE134" s="23"/>
      <c r="GF134" s="23"/>
      <c r="GG134" s="23"/>
      <c r="GH134" s="23"/>
      <c r="GI134" s="23"/>
      <c r="GJ134" s="23"/>
      <c r="GK134" s="23"/>
      <c r="GL134" s="23"/>
      <c r="GM134" s="23"/>
      <c r="GN134" s="23"/>
      <c r="GO134" s="23"/>
      <c r="GP134" s="23"/>
      <c r="GQ134" s="23"/>
      <c r="GR134" s="23"/>
      <c r="GS134" s="23"/>
      <c r="GT134" s="23"/>
      <c r="GU134" s="23"/>
      <c r="GV134" s="23"/>
      <c r="GW134" s="23"/>
      <c r="GX134" s="23"/>
      <c r="GY134" s="23"/>
      <c r="GZ134" s="23"/>
      <c r="HA134" s="23"/>
      <c r="HB134" s="23"/>
      <c r="HC134" s="23"/>
      <c r="HD134" s="23"/>
      <c r="HE134" s="23"/>
      <c r="HF134" s="23"/>
      <c r="HG134" s="23"/>
      <c r="HH134" s="23"/>
      <c r="HI134" s="23"/>
      <c r="HJ134" s="23"/>
      <c r="HK134" s="23"/>
      <c r="HL134" s="23"/>
      <c r="HM134" s="23"/>
      <c r="HN134" s="23"/>
      <c r="HO134" s="23"/>
      <c r="HP134" s="23"/>
      <c r="HQ134" s="23"/>
      <c r="HR134" s="23"/>
      <c r="HS134" s="23"/>
      <c r="HT134" s="23"/>
      <c r="HU134" s="23"/>
      <c r="HV134" s="23"/>
      <c r="HW134" s="23"/>
      <c r="HX134" s="23"/>
      <c r="HY134" s="23"/>
      <c r="HZ134" s="23"/>
      <c r="IA134" s="23"/>
      <c r="IB134" s="23"/>
      <c r="IC134" s="23"/>
      <c r="ID134" s="23"/>
      <c r="IE134" s="23"/>
      <c r="IF134" s="23"/>
      <c r="IG134" s="23"/>
      <c r="IH134" s="23"/>
      <c r="II134" s="23"/>
      <c r="IJ134" s="23"/>
      <c r="IK134" s="23"/>
      <c r="IL134" s="23"/>
      <c r="IM134" s="23"/>
      <c r="IN134" s="23"/>
      <c r="IO134" s="23"/>
      <c r="IP134" s="23"/>
      <c r="IQ134" s="23"/>
    </row>
    <row r="135" spans="1:251" s="50" customFormat="1" ht="18.75" customHeight="1">
      <c r="A135" s="34"/>
      <c r="B135" s="48"/>
      <c r="C135" s="130"/>
      <c r="D135" s="130"/>
      <c r="E135" s="130"/>
      <c r="F135" s="130"/>
      <c r="G135" s="130"/>
      <c r="H135" s="130"/>
      <c r="I135" s="130"/>
      <c r="J135" s="130"/>
      <c r="K135" s="130"/>
      <c r="L135" s="130"/>
      <c r="M135" s="130"/>
      <c r="N135" s="130"/>
      <c r="O135" s="130"/>
      <c r="P135" s="130"/>
      <c r="Q135" s="130"/>
      <c r="R135" s="130"/>
      <c r="S135" s="130"/>
      <c r="T135" s="130"/>
      <c r="U135" s="130"/>
      <c r="V135" s="130"/>
      <c r="W135" s="130"/>
      <c r="X135" s="130"/>
      <c r="Y135" s="130"/>
      <c r="Z135" s="131"/>
      <c r="AA135" s="132"/>
      <c r="AB135" s="200"/>
      <c r="AC135" s="200"/>
      <c r="AD135" s="200"/>
      <c r="AE135" s="200"/>
      <c r="AF135" s="200"/>
      <c r="AG135" s="200"/>
      <c r="AH135" s="200"/>
      <c r="AI135" s="201"/>
      <c r="AJ135" s="132"/>
      <c r="AK135" s="196"/>
      <c r="AL135" s="196"/>
      <c r="AM135" s="196"/>
      <c r="AN135" s="196"/>
      <c r="AO135" s="196"/>
      <c r="AP135" s="196"/>
      <c r="AQ135" s="196"/>
      <c r="AR135" s="197"/>
      <c r="AS135" s="136"/>
      <c r="AT135" s="198"/>
      <c r="AU135" s="198"/>
      <c r="AV135" s="198"/>
      <c r="AW135" s="198"/>
      <c r="AX135" s="199"/>
      <c r="AY135" s="23"/>
      <c r="AZ135" s="23"/>
      <c r="BA135" s="23"/>
      <c r="BB135" s="23"/>
      <c r="BC135" s="23"/>
      <c r="BD135" s="23"/>
      <c r="BE135" s="23"/>
      <c r="BF135" s="23"/>
      <c r="BG135" s="23"/>
      <c r="BH135" s="23"/>
      <c r="BI135" s="23"/>
      <c r="BJ135" s="23"/>
      <c r="BK135" s="23"/>
      <c r="BL135" s="23"/>
      <c r="BM135" s="23"/>
      <c r="BN135" s="23"/>
      <c r="BO135" s="23"/>
      <c r="BP135" s="23"/>
      <c r="BQ135" s="23"/>
      <c r="BR135" s="23"/>
      <c r="BS135" s="23"/>
      <c r="BT135" s="23"/>
      <c r="BU135" s="23"/>
      <c r="BV135" s="23"/>
      <c r="BW135" s="23"/>
      <c r="BX135" s="23"/>
      <c r="BY135" s="23"/>
      <c r="BZ135" s="23"/>
      <c r="CA135" s="23"/>
      <c r="CB135" s="23"/>
      <c r="CC135" s="23"/>
      <c r="CD135" s="23"/>
      <c r="CE135" s="23"/>
      <c r="CF135" s="23"/>
      <c r="CG135" s="23"/>
      <c r="CH135" s="23"/>
      <c r="CI135" s="23"/>
      <c r="CJ135" s="23"/>
      <c r="CK135" s="23"/>
      <c r="CL135" s="23"/>
      <c r="CM135" s="23"/>
      <c r="CN135" s="23"/>
      <c r="CO135" s="23"/>
      <c r="CP135" s="23"/>
      <c r="CQ135" s="23"/>
      <c r="CR135" s="23"/>
      <c r="CS135" s="23"/>
      <c r="CT135" s="23"/>
      <c r="CU135" s="23"/>
      <c r="CV135" s="23"/>
      <c r="CW135" s="23"/>
      <c r="CX135" s="23"/>
      <c r="CY135" s="23"/>
      <c r="CZ135" s="23"/>
      <c r="DA135" s="23"/>
      <c r="DB135" s="23"/>
      <c r="DC135" s="23"/>
      <c r="DD135" s="23"/>
      <c r="DE135" s="23"/>
      <c r="DF135" s="23"/>
      <c r="DG135" s="23"/>
      <c r="DH135" s="23"/>
      <c r="DI135" s="23"/>
      <c r="DJ135" s="23"/>
      <c r="DK135" s="23"/>
      <c r="DL135" s="23"/>
      <c r="DM135" s="23"/>
      <c r="DN135" s="23"/>
      <c r="DO135" s="23"/>
      <c r="DP135" s="23"/>
      <c r="DQ135" s="23"/>
      <c r="DR135" s="23"/>
      <c r="DS135" s="23"/>
      <c r="DT135" s="23"/>
      <c r="DU135" s="23"/>
      <c r="DV135" s="23"/>
      <c r="DW135" s="23"/>
      <c r="DX135" s="23"/>
      <c r="DY135" s="23"/>
      <c r="DZ135" s="23"/>
      <c r="EA135" s="23"/>
      <c r="EB135" s="23"/>
      <c r="EC135" s="23"/>
      <c r="ED135" s="23"/>
      <c r="EE135" s="23"/>
      <c r="EF135" s="23"/>
      <c r="EG135" s="23"/>
      <c r="EH135" s="23"/>
      <c r="EI135" s="23"/>
      <c r="EJ135" s="23"/>
      <c r="EK135" s="23"/>
      <c r="EL135" s="23"/>
      <c r="EM135" s="23"/>
      <c r="EN135" s="23"/>
      <c r="EO135" s="23"/>
      <c r="EP135" s="23"/>
      <c r="EQ135" s="23"/>
      <c r="ER135" s="23"/>
      <c r="ES135" s="23"/>
      <c r="ET135" s="23"/>
      <c r="EU135" s="23"/>
      <c r="EV135" s="23"/>
      <c r="EW135" s="23"/>
      <c r="EX135" s="23"/>
      <c r="EY135" s="23"/>
      <c r="EZ135" s="23"/>
      <c r="FA135" s="23"/>
      <c r="FB135" s="23"/>
      <c r="FC135" s="23"/>
      <c r="FD135" s="23"/>
      <c r="FE135" s="23"/>
      <c r="FF135" s="23"/>
      <c r="FG135" s="23"/>
      <c r="FH135" s="23"/>
      <c r="FI135" s="23"/>
      <c r="FJ135" s="23"/>
      <c r="FK135" s="23"/>
      <c r="FL135" s="23"/>
      <c r="FM135" s="23"/>
      <c r="FN135" s="23"/>
      <c r="FO135" s="23"/>
      <c r="FP135" s="23"/>
      <c r="FQ135" s="23"/>
      <c r="FR135" s="23"/>
      <c r="FS135" s="23"/>
      <c r="FT135" s="23"/>
      <c r="FU135" s="23"/>
      <c r="FV135" s="23"/>
      <c r="FW135" s="23"/>
      <c r="FX135" s="23"/>
      <c r="FY135" s="23"/>
      <c r="FZ135" s="23"/>
      <c r="GA135" s="23"/>
      <c r="GB135" s="23"/>
      <c r="GC135" s="23"/>
      <c r="GD135" s="23"/>
      <c r="GE135" s="23"/>
      <c r="GF135" s="23"/>
      <c r="GG135" s="23"/>
      <c r="GH135" s="23"/>
      <c r="GI135" s="23"/>
      <c r="GJ135" s="23"/>
      <c r="GK135" s="23"/>
      <c r="GL135" s="23"/>
      <c r="GM135" s="23"/>
      <c r="GN135" s="23"/>
      <c r="GO135" s="23"/>
      <c r="GP135" s="23"/>
      <c r="GQ135" s="23"/>
      <c r="GR135" s="23"/>
      <c r="GS135" s="23"/>
      <c r="GT135" s="23"/>
      <c r="GU135" s="23"/>
      <c r="GV135" s="23"/>
      <c r="GW135" s="23"/>
      <c r="GX135" s="23"/>
      <c r="GY135" s="23"/>
      <c r="GZ135" s="23"/>
      <c r="HA135" s="23"/>
      <c r="HB135" s="23"/>
      <c r="HC135" s="23"/>
      <c r="HD135" s="23"/>
      <c r="HE135" s="23"/>
      <c r="HF135" s="23"/>
      <c r="HG135" s="23"/>
      <c r="HH135" s="23"/>
      <c r="HI135" s="23"/>
      <c r="HJ135" s="23"/>
      <c r="HK135" s="23"/>
      <c r="HL135" s="23"/>
      <c r="HM135" s="23"/>
      <c r="HN135" s="23"/>
      <c r="HO135" s="23"/>
      <c r="HP135" s="23"/>
      <c r="HQ135" s="23"/>
      <c r="HR135" s="23"/>
      <c r="HS135" s="23"/>
      <c r="HT135" s="23"/>
      <c r="HU135" s="23"/>
      <c r="HV135" s="23"/>
      <c r="HW135" s="23"/>
      <c r="HX135" s="23"/>
      <c r="HY135" s="23"/>
      <c r="HZ135" s="23"/>
      <c r="IA135" s="23"/>
      <c r="IB135" s="23"/>
      <c r="IC135" s="23"/>
      <c r="ID135" s="23"/>
      <c r="IE135" s="23"/>
      <c r="IF135" s="23"/>
      <c r="IG135" s="23"/>
      <c r="IH135" s="23"/>
      <c r="II135" s="23"/>
      <c r="IJ135" s="23"/>
      <c r="IK135" s="23"/>
      <c r="IL135" s="23"/>
      <c r="IM135" s="23"/>
      <c r="IN135" s="23"/>
      <c r="IO135" s="23"/>
      <c r="IP135" s="23"/>
      <c r="IQ135" s="23"/>
    </row>
    <row r="136" spans="1:251" s="50" customFormat="1" ht="18.75" customHeight="1">
      <c r="A136" s="34"/>
      <c r="B136" s="47"/>
      <c r="C136" s="130"/>
      <c r="D136" s="130"/>
      <c r="E136" s="130"/>
      <c r="F136" s="130"/>
      <c r="G136" s="130"/>
      <c r="H136" s="130"/>
      <c r="I136" s="130"/>
      <c r="J136" s="130"/>
      <c r="K136" s="130"/>
      <c r="L136" s="130"/>
      <c r="M136" s="130"/>
      <c r="N136" s="130"/>
      <c r="O136" s="130"/>
      <c r="P136" s="130"/>
      <c r="Q136" s="130"/>
      <c r="R136" s="130"/>
      <c r="S136" s="130"/>
      <c r="T136" s="130"/>
      <c r="U136" s="130"/>
      <c r="V136" s="130"/>
      <c r="W136" s="130"/>
      <c r="X136" s="130"/>
      <c r="Y136" s="130"/>
      <c r="Z136" s="131"/>
      <c r="AA136" s="132"/>
      <c r="AB136" s="200"/>
      <c r="AC136" s="200"/>
      <c r="AD136" s="200"/>
      <c r="AE136" s="200"/>
      <c r="AF136" s="200"/>
      <c r="AG136" s="200"/>
      <c r="AH136" s="200"/>
      <c r="AI136" s="201"/>
      <c r="AJ136" s="132"/>
      <c r="AK136" s="196"/>
      <c r="AL136" s="196"/>
      <c r="AM136" s="196"/>
      <c r="AN136" s="196"/>
      <c r="AO136" s="196"/>
      <c r="AP136" s="196"/>
      <c r="AQ136" s="196"/>
      <c r="AR136" s="197"/>
      <c r="AS136" s="132"/>
      <c r="AT136" s="196"/>
      <c r="AU136" s="196"/>
      <c r="AV136" s="196"/>
      <c r="AW136" s="196"/>
      <c r="AX136" s="202"/>
      <c r="AY136" s="23"/>
      <c r="AZ136" s="23"/>
      <c r="BA136" s="23"/>
      <c r="BB136" s="23"/>
      <c r="BC136" s="23"/>
      <c r="BD136" s="23"/>
      <c r="BE136" s="23"/>
      <c r="BF136" s="23"/>
      <c r="BG136" s="23"/>
      <c r="BH136" s="23"/>
      <c r="BI136" s="23"/>
      <c r="BJ136" s="23"/>
      <c r="BK136" s="23"/>
      <c r="BL136" s="23"/>
      <c r="BM136" s="23"/>
      <c r="BN136" s="23"/>
      <c r="BO136" s="23"/>
      <c r="BP136" s="23"/>
      <c r="BQ136" s="23"/>
      <c r="BR136" s="23"/>
      <c r="BS136" s="23"/>
      <c r="BT136" s="23"/>
      <c r="BU136" s="23"/>
      <c r="BV136" s="23"/>
      <c r="BW136" s="23"/>
      <c r="BX136" s="23"/>
      <c r="BY136" s="23"/>
      <c r="BZ136" s="23"/>
      <c r="CA136" s="23"/>
      <c r="CB136" s="23"/>
      <c r="CC136" s="23"/>
      <c r="CD136" s="23"/>
      <c r="CE136" s="23"/>
      <c r="CF136" s="23"/>
      <c r="CG136" s="23"/>
      <c r="CH136" s="23"/>
      <c r="CI136" s="23"/>
      <c r="CJ136" s="23"/>
      <c r="CK136" s="23"/>
      <c r="CL136" s="23"/>
      <c r="CM136" s="23"/>
      <c r="CN136" s="23"/>
      <c r="CO136" s="23"/>
      <c r="CP136" s="23"/>
      <c r="CQ136" s="23"/>
      <c r="CR136" s="23"/>
      <c r="CS136" s="23"/>
      <c r="CT136" s="23"/>
      <c r="CU136" s="23"/>
      <c r="CV136" s="23"/>
      <c r="CW136" s="23"/>
      <c r="CX136" s="23"/>
      <c r="CY136" s="23"/>
      <c r="CZ136" s="23"/>
      <c r="DA136" s="23"/>
      <c r="DB136" s="23"/>
      <c r="DC136" s="23"/>
      <c r="DD136" s="23"/>
      <c r="DE136" s="23"/>
      <c r="DF136" s="23"/>
      <c r="DG136" s="23"/>
      <c r="DH136" s="23"/>
      <c r="DI136" s="23"/>
      <c r="DJ136" s="23"/>
      <c r="DK136" s="23"/>
      <c r="DL136" s="23"/>
      <c r="DM136" s="23"/>
      <c r="DN136" s="23"/>
      <c r="DO136" s="23"/>
      <c r="DP136" s="23"/>
      <c r="DQ136" s="23"/>
      <c r="DR136" s="23"/>
      <c r="DS136" s="23"/>
      <c r="DT136" s="23"/>
      <c r="DU136" s="23"/>
      <c r="DV136" s="23"/>
      <c r="DW136" s="23"/>
      <c r="DX136" s="23"/>
      <c r="DY136" s="23"/>
      <c r="DZ136" s="23"/>
      <c r="EA136" s="23"/>
      <c r="EB136" s="23"/>
      <c r="EC136" s="23"/>
      <c r="ED136" s="23"/>
      <c r="EE136" s="23"/>
      <c r="EF136" s="23"/>
      <c r="EG136" s="23"/>
      <c r="EH136" s="23"/>
      <c r="EI136" s="23"/>
      <c r="EJ136" s="23"/>
      <c r="EK136" s="23"/>
      <c r="EL136" s="23"/>
      <c r="EM136" s="23"/>
      <c r="EN136" s="23"/>
      <c r="EO136" s="23"/>
      <c r="EP136" s="23"/>
      <c r="EQ136" s="23"/>
      <c r="ER136" s="23"/>
      <c r="ES136" s="23"/>
      <c r="ET136" s="23"/>
      <c r="EU136" s="23"/>
      <c r="EV136" s="23"/>
      <c r="EW136" s="23"/>
      <c r="EX136" s="23"/>
      <c r="EY136" s="23"/>
      <c r="EZ136" s="23"/>
      <c r="FA136" s="23"/>
      <c r="FB136" s="23"/>
      <c r="FC136" s="23"/>
      <c r="FD136" s="23"/>
      <c r="FE136" s="23"/>
      <c r="FF136" s="23"/>
      <c r="FG136" s="23"/>
      <c r="FH136" s="23"/>
      <c r="FI136" s="23"/>
      <c r="FJ136" s="23"/>
      <c r="FK136" s="23"/>
      <c r="FL136" s="23"/>
      <c r="FM136" s="23"/>
      <c r="FN136" s="23"/>
      <c r="FO136" s="23"/>
      <c r="FP136" s="23"/>
      <c r="FQ136" s="23"/>
      <c r="FR136" s="23"/>
      <c r="FS136" s="23"/>
      <c r="FT136" s="23"/>
      <c r="FU136" s="23"/>
      <c r="FV136" s="23"/>
      <c r="FW136" s="23"/>
      <c r="FX136" s="23"/>
      <c r="FY136" s="23"/>
      <c r="FZ136" s="23"/>
      <c r="GA136" s="23"/>
      <c r="GB136" s="23"/>
      <c r="GC136" s="23"/>
      <c r="GD136" s="23"/>
      <c r="GE136" s="23"/>
      <c r="GF136" s="23"/>
      <c r="GG136" s="23"/>
      <c r="GH136" s="23"/>
      <c r="GI136" s="23"/>
      <c r="GJ136" s="23"/>
      <c r="GK136" s="23"/>
      <c r="GL136" s="23"/>
      <c r="GM136" s="23"/>
      <c r="GN136" s="23"/>
      <c r="GO136" s="23"/>
      <c r="GP136" s="23"/>
      <c r="GQ136" s="23"/>
      <c r="GR136" s="23"/>
      <c r="GS136" s="23"/>
      <c r="GT136" s="23"/>
      <c r="GU136" s="23"/>
      <c r="GV136" s="23"/>
      <c r="GW136" s="23"/>
      <c r="GX136" s="23"/>
      <c r="GY136" s="23"/>
      <c r="GZ136" s="23"/>
      <c r="HA136" s="23"/>
      <c r="HB136" s="23"/>
      <c r="HC136" s="23"/>
      <c r="HD136" s="23"/>
      <c r="HE136" s="23"/>
      <c r="HF136" s="23"/>
      <c r="HG136" s="23"/>
      <c r="HH136" s="23"/>
      <c r="HI136" s="23"/>
      <c r="HJ136" s="23"/>
      <c r="HK136" s="23"/>
      <c r="HL136" s="23"/>
      <c r="HM136" s="23"/>
      <c r="HN136" s="23"/>
      <c r="HO136" s="23"/>
      <c r="HP136" s="23"/>
      <c r="HQ136" s="23"/>
      <c r="HR136" s="23"/>
      <c r="HS136" s="23"/>
      <c r="HT136" s="23"/>
      <c r="HU136" s="23"/>
      <c r="HV136" s="23"/>
      <c r="HW136" s="23"/>
      <c r="HX136" s="23"/>
      <c r="HY136" s="23"/>
      <c r="HZ136" s="23"/>
      <c r="IA136" s="23"/>
      <c r="IB136" s="23"/>
      <c r="IC136" s="23"/>
      <c r="ID136" s="23"/>
      <c r="IE136" s="23"/>
      <c r="IF136" s="23"/>
      <c r="IG136" s="23"/>
      <c r="IH136" s="23"/>
      <c r="II136" s="23"/>
      <c r="IJ136" s="23"/>
      <c r="IK136" s="23"/>
      <c r="IL136" s="23"/>
      <c r="IM136" s="23"/>
      <c r="IN136" s="23"/>
      <c r="IO136" s="23"/>
      <c r="IP136" s="23"/>
      <c r="IQ136" s="23"/>
    </row>
    <row r="137" spans="1:251" s="50" customFormat="1" ht="18.75" customHeight="1">
      <c r="A137" s="34"/>
      <c r="B137" s="48"/>
      <c r="C137" s="130"/>
      <c r="D137" s="130"/>
      <c r="E137" s="130"/>
      <c r="F137" s="130"/>
      <c r="G137" s="130"/>
      <c r="H137" s="130"/>
      <c r="I137" s="130"/>
      <c r="J137" s="130"/>
      <c r="K137" s="130"/>
      <c r="L137" s="130"/>
      <c r="M137" s="130"/>
      <c r="N137" s="130"/>
      <c r="O137" s="130"/>
      <c r="P137" s="130"/>
      <c r="Q137" s="130"/>
      <c r="R137" s="130"/>
      <c r="S137" s="130"/>
      <c r="T137" s="130"/>
      <c r="U137" s="130"/>
      <c r="V137" s="130"/>
      <c r="W137" s="130"/>
      <c r="X137" s="130"/>
      <c r="Y137" s="130"/>
      <c r="Z137" s="131"/>
      <c r="AA137" s="132"/>
      <c r="AB137" s="200"/>
      <c r="AC137" s="200"/>
      <c r="AD137" s="200"/>
      <c r="AE137" s="200"/>
      <c r="AF137" s="200"/>
      <c r="AG137" s="200"/>
      <c r="AH137" s="200"/>
      <c r="AI137" s="201"/>
      <c r="AJ137" s="132"/>
      <c r="AK137" s="133"/>
      <c r="AL137" s="133"/>
      <c r="AM137" s="133"/>
      <c r="AN137" s="133"/>
      <c r="AO137" s="133"/>
      <c r="AP137" s="133"/>
      <c r="AQ137" s="133"/>
      <c r="AR137" s="134"/>
      <c r="AS137" s="132"/>
      <c r="AT137" s="196"/>
      <c r="AU137" s="196"/>
      <c r="AV137" s="196"/>
      <c r="AW137" s="196"/>
      <c r="AX137" s="202"/>
      <c r="AY137" s="23"/>
      <c r="AZ137" s="23"/>
      <c r="BA137" s="23"/>
      <c r="BB137" s="23"/>
      <c r="BC137" s="23"/>
      <c r="BD137" s="23"/>
      <c r="BE137" s="23"/>
      <c r="BF137" s="23"/>
      <c r="BG137" s="23"/>
      <c r="BH137" s="23"/>
      <c r="BI137" s="23"/>
      <c r="BJ137" s="23"/>
      <c r="BK137" s="23"/>
      <c r="BL137" s="23"/>
      <c r="BM137" s="23"/>
      <c r="BN137" s="23"/>
      <c r="BO137" s="23"/>
      <c r="BP137" s="23"/>
      <c r="BQ137" s="23"/>
      <c r="BR137" s="23"/>
      <c r="BS137" s="23"/>
      <c r="BT137" s="23"/>
      <c r="BU137" s="23"/>
      <c r="BV137" s="23"/>
      <c r="BW137" s="23"/>
      <c r="BX137" s="23"/>
      <c r="BY137" s="23"/>
      <c r="BZ137" s="23"/>
      <c r="CA137" s="23"/>
      <c r="CB137" s="23"/>
      <c r="CC137" s="23"/>
      <c r="CD137" s="23"/>
      <c r="CE137" s="23"/>
      <c r="CF137" s="23"/>
      <c r="CG137" s="23"/>
      <c r="CH137" s="23"/>
      <c r="CI137" s="23"/>
      <c r="CJ137" s="23"/>
      <c r="CK137" s="23"/>
      <c r="CL137" s="23"/>
      <c r="CM137" s="23"/>
      <c r="CN137" s="23"/>
      <c r="CO137" s="23"/>
      <c r="CP137" s="23"/>
      <c r="CQ137" s="23"/>
      <c r="CR137" s="23"/>
      <c r="CS137" s="23"/>
      <c r="CT137" s="23"/>
      <c r="CU137" s="23"/>
      <c r="CV137" s="23"/>
      <c r="CW137" s="23"/>
      <c r="CX137" s="23"/>
      <c r="CY137" s="23"/>
      <c r="CZ137" s="23"/>
      <c r="DA137" s="23"/>
      <c r="DB137" s="23"/>
      <c r="DC137" s="23"/>
      <c r="DD137" s="23"/>
      <c r="DE137" s="23"/>
      <c r="DF137" s="23"/>
      <c r="DG137" s="23"/>
      <c r="DH137" s="23"/>
      <c r="DI137" s="23"/>
      <c r="DJ137" s="23"/>
      <c r="DK137" s="23"/>
      <c r="DL137" s="23"/>
      <c r="DM137" s="23"/>
      <c r="DN137" s="23"/>
      <c r="DO137" s="23"/>
      <c r="DP137" s="23"/>
      <c r="DQ137" s="23"/>
      <c r="DR137" s="23"/>
      <c r="DS137" s="23"/>
      <c r="DT137" s="23"/>
      <c r="DU137" s="23"/>
      <c r="DV137" s="23"/>
      <c r="DW137" s="23"/>
      <c r="DX137" s="23"/>
      <c r="DY137" s="23"/>
      <c r="DZ137" s="23"/>
      <c r="EA137" s="23"/>
      <c r="EB137" s="23"/>
      <c r="EC137" s="23"/>
      <c r="ED137" s="23"/>
      <c r="EE137" s="23"/>
      <c r="EF137" s="23"/>
      <c r="EG137" s="23"/>
      <c r="EH137" s="23"/>
      <c r="EI137" s="23"/>
      <c r="EJ137" s="23"/>
      <c r="EK137" s="23"/>
      <c r="EL137" s="23"/>
      <c r="EM137" s="23"/>
      <c r="EN137" s="23"/>
      <c r="EO137" s="23"/>
      <c r="EP137" s="23"/>
      <c r="EQ137" s="23"/>
      <c r="ER137" s="23"/>
      <c r="ES137" s="23"/>
      <c r="ET137" s="23"/>
      <c r="EU137" s="23"/>
      <c r="EV137" s="23"/>
      <c r="EW137" s="23"/>
      <c r="EX137" s="23"/>
      <c r="EY137" s="23"/>
      <c r="EZ137" s="23"/>
      <c r="FA137" s="23"/>
      <c r="FB137" s="23"/>
      <c r="FC137" s="23"/>
      <c r="FD137" s="23"/>
      <c r="FE137" s="23"/>
      <c r="FF137" s="23"/>
      <c r="FG137" s="23"/>
      <c r="FH137" s="23"/>
      <c r="FI137" s="23"/>
      <c r="FJ137" s="23"/>
      <c r="FK137" s="23"/>
      <c r="FL137" s="23"/>
      <c r="FM137" s="23"/>
      <c r="FN137" s="23"/>
      <c r="FO137" s="23"/>
      <c r="FP137" s="23"/>
      <c r="FQ137" s="23"/>
      <c r="FR137" s="23"/>
      <c r="FS137" s="23"/>
      <c r="FT137" s="23"/>
      <c r="FU137" s="23"/>
      <c r="FV137" s="23"/>
      <c r="FW137" s="23"/>
      <c r="FX137" s="23"/>
      <c r="FY137" s="23"/>
      <c r="FZ137" s="23"/>
      <c r="GA137" s="23"/>
      <c r="GB137" s="23"/>
      <c r="GC137" s="23"/>
      <c r="GD137" s="23"/>
      <c r="GE137" s="23"/>
      <c r="GF137" s="23"/>
      <c r="GG137" s="23"/>
      <c r="GH137" s="23"/>
      <c r="GI137" s="23"/>
      <c r="GJ137" s="23"/>
      <c r="GK137" s="23"/>
      <c r="GL137" s="23"/>
      <c r="GM137" s="23"/>
      <c r="GN137" s="23"/>
      <c r="GO137" s="23"/>
      <c r="GP137" s="23"/>
      <c r="GQ137" s="23"/>
      <c r="GR137" s="23"/>
      <c r="GS137" s="23"/>
      <c r="GT137" s="23"/>
      <c r="GU137" s="23"/>
      <c r="GV137" s="23"/>
      <c r="GW137" s="23"/>
      <c r="GX137" s="23"/>
      <c r="GY137" s="23"/>
      <c r="GZ137" s="23"/>
      <c r="HA137" s="23"/>
      <c r="HB137" s="23"/>
      <c r="HC137" s="23"/>
      <c r="HD137" s="23"/>
      <c r="HE137" s="23"/>
      <c r="HF137" s="23"/>
      <c r="HG137" s="23"/>
      <c r="HH137" s="23"/>
      <c r="HI137" s="23"/>
      <c r="HJ137" s="23"/>
      <c r="HK137" s="23"/>
      <c r="HL137" s="23"/>
      <c r="HM137" s="23"/>
      <c r="HN137" s="23"/>
      <c r="HO137" s="23"/>
      <c r="HP137" s="23"/>
      <c r="HQ137" s="23"/>
      <c r="HR137" s="23"/>
      <c r="HS137" s="23"/>
      <c r="HT137" s="23"/>
      <c r="HU137" s="23"/>
      <c r="HV137" s="23"/>
      <c r="HW137" s="23"/>
      <c r="HX137" s="23"/>
      <c r="HY137" s="23"/>
      <c r="HZ137" s="23"/>
      <c r="IA137" s="23"/>
      <c r="IB137" s="23"/>
      <c r="IC137" s="23"/>
      <c r="ID137" s="23"/>
      <c r="IE137" s="23"/>
      <c r="IF137" s="23"/>
      <c r="IG137" s="23"/>
      <c r="IH137" s="23"/>
      <c r="II137" s="23"/>
      <c r="IJ137" s="23"/>
      <c r="IK137" s="23"/>
      <c r="IL137" s="23"/>
      <c r="IM137" s="23"/>
      <c r="IN137" s="23"/>
      <c r="IO137" s="23"/>
      <c r="IP137" s="23"/>
      <c r="IQ137" s="23"/>
    </row>
    <row r="138" spans="1:251" s="50" customFormat="1" ht="18.75" customHeight="1" thickBot="1">
      <c r="A138" s="34"/>
      <c r="B138" s="49"/>
      <c r="C138" s="158"/>
      <c r="D138" s="158"/>
      <c r="E138" s="158"/>
      <c r="F138" s="158"/>
      <c r="G138" s="158"/>
      <c r="H138" s="158"/>
      <c r="I138" s="158"/>
      <c r="J138" s="158"/>
      <c r="K138" s="158"/>
      <c r="L138" s="158"/>
      <c r="M138" s="158"/>
      <c r="N138" s="158"/>
      <c r="O138" s="158"/>
      <c r="P138" s="158"/>
      <c r="Q138" s="158"/>
      <c r="R138" s="158"/>
      <c r="S138" s="158"/>
      <c r="T138" s="158"/>
      <c r="U138" s="158"/>
      <c r="V138" s="158"/>
      <c r="W138" s="158"/>
      <c r="X138" s="158"/>
      <c r="Y138" s="158"/>
      <c r="Z138" s="159"/>
      <c r="AA138" s="160"/>
      <c r="AB138" s="211"/>
      <c r="AC138" s="211"/>
      <c r="AD138" s="211"/>
      <c r="AE138" s="211"/>
      <c r="AF138" s="211"/>
      <c r="AG138" s="211"/>
      <c r="AH138" s="211"/>
      <c r="AI138" s="212"/>
      <c r="AJ138" s="160"/>
      <c r="AK138" s="161"/>
      <c r="AL138" s="161"/>
      <c r="AM138" s="161"/>
      <c r="AN138" s="161"/>
      <c r="AO138" s="161"/>
      <c r="AP138" s="161"/>
      <c r="AQ138" s="161"/>
      <c r="AR138" s="162"/>
      <c r="AS138" s="188"/>
      <c r="AT138" s="213"/>
      <c r="AU138" s="213"/>
      <c r="AV138" s="213"/>
      <c r="AW138" s="213"/>
      <c r="AX138" s="214"/>
      <c r="AY138" s="23"/>
      <c r="AZ138" s="23"/>
      <c r="BA138" s="23"/>
      <c r="BB138" s="23"/>
      <c r="BC138" s="23"/>
      <c r="BD138" s="23"/>
      <c r="BE138" s="23"/>
      <c r="BF138" s="23"/>
      <c r="BG138" s="23"/>
      <c r="BH138" s="23"/>
      <c r="BI138" s="23"/>
      <c r="BJ138" s="23"/>
      <c r="BK138" s="23"/>
      <c r="BL138" s="23"/>
      <c r="BM138" s="23"/>
      <c r="BN138" s="23"/>
      <c r="BO138" s="23"/>
      <c r="BP138" s="23"/>
      <c r="BQ138" s="23"/>
      <c r="BR138" s="23"/>
      <c r="BS138" s="23"/>
      <c r="BT138" s="23"/>
      <c r="BU138" s="23"/>
      <c r="BV138" s="23"/>
      <c r="BW138" s="23"/>
      <c r="BX138" s="23"/>
      <c r="BY138" s="23"/>
      <c r="BZ138" s="23"/>
      <c r="CA138" s="23"/>
      <c r="CB138" s="23"/>
      <c r="CC138" s="23"/>
      <c r="CD138" s="23"/>
      <c r="CE138" s="23"/>
      <c r="CF138" s="23"/>
      <c r="CG138" s="23"/>
      <c r="CH138" s="23"/>
      <c r="CI138" s="23"/>
      <c r="CJ138" s="23"/>
      <c r="CK138" s="23"/>
      <c r="CL138" s="23"/>
      <c r="CM138" s="23"/>
      <c r="CN138" s="23"/>
      <c r="CO138" s="23"/>
      <c r="CP138" s="23"/>
      <c r="CQ138" s="23"/>
      <c r="CR138" s="23"/>
      <c r="CS138" s="23"/>
      <c r="CT138" s="23"/>
      <c r="CU138" s="23"/>
      <c r="CV138" s="23"/>
      <c r="CW138" s="23"/>
      <c r="CX138" s="23"/>
      <c r="CY138" s="23"/>
      <c r="CZ138" s="23"/>
      <c r="DA138" s="23"/>
      <c r="DB138" s="23"/>
      <c r="DC138" s="23"/>
      <c r="DD138" s="23"/>
      <c r="DE138" s="23"/>
      <c r="DF138" s="23"/>
      <c r="DG138" s="23"/>
      <c r="DH138" s="23"/>
      <c r="DI138" s="23"/>
      <c r="DJ138" s="23"/>
      <c r="DK138" s="23"/>
      <c r="DL138" s="23"/>
      <c r="DM138" s="23"/>
      <c r="DN138" s="23"/>
      <c r="DO138" s="23"/>
      <c r="DP138" s="23"/>
      <c r="DQ138" s="23"/>
      <c r="DR138" s="23"/>
      <c r="DS138" s="23"/>
      <c r="DT138" s="23"/>
      <c r="DU138" s="23"/>
      <c r="DV138" s="23"/>
      <c r="DW138" s="23"/>
      <c r="DX138" s="23"/>
      <c r="DY138" s="23"/>
      <c r="DZ138" s="23"/>
      <c r="EA138" s="23"/>
      <c r="EB138" s="23"/>
      <c r="EC138" s="23"/>
      <c r="ED138" s="23"/>
      <c r="EE138" s="23"/>
      <c r="EF138" s="23"/>
      <c r="EG138" s="23"/>
      <c r="EH138" s="23"/>
      <c r="EI138" s="23"/>
      <c r="EJ138" s="23"/>
      <c r="EK138" s="23"/>
      <c r="EL138" s="23"/>
      <c r="EM138" s="23"/>
      <c r="EN138" s="23"/>
      <c r="EO138" s="23"/>
      <c r="EP138" s="23"/>
      <c r="EQ138" s="23"/>
      <c r="ER138" s="23"/>
      <c r="ES138" s="23"/>
      <c r="ET138" s="23"/>
      <c r="EU138" s="23"/>
      <c r="EV138" s="23"/>
      <c r="EW138" s="23"/>
      <c r="EX138" s="23"/>
      <c r="EY138" s="23"/>
      <c r="EZ138" s="23"/>
      <c r="FA138" s="23"/>
      <c r="FB138" s="23"/>
      <c r="FC138" s="23"/>
      <c r="FD138" s="23"/>
      <c r="FE138" s="23"/>
      <c r="FF138" s="23"/>
      <c r="FG138" s="23"/>
      <c r="FH138" s="23"/>
      <c r="FI138" s="23"/>
      <c r="FJ138" s="23"/>
      <c r="FK138" s="23"/>
      <c r="FL138" s="23"/>
      <c r="FM138" s="23"/>
      <c r="FN138" s="23"/>
      <c r="FO138" s="23"/>
      <c r="FP138" s="23"/>
      <c r="FQ138" s="23"/>
      <c r="FR138" s="23"/>
      <c r="FS138" s="23"/>
      <c r="FT138" s="23"/>
      <c r="FU138" s="23"/>
      <c r="FV138" s="23"/>
      <c r="FW138" s="23"/>
      <c r="FX138" s="23"/>
      <c r="FY138" s="23"/>
      <c r="FZ138" s="23"/>
      <c r="GA138" s="23"/>
      <c r="GB138" s="23"/>
      <c r="GC138" s="23"/>
      <c r="GD138" s="23"/>
      <c r="GE138" s="23"/>
      <c r="GF138" s="23"/>
      <c r="GG138" s="23"/>
      <c r="GH138" s="23"/>
      <c r="GI138" s="23"/>
      <c r="GJ138" s="23"/>
      <c r="GK138" s="23"/>
      <c r="GL138" s="23"/>
      <c r="GM138" s="23"/>
      <c r="GN138" s="23"/>
      <c r="GO138" s="23"/>
      <c r="GP138" s="23"/>
      <c r="GQ138" s="23"/>
      <c r="GR138" s="23"/>
      <c r="GS138" s="23"/>
      <c r="GT138" s="23"/>
      <c r="GU138" s="23"/>
      <c r="GV138" s="23"/>
      <c r="GW138" s="23"/>
      <c r="GX138" s="23"/>
      <c r="GY138" s="23"/>
      <c r="GZ138" s="23"/>
      <c r="HA138" s="23"/>
      <c r="HB138" s="23"/>
      <c r="HC138" s="23"/>
      <c r="HD138" s="23"/>
      <c r="HE138" s="23"/>
      <c r="HF138" s="23"/>
      <c r="HG138" s="23"/>
      <c r="HH138" s="23"/>
      <c r="HI138" s="23"/>
      <c r="HJ138" s="23"/>
      <c r="HK138" s="23"/>
      <c r="HL138" s="23"/>
      <c r="HM138" s="23"/>
      <c r="HN138" s="23"/>
      <c r="HO138" s="23"/>
      <c r="HP138" s="23"/>
      <c r="HQ138" s="23"/>
      <c r="HR138" s="23"/>
      <c r="HS138" s="23"/>
      <c r="HT138" s="23"/>
      <c r="HU138" s="23"/>
      <c r="HV138" s="23"/>
      <c r="HW138" s="23"/>
      <c r="HX138" s="23"/>
      <c r="HY138" s="23"/>
      <c r="HZ138" s="23"/>
      <c r="IA138" s="23"/>
      <c r="IB138" s="23"/>
      <c r="IC138" s="23"/>
      <c r="ID138" s="23"/>
      <c r="IE138" s="23"/>
      <c r="IF138" s="23"/>
      <c r="IG138" s="23"/>
      <c r="IH138" s="23"/>
      <c r="II138" s="23"/>
      <c r="IJ138" s="23"/>
      <c r="IK138" s="23"/>
      <c r="IL138" s="23"/>
      <c r="IM138" s="23"/>
      <c r="IN138" s="23"/>
      <c r="IO138" s="23"/>
      <c r="IP138" s="23"/>
      <c r="IQ138" s="23"/>
    </row>
    <row r="139" spans="1:251" s="50" customFormat="1" ht="18.75" customHeight="1" thickTop="1" thickBot="1">
      <c r="A139" s="38"/>
      <c r="B139" s="164" t="s">
        <v>105</v>
      </c>
      <c r="C139" s="191"/>
      <c r="D139" s="191"/>
      <c r="E139" s="191"/>
      <c r="F139" s="191"/>
      <c r="G139" s="191"/>
      <c r="H139" s="191"/>
      <c r="I139" s="191"/>
      <c r="J139" s="191"/>
      <c r="K139" s="191"/>
      <c r="L139" s="191"/>
      <c r="M139" s="191"/>
      <c r="N139" s="191"/>
      <c r="O139" s="191"/>
      <c r="P139" s="191"/>
      <c r="Q139" s="191"/>
      <c r="R139" s="191"/>
      <c r="S139" s="191"/>
      <c r="T139" s="191"/>
      <c r="U139" s="191"/>
      <c r="V139" s="191"/>
      <c r="W139" s="191"/>
      <c r="X139" s="191"/>
      <c r="Y139" s="191"/>
      <c r="Z139" s="192"/>
      <c r="AA139" s="167">
        <f>SUM(AA131:AA138)</f>
        <v>27294</v>
      </c>
      <c r="AB139" s="215"/>
      <c r="AC139" s="215"/>
      <c r="AD139" s="215"/>
      <c r="AE139" s="215"/>
      <c r="AF139" s="215"/>
      <c r="AG139" s="215"/>
      <c r="AH139" s="215"/>
      <c r="AI139" s="216"/>
      <c r="AJ139" s="167">
        <f>SUM(AJ131:AJ138)</f>
        <v>7035</v>
      </c>
      <c r="AK139" s="215"/>
      <c r="AL139" s="215"/>
      <c r="AM139" s="215"/>
      <c r="AN139" s="215"/>
      <c r="AO139" s="215"/>
      <c r="AP139" s="215"/>
      <c r="AQ139" s="215"/>
      <c r="AR139" s="216"/>
      <c r="AS139" s="167"/>
      <c r="AT139" s="215"/>
      <c r="AU139" s="215"/>
      <c r="AV139" s="215"/>
      <c r="AW139" s="215"/>
      <c r="AX139" s="217"/>
      <c r="AY139" s="23"/>
      <c r="AZ139" s="23"/>
      <c r="BA139" s="23"/>
      <c r="BB139" s="23"/>
      <c r="BC139" s="23"/>
      <c r="BD139" s="23"/>
      <c r="BE139" s="23"/>
      <c r="BF139" s="23"/>
      <c r="BG139" s="23"/>
      <c r="BH139" s="23"/>
      <c r="BI139" s="23"/>
      <c r="BJ139" s="23"/>
      <c r="BK139" s="23"/>
      <c r="BL139" s="23"/>
      <c r="BM139" s="23"/>
      <c r="BN139" s="23"/>
      <c r="BO139" s="23"/>
      <c r="BP139" s="23"/>
      <c r="BQ139" s="23"/>
      <c r="BR139" s="23"/>
      <c r="BS139" s="23"/>
      <c r="BT139" s="23"/>
      <c r="BU139" s="23"/>
      <c r="BV139" s="23"/>
      <c r="BW139" s="23"/>
      <c r="BX139" s="23"/>
      <c r="BY139" s="23"/>
      <c r="BZ139" s="23"/>
      <c r="CA139" s="23"/>
      <c r="CB139" s="23"/>
      <c r="CC139" s="23"/>
      <c r="CD139" s="23"/>
      <c r="CE139" s="23"/>
      <c r="CF139" s="23"/>
      <c r="CG139" s="23"/>
      <c r="CH139" s="23"/>
      <c r="CI139" s="23"/>
      <c r="CJ139" s="23"/>
      <c r="CK139" s="23"/>
      <c r="CL139" s="23"/>
      <c r="CM139" s="23"/>
      <c r="CN139" s="23"/>
      <c r="CO139" s="23"/>
      <c r="CP139" s="23"/>
      <c r="CQ139" s="23"/>
      <c r="CR139" s="23"/>
      <c r="CS139" s="23"/>
      <c r="CT139" s="23"/>
      <c r="CU139" s="23"/>
      <c r="CV139" s="23"/>
      <c r="CW139" s="23"/>
      <c r="CX139" s="23"/>
      <c r="CY139" s="23"/>
      <c r="CZ139" s="23"/>
      <c r="DA139" s="23"/>
      <c r="DB139" s="23"/>
      <c r="DC139" s="23"/>
      <c r="DD139" s="23"/>
      <c r="DE139" s="23"/>
      <c r="DF139" s="23"/>
      <c r="DG139" s="23"/>
      <c r="DH139" s="23"/>
      <c r="DI139" s="23"/>
      <c r="DJ139" s="23"/>
      <c r="DK139" s="23"/>
      <c r="DL139" s="23"/>
      <c r="DM139" s="23"/>
      <c r="DN139" s="23"/>
      <c r="DO139" s="23"/>
      <c r="DP139" s="23"/>
      <c r="DQ139" s="23"/>
      <c r="DR139" s="23"/>
      <c r="DS139" s="23"/>
      <c r="DT139" s="23"/>
      <c r="DU139" s="23"/>
      <c r="DV139" s="23"/>
      <c r="DW139" s="23"/>
      <c r="DX139" s="23"/>
      <c r="DY139" s="23"/>
      <c r="DZ139" s="23"/>
      <c r="EA139" s="23"/>
      <c r="EB139" s="23"/>
      <c r="EC139" s="23"/>
      <c r="ED139" s="23"/>
      <c r="EE139" s="23"/>
      <c r="EF139" s="23"/>
      <c r="EG139" s="23"/>
      <c r="EH139" s="23"/>
      <c r="EI139" s="23"/>
      <c r="EJ139" s="23"/>
      <c r="EK139" s="23"/>
      <c r="EL139" s="23"/>
      <c r="EM139" s="23"/>
      <c r="EN139" s="23"/>
      <c r="EO139" s="23"/>
      <c r="EP139" s="23"/>
      <c r="EQ139" s="23"/>
      <c r="ER139" s="23"/>
      <c r="ES139" s="23"/>
      <c r="ET139" s="23"/>
      <c r="EU139" s="23"/>
      <c r="EV139" s="23"/>
      <c r="EW139" s="23"/>
      <c r="EX139" s="23"/>
      <c r="EY139" s="23"/>
      <c r="EZ139" s="23"/>
      <c r="FA139" s="23"/>
      <c r="FB139" s="23"/>
      <c r="FC139" s="23"/>
      <c r="FD139" s="23"/>
      <c r="FE139" s="23"/>
      <c r="FF139" s="23"/>
      <c r="FG139" s="23"/>
      <c r="FH139" s="23"/>
      <c r="FI139" s="23"/>
      <c r="FJ139" s="23"/>
      <c r="FK139" s="23"/>
      <c r="FL139" s="23"/>
      <c r="FM139" s="23"/>
      <c r="FN139" s="23"/>
      <c r="FO139" s="23"/>
      <c r="FP139" s="23"/>
      <c r="FQ139" s="23"/>
      <c r="FR139" s="23"/>
      <c r="FS139" s="23"/>
      <c r="FT139" s="23"/>
      <c r="FU139" s="23"/>
      <c r="FV139" s="23"/>
      <c r="FW139" s="23"/>
      <c r="FX139" s="23"/>
      <c r="FY139" s="23"/>
      <c r="FZ139" s="23"/>
      <c r="GA139" s="23"/>
      <c r="GB139" s="23"/>
      <c r="GC139" s="23"/>
      <c r="GD139" s="23"/>
      <c r="GE139" s="23"/>
      <c r="GF139" s="23"/>
      <c r="GG139" s="23"/>
      <c r="GH139" s="23"/>
      <c r="GI139" s="23"/>
      <c r="GJ139" s="23"/>
      <c r="GK139" s="23"/>
      <c r="GL139" s="23"/>
      <c r="GM139" s="23"/>
      <c r="GN139" s="23"/>
      <c r="GO139" s="23"/>
      <c r="GP139" s="23"/>
      <c r="GQ139" s="23"/>
      <c r="GR139" s="23"/>
      <c r="GS139" s="23"/>
      <c r="GT139" s="23"/>
      <c r="GU139" s="23"/>
      <c r="GV139" s="23"/>
      <c r="GW139" s="23"/>
      <c r="GX139" s="23"/>
      <c r="GY139" s="23"/>
      <c r="GZ139" s="23"/>
      <c r="HA139" s="23"/>
      <c r="HB139" s="23"/>
      <c r="HC139" s="23"/>
      <c r="HD139" s="23"/>
      <c r="HE139" s="23"/>
      <c r="HF139" s="23"/>
      <c r="HG139" s="23"/>
      <c r="HH139" s="23"/>
      <c r="HI139" s="23"/>
      <c r="HJ139" s="23"/>
      <c r="HK139" s="23"/>
      <c r="HL139" s="23"/>
      <c r="HM139" s="23"/>
      <c r="HN139" s="23"/>
      <c r="HO139" s="23"/>
      <c r="HP139" s="23"/>
      <c r="HQ139" s="23"/>
      <c r="HR139" s="23"/>
      <c r="HS139" s="23"/>
      <c r="HT139" s="23"/>
      <c r="HU139" s="23"/>
      <c r="HV139" s="23"/>
      <c r="HW139" s="23"/>
      <c r="HX139" s="23"/>
      <c r="HY139" s="23"/>
      <c r="HZ139" s="23"/>
      <c r="IA139" s="23"/>
      <c r="IB139" s="23"/>
      <c r="IC139" s="23"/>
      <c r="ID139" s="23"/>
      <c r="IE139" s="23"/>
      <c r="IF139" s="23"/>
      <c r="IG139" s="23"/>
      <c r="IH139" s="23"/>
      <c r="II139" s="23"/>
      <c r="IJ139" s="23"/>
      <c r="IK139" s="23"/>
      <c r="IL139" s="23"/>
      <c r="IM139" s="23"/>
      <c r="IN139" s="23"/>
      <c r="IO139" s="23"/>
      <c r="IP139" s="23"/>
      <c r="IQ139" s="23"/>
    </row>
    <row r="141" spans="1:251" s="23" customFormat="1" ht="19.2">
      <c r="A141" s="22" t="s">
        <v>86</v>
      </c>
      <c r="AW141" s="24"/>
      <c r="AX141" s="25"/>
      <c r="AY141" s="24"/>
    </row>
    <row r="142" spans="1:251" s="23" customFormat="1" ht="13.2"/>
    <row r="143" spans="1:251" s="23" customFormat="1">
      <c r="A143" s="26"/>
      <c r="B143" s="115" t="s">
        <v>87</v>
      </c>
      <c r="C143" s="153"/>
      <c r="D143" s="153"/>
      <c r="E143" s="153"/>
      <c r="F143" s="153"/>
      <c r="G143" s="153"/>
      <c r="H143" s="153"/>
      <c r="I143" s="153"/>
      <c r="J143" s="153"/>
      <c r="K143" s="153"/>
      <c r="L143" s="153"/>
      <c r="M143" s="153"/>
      <c r="N143" s="153"/>
      <c r="O143" s="153"/>
      <c r="P143" s="153"/>
      <c r="Q143" s="153"/>
      <c r="R143" s="153"/>
      <c r="S143" s="153"/>
      <c r="T143" s="153"/>
      <c r="U143" s="153"/>
      <c r="V143" s="153"/>
      <c r="W143" s="153"/>
      <c r="X143" s="153"/>
      <c r="Y143" s="153"/>
      <c r="Z143" s="153"/>
      <c r="AA143" s="153"/>
      <c r="AB143" s="153"/>
      <c r="AC143" s="153"/>
      <c r="AD143" s="153"/>
      <c r="AE143" s="153"/>
      <c r="AF143" s="153"/>
      <c r="AG143" s="153"/>
      <c r="AH143" s="153"/>
      <c r="AI143" s="153"/>
      <c r="AJ143" s="153"/>
      <c r="AK143" s="153"/>
      <c r="AL143" s="153"/>
      <c r="AM143" s="153"/>
      <c r="AN143" s="153"/>
      <c r="AO143" s="153"/>
      <c r="AP143" s="153"/>
      <c r="AQ143" s="153"/>
      <c r="AR143" s="153"/>
      <c r="AS143" s="153"/>
      <c r="AT143" s="153"/>
      <c r="AU143" s="153"/>
      <c r="AV143" s="153"/>
      <c r="AW143" s="153"/>
      <c r="AX143" s="153"/>
      <c r="AY143" s="26"/>
    </row>
    <row r="144" spans="1:251" s="23" customFormat="1" ht="13.2">
      <c r="Z144" s="27"/>
      <c r="AD144" s="27"/>
      <c r="AE144" s="27"/>
      <c r="AF144" s="27"/>
      <c r="AG144" s="27"/>
      <c r="AH144" s="27"/>
      <c r="AI144" s="27"/>
      <c r="AO144" s="27"/>
    </row>
    <row r="145" spans="1:113" s="23" customFormat="1" ht="13.8" thickBot="1">
      <c r="Z145" s="27"/>
      <c r="AD145" s="27"/>
      <c r="AE145" s="27"/>
      <c r="AF145" s="27"/>
      <c r="AG145" s="27"/>
      <c r="AH145" s="27"/>
      <c r="AI145" s="27"/>
      <c r="AO145" s="27"/>
      <c r="DI145" s="28"/>
    </row>
    <row r="146" spans="1:113" s="23" customFormat="1" ht="24.6" customHeight="1" thickBot="1">
      <c r="A146" s="116" t="s">
        <v>88</v>
      </c>
      <c r="B146" s="117"/>
      <c r="C146" s="117"/>
      <c r="D146" s="117"/>
      <c r="E146" s="117"/>
      <c r="F146" s="117"/>
      <c r="G146" s="117"/>
      <c r="H146" s="117"/>
      <c r="I146" s="117"/>
      <c r="J146" s="117"/>
      <c r="K146" s="118"/>
      <c r="L146" s="154">
        <v>5</v>
      </c>
      <c r="M146" s="154"/>
      <c r="N146" s="154"/>
      <c r="O146" s="155"/>
      <c r="P146" s="122" t="s">
        <v>89</v>
      </c>
      <c r="Q146" s="120"/>
      <c r="R146" s="120"/>
      <c r="S146" s="120"/>
      <c r="T146" s="120"/>
      <c r="U146" s="123"/>
      <c r="V146" s="156" t="s">
        <v>114</v>
      </c>
      <c r="W146" s="156"/>
      <c r="X146" s="156"/>
      <c r="Y146" s="156"/>
      <c r="Z146" s="156"/>
      <c r="AA146" s="156"/>
      <c r="AB146" s="156"/>
      <c r="AC146" s="156"/>
      <c r="AD146" s="156"/>
      <c r="AE146" s="156"/>
      <c r="AF146" s="156"/>
      <c r="AG146" s="156"/>
      <c r="AH146" s="156"/>
      <c r="AI146" s="156"/>
      <c r="AJ146" s="156"/>
      <c r="AK146" s="156"/>
      <c r="AL146" s="156"/>
      <c r="AM146" s="156"/>
      <c r="AN146" s="156"/>
      <c r="AO146" s="156"/>
      <c r="AP146" s="156"/>
      <c r="AQ146" s="156"/>
      <c r="AR146" s="156"/>
      <c r="AS146" s="156"/>
      <c r="AT146" s="156"/>
      <c r="AU146" s="156"/>
      <c r="AV146" s="156"/>
      <c r="AW146" s="156"/>
      <c r="AX146" s="157"/>
      <c r="DI146" s="28"/>
    </row>
    <row r="147" spans="1:113" s="23" customFormat="1" ht="14.4">
      <c r="A147" s="29"/>
      <c r="B147" s="29"/>
      <c r="C147" s="29"/>
      <c r="D147" s="29"/>
      <c r="E147" s="29"/>
      <c r="F147" s="29"/>
      <c r="G147" s="29"/>
      <c r="H147" s="29"/>
      <c r="I147" s="29"/>
      <c r="J147" s="29"/>
      <c r="K147" s="29"/>
      <c r="L147" s="30"/>
      <c r="M147" s="30"/>
      <c r="N147" s="30"/>
      <c r="O147" s="30"/>
      <c r="P147" s="29"/>
      <c r="Q147" s="29"/>
      <c r="R147" s="29"/>
      <c r="S147" s="29"/>
      <c r="T147" s="29"/>
      <c r="U147" s="29"/>
      <c r="V147" s="31"/>
      <c r="W147" s="31"/>
      <c r="X147" s="31"/>
      <c r="Y147" s="31"/>
      <c r="Z147" s="31"/>
      <c r="AA147" s="31"/>
      <c r="AB147" s="31"/>
      <c r="AC147" s="31"/>
      <c r="AD147" s="31"/>
      <c r="AE147" s="31"/>
      <c r="AF147" s="31"/>
      <c r="AG147" s="31"/>
      <c r="AH147" s="31"/>
      <c r="AI147" s="31"/>
      <c r="AJ147" s="31"/>
      <c r="AK147" s="31"/>
      <c r="AL147" s="31"/>
      <c r="AM147" s="31"/>
      <c r="AN147" s="31"/>
      <c r="AO147" s="31"/>
      <c r="AP147" s="31"/>
      <c r="AQ147" s="31"/>
      <c r="AR147" s="31"/>
      <c r="AS147" s="31"/>
      <c r="AT147" s="31"/>
      <c r="AU147" s="31"/>
      <c r="AV147" s="31"/>
      <c r="AW147" s="31"/>
      <c r="AX147" s="31"/>
      <c r="DI147" s="28"/>
    </row>
    <row r="148" spans="1:113" s="23" customFormat="1" ht="15" thickBot="1">
      <c r="A148" s="32"/>
      <c r="B148" s="33" t="s">
        <v>91</v>
      </c>
      <c r="C148" s="34"/>
      <c r="D148" s="34"/>
      <c r="E148" s="34"/>
      <c r="F148" s="34"/>
      <c r="G148" s="34"/>
      <c r="H148" s="34"/>
      <c r="I148" s="34"/>
      <c r="J148" s="34"/>
      <c r="K148" s="34"/>
      <c r="L148" s="35"/>
      <c r="M148" s="35"/>
      <c r="N148" s="35"/>
      <c r="O148" s="35"/>
      <c r="P148" s="34"/>
      <c r="Q148" s="34"/>
      <c r="R148" s="34"/>
      <c r="S148" s="34"/>
      <c r="T148" s="34"/>
      <c r="U148" s="34"/>
      <c r="V148" s="33"/>
      <c r="W148" s="33"/>
      <c r="X148" s="33"/>
      <c r="Y148" s="33"/>
      <c r="Z148" s="33"/>
      <c r="AA148" s="33"/>
      <c r="AB148" s="33"/>
      <c r="AC148" s="33"/>
      <c r="AD148" s="33"/>
      <c r="AE148" s="33"/>
      <c r="AF148" s="33"/>
      <c r="AG148" s="33"/>
      <c r="AH148" s="33"/>
      <c r="AI148" s="33"/>
      <c r="AJ148" s="33"/>
      <c r="AK148" s="33"/>
      <c r="AL148" s="33"/>
      <c r="AM148" s="33"/>
      <c r="AN148" s="33"/>
      <c r="AO148" s="33"/>
      <c r="AP148" s="33"/>
      <c r="AQ148" s="33"/>
      <c r="AR148" s="33"/>
      <c r="AS148" s="33"/>
      <c r="AT148" s="33"/>
      <c r="AU148" s="33"/>
      <c r="AV148" s="33"/>
      <c r="AW148" s="33"/>
      <c r="AX148" s="33"/>
      <c r="DI148" s="28"/>
    </row>
    <row r="149" spans="1:113" s="23" customFormat="1" ht="14.4">
      <c r="A149" s="34"/>
      <c r="B149" s="36"/>
      <c r="C149" s="29"/>
      <c r="D149" s="29"/>
      <c r="E149" s="29"/>
      <c r="F149" s="29"/>
      <c r="G149" s="29"/>
      <c r="H149" s="29"/>
      <c r="I149" s="29"/>
      <c r="J149" s="29"/>
      <c r="K149" s="29"/>
      <c r="L149" s="30"/>
      <c r="M149" s="30"/>
      <c r="N149" s="30"/>
      <c r="O149" s="30"/>
      <c r="P149" s="29"/>
      <c r="Q149" s="29"/>
      <c r="R149" s="29"/>
      <c r="S149" s="29"/>
      <c r="T149" s="29"/>
      <c r="U149" s="29"/>
      <c r="V149" s="31"/>
      <c r="W149" s="31"/>
      <c r="X149" s="31"/>
      <c r="Y149" s="31"/>
      <c r="Z149" s="31"/>
      <c r="AA149" s="31"/>
      <c r="AB149" s="31"/>
      <c r="AC149" s="31"/>
      <c r="AD149" s="31"/>
      <c r="AE149" s="31"/>
      <c r="AF149" s="31"/>
      <c r="AG149" s="31"/>
      <c r="AH149" s="31"/>
      <c r="AI149" s="31"/>
      <c r="AJ149" s="31"/>
      <c r="AK149" s="31"/>
      <c r="AL149" s="31"/>
      <c r="AM149" s="31"/>
      <c r="AN149" s="31"/>
      <c r="AO149" s="31"/>
      <c r="AP149" s="31"/>
      <c r="AQ149" s="31"/>
      <c r="AR149" s="31"/>
      <c r="AS149" s="31"/>
      <c r="AT149" s="31"/>
      <c r="AU149" s="31"/>
      <c r="AV149" s="31"/>
      <c r="AW149" s="31"/>
      <c r="AX149" s="37"/>
    </row>
    <row r="150" spans="1:113" s="23" customFormat="1" ht="10.8" customHeight="1">
      <c r="A150" s="34"/>
      <c r="B150" s="127" t="s">
        <v>115</v>
      </c>
      <c r="C150" s="128"/>
      <c r="D150" s="128"/>
      <c r="E150" s="128"/>
      <c r="F150" s="128"/>
      <c r="G150" s="128"/>
      <c r="H150" s="128"/>
      <c r="I150" s="128"/>
      <c r="J150" s="128"/>
      <c r="K150" s="128"/>
      <c r="L150" s="128"/>
      <c r="M150" s="128"/>
      <c r="N150" s="128"/>
      <c r="O150" s="128"/>
      <c r="P150" s="128"/>
      <c r="Q150" s="128"/>
      <c r="R150" s="128"/>
      <c r="S150" s="128"/>
      <c r="T150" s="128"/>
      <c r="U150" s="128"/>
      <c r="V150" s="128"/>
      <c r="W150" s="128"/>
      <c r="X150" s="128"/>
      <c r="Y150" s="128"/>
      <c r="Z150" s="128"/>
      <c r="AA150" s="128"/>
      <c r="AB150" s="128"/>
      <c r="AC150" s="128"/>
      <c r="AD150" s="128"/>
      <c r="AE150" s="128"/>
      <c r="AF150" s="128"/>
      <c r="AG150" s="128"/>
      <c r="AH150" s="128"/>
      <c r="AI150" s="128"/>
      <c r="AJ150" s="128"/>
      <c r="AK150" s="128"/>
      <c r="AL150" s="128"/>
      <c r="AM150" s="128"/>
      <c r="AN150" s="128"/>
      <c r="AO150" s="128"/>
      <c r="AP150" s="128"/>
      <c r="AQ150" s="128"/>
      <c r="AR150" s="128"/>
      <c r="AS150" s="128"/>
      <c r="AT150" s="128"/>
      <c r="AU150" s="128"/>
      <c r="AV150" s="128"/>
      <c r="AW150" s="128"/>
      <c r="AX150" s="129"/>
    </row>
    <row r="151" spans="1:113" s="23" customFormat="1" ht="10.8" customHeight="1">
      <c r="A151" s="34"/>
      <c r="B151" s="127"/>
      <c r="C151" s="128"/>
      <c r="D151" s="128"/>
      <c r="E151" s="128"/>
      <c r="F151" s="128"/>
      <c r="G151" s="128"/>
      <c r="H151" s="128"/>
      <c r="I151" s="128"/>
      <c r="J151" s="128"/>
      <c r="K151" s="128"/>
      <c r="L151" s="128"/>
      <c r="M151" s="128"/>
      <c r="N151" s="128"/>
      <c r="O151" s="128"/>
      <c r="P151" s="128"/>
      <c r="Q151" s="128"/>
      <c r="R151" s="128"/>
      <c r="S151" s="128"/>
      <c r="T151" s="128"/>
      <c r="U151" s="128"/>
      <c r="V151" s="128"/>
      <c r="W151" s="128"/>
      <c r="X151" s="128"/>
      <c r="Y151" s="128"/>
      <c r="Z151" s="128"/>
      <c r="AA151" s="128"/>
      <c r="AB151" s="128"/>
      <c r="AC151" s="128"/>
      <c r="AD151" s="128"/>
      <c r="AE151" s="128"/>
      <c r="AF151" s="128"/>
      <c r="AG151" s="128"/>
      <c r="AH151" s="128"/>
      <c r="AI151" s="128"/>
      <c r="AJ151" s="128"/>
      <c r="AK151" s="128"/>
      <c r="AL151" s="128"/>
      <c r="AM151" s="128"/>
      <c r="AN151" s="128"/>
      <c r="AO151" s="128"/>
      <c r="AP151" s="128"/>
      <c r="AQ151" s="128"/>
      <c r="AR151" s="128"/>
      <c r="AS151" s="128"/>
      <c r="AT151" s="128"/>
      <c r="AU151" s="128"/>
      <c r="AV151" s="128"/>
      <c r="AW151" s="128"/>
      <c r="AX151" s="129"/>
      <c r="BC151" s="17"/>
    </row>
    <row r="152" spans="1:113" s="23" customFormat="1" ht="10.8" customHeight="1">
      <c r="A152" s="34"/>
      <c r="B152" s="127"/>
      <c r="C152" s="128"/>
      <c r="D152" s="128"/>
      <c r="E152" s="128"/>
      <c r="F152" s="128"/>
      <c r="G152" s="128"/>
      <c r="H152" s="128"/>
      <c r="I152" s="128"/>
      <c r="J152" s="128"/>
      <c r="K152" s="128"/>
      <c r="L152" s="128"/>
      <c r="M152" s="128"/>
      <c r="N152" s="128"/>
      <c r="O152" s="128"/>
      <c r="P152" s="128"/>
      <c r="Q152" s="128"/>
      <c r="R152" s="128"/>
      <c r="S152" s="128"/>
      <c r="T152" s="128"/>
      <c r="U152" s="128"/>
      <c r="V152" s="128"/>
      <c r="W152" s="128"/>
      <c r="X152" s="128"/>
      <c r="Y152" s="128"/>
      <c r="Z152" s="128"/>
      <c r="AA152" s="128"/>
      <c r="AB152" s="128"/>
      <c r="AC152" s="128"/>
      <c r="AD152" s="128"/>
      <c r="AE152" s="128"/>
      <c r="AF152" s="128"/>
      <c r="AG152" s="128"/>
      <c r="AH152" s="128"/>
      <c r="AI152" s="128"/>
      <c r="AJ152" s="128"/>
      <c r="AK152" s="128"/>
      <c r="AL152" s="128"/>
      <c r="AM152" s="128"/>
      <c r="AN152" s="128"/>
      <c r="AO152" s="128"/>
      <c r="AP152" s="128"/>
      <c r="AQ152" s="128"/>
      <c r="AR152" s="128"/>
      <c r="AS152" s="128"/>
      <c r="AT152" s="128"/>
      <c r="AU152" s="128"/>
      <c r="AV152" s="128"/>
      <c r="AW152" s="128"/>
      <c r="AX152" s="129"/>
    </row>
    <row r="153" spans="1:113" s="23" customFormat="1" ht="10.8" customHeight="1">
      <c r="A153" s="34"/>
      <c r="B153" s="127"/>
      <c r="C153" s="128"/>
      <c r="D153" s="128"/>
      <c r="E153" s="128"/>
      <c r="F153" s="128"/>
      <c r="G153" s="128"/>
      <c r="H153" s="128"/>
      <c r="I153" s="128"/>
      <c r="J153" s="128"/>
      <c r="K153" s="128"/>
      <c r="L153" s="128"/>
      <c r="M153" s="128"/>
      <c r="N153" s="128"/>
      <c r="O153" s="128"/>
      <c r="P153" s="128"/>
      <c r="Q153" s="128"/>
      <c r="R153" s="128"/>
      <c r="S153" s="128"/>
      <c r="T153" s="128"/>
      <c r="U153" s="128"/>
      <c r="V153" s="128"/>
      <c r="W153" s="128"/>
      <c r="X153" s="128"/>
      <c r="Y153" s="128"/>
      <c r="Z153" s="128"/>
      <c r="AA153" s="128"/>
      <c r="AB153" s="128"/>
      <c r="AC153" s="128"/>
      <c r="AD153" s="128"/>
      <c r="AE153" s="128"/>
      <c r="AF153" s="128"/>
      <c r="AG153" s="128"/>
      <c r="AH153" s="128"/>
      <c r="AI153" s="128"/>
      <c r="AJ153" s="128"/>
      <c r="AK153" s="128"/>
      <c r="AL153" s="128"/>
      <c r="AM153" s="128"/>
      <c r="AN153" s="128"/>
      <c r="AO153" s="128"/>
      <c r="AP153" s="128"/>
      <c r="AQ153" s="128"/>
      <c r="AR153" s="128"/>
      <c r="AS153" s="128"/>
      <c r="AT153" s="128"/>
      <c r="AU153" s="128"/>
      <c r="AV153" s="128"/>
      <c r="AW153" s="128"/>
      <c r="AX153" s="129"/>
    </row>
    <row r="154" spans="1:113" s="23" customFormat="1" ht="10.8" customHeight="1">
      <c r="A154" s="34"/>
      <c r="B154" s="127"/>
      <c r="C154" s="128"/>
      <c r="D154" s="128"/>
      <c r="E154" s="128"/>
      <c r="F154" s="128"/>
      <c r="G154" s="128"/>
      <c r="H154" s="128"/>
      <c r="I154" s="128"/>
      <c r="J154" s="128"/>
      <c r="K154" s="128"/>
      <c r="L154" s="128"/>
      <c r="M154" s="128"/>
      <c r="N154" s="128"/>
      <c r="O154" s="128"/>
      <c r="P154" s="128"/>
      <c r="Q154" s="128"/>
      <c r="R154" s="128"/>
      <c r="S154" s="128"/>
      <c r="T154" s="128"/>
      <c r="U154" s="128"/>
      <c r="V154" s="128"/>
      <c r="W154" s="128"/>
      <c r="X154" s="128"/>
      <c r="Y154" s="128"/>
      <c r="Z154" s="128"/>
      <c r="AA154" s="128"/>
      <c r="AB154" s="128"/>
      <c r="AC154" s="128"/>
      <c r="AD154" s="128"/>
      <c r="AE154" s="128"/>
      <c r="AF154" s="128"/>
      <c r="AG154" s="128"/>
      <c r="AH154" s="128"/>
      <c r="AI154" s="128"/>
      <c r="AJ154" s="128"/>
      <c r="AK154" s="128"/>
      <c r="AL154" s="128"/>
      <c r="AM154" s="128"/>
      <c r="AN154" s="128"/>
      <c r="AO154" s="128"/>
      <c r="AP154" s="128"/>
      <c r="AQ154" s="128"/>
      <c r="AR154" s="128"/>
      <c r="AS154" s="128"/>
      <c r="AT154" s="128"/>
      <c r="AU154" s="128"/>
      <c r="AV154" s="128"/>
      <c r="AW154" s="128"/>
      <c r="AX154" s="129"/>
    </row>
    <row r="155" spans="1:113" s="23" customFormat="1" ht="10.8" customHeight="1">
      <c r="A155" s="34"/>
      <c r="B155" s="127"/>
      <c r="C155" s="128"/>
      <c r="D155" s="128"/>
      <c r="E155" s="128"/>
      <c r="F155" s="128"/>
      <c r="G155" s="128"/>
      <c r="H155" s="128"/>
      <c r="I155" s="128"/>
      <c r="J155" s="128"/>
      <c r="K155" s="128"/>
      <c r="L155" s="128"/>
      <c r="M155" s="128"/>
      <c r="N155" s="128"/>
      <c r="O155" s="128"/>
      <c r="P155" s="128"/>
      <c r="Q155" s="128"/>
      <c r="R155" s="128"/>
      <c r="S155" s="128"/>
      <c r="T155" s="128"/>
      <c r="U155" s="128"/>
      <c r="V155" s="128"/>
      <c r="W155" s="128"/>
      <c r="X155" s="128"/>
      <c r="Y155" s="128"/>
      <c r="Z155" s="128"/>
      <c r="AA155" s="128"/>
      <c r="AB155" s="128"/>
      <c r="AC155" s="128"/>
      <c r="AD155" s="128"/>
      <c r="AE155" s="128"/>
      <c r="AF155" s="128"/>
      <c r="AG155" s="128"/>
      <c r="AH155" s="128"/>
      <c r="AI155" s="128"/>
      <c r="AJ155" s="128"/>
      <c r="AK155" s="128"/>
      <c r="AL155" s="128"/>
      <c r="AM155" s="128"/>
      <c r="AN155" s="128"/>
      <c r="AO155" s="128"/>
      <c r="AP155" s="128"/>
      <c r="AQ155" s="128"/>
      <c r="AR155" s="128"/>
      <c r="AS155" s="128"/>
      <c r="AT155" s="128"/>
      <c r="AU155" s="128"/>
      <c r="AV155" s="128"/>
      <c r="AW155" s="128"/>
      <c r="AX155" s="129"/>
    </row>
    <row r="156" spans="1:113" s="23" customFormat="1" ht="10.8" customHeight="1">
      <c r="A156" s="34"/>
      <c r="B156" s="127"/>
      <c r="C156" s="128"/>
      <c r="D156" s="128"/>
      <c r="E156" s="128"/>
      <c r="F156" s="128"/>
      <c r="G156" s="128"/>
      <c r="H156" s="128"/>
      <c r="I156" s="128"/>
      <c r="J156" s="128"/>
      <c r="K156" s="128"/>
      <c r="L156" s="128"/>
      <c r="M156" s="128"/>
      <c r="N156" s="128"/>
      <c r="O156" s="128"/>
      <c r="P156" s="128"/>
      <c r="Q156" s="128"/>
      <c r="R156" s="128"/>
      <c r="S156" s="128"/>
      <c r="T156" s="128"/>
      <c r="U156" s="128"/>
      <c r="V156" s="128"/>
      <c r="W156" s="128"/>
      <c r="X156" s="128"/>
      <c r="Y156" s="128"/>
      <c r="Z156" s="128"/>
      <c r="AA156" s="128"/>
      <c r="AB156" s="128"/>
      <c r="AC156" s="128"/>
      <c r="AD156" s="128"/>
      <c r="AE156" s="128"/>
      <c r="AF156" s="128"/>
      <c r="AG156" s="128"/>
      <c r="AH156" s="128"/>
      <c r="AI156" s="128"/>
      <c r="AJ156" s="128"/>
      <c r="AK156" s="128"/>
      <c r="AL156" s="128"/>
      <c r="AM156" s="128"/>
      <c r="AN156" s="128"/>
      <c r="AO156" s="128"/>
      <c r="AP156" s="128"/>
      <c r="AQ156" s="128"/>
      <c r="AR156" s="128"/>
      <c r="AS156" s="128"/>
      <c r="AT156" s="128"/>
      <c r="AU156" s="128"/>
      <c r="AV156" s="128"/>
      <c r="AW156" s="128"/>
      <c r="AX156" s="129"/>
    </row>
    <row r="157" spans="1:113" s="23" customFormat="1" ht="10.8" customHeight="1">
      <c r="A157" s="34"/>
      <c r="B157" s="127"/>
      <c r="C157" s="128"/>
      <c r="D157" s="128"/>
      <c r="E157" s="128"/>
      <c r="F157" s="128"/>
      <c r="G157" s="128"/>
      <c r="H157" s="128"/>
      <c r="I157" s="128"/>
      <c r="J157" s="128"/>
      <c r="K157" s="128"/>
      <c r="L157" s="128"/>
      <c r="M157" s="128"/>
      <c r="N157" s="128"/>
      <c r="O157" s="128"/>
      <c r="P157" s="128"/>
      <c r="Q157" s="128"/>
      <c r="R157" s="128"/>
      <c r="S157" s="128"/>
      <c r="T157" s="128"/>
      <c r="U157" s="128"/>
      <c r="V157" s="128"/>
      <c r="W157" s="128"/>
      <c r="X157" s="128"/>
      <c r="Y157" s="128"/>
      <c r="Z157" s="128"/>
      <c r="AA157" s="128"/>
      <c r="AB157" s="128"/>
      <c r="AC157" s="128"/>
      <c r="AD157" s="128"/>
      <c r="AE157" s="128"/>
      <c r="AF157" s="128"/>
      <c r="AG157" s="128"/>
      <c r="AH157" s="128"/>
      <c r="AI157" s="128"/>
      <c r="AJ157" s="128"/>
      <c r="AK157" s="128"/>
      <c r="AL157" s="128"/>
      <c r="AM157" s="128"/>
      <c r="AN157" s="128"/>
      <c r="AO157" s="128"/>
      <c r="AP157" s="128"/>
      <c r="AQ157" s="128"/>
      <c r="AR157" s="128"/>
      <c r="AS157" s="128"/>
      <c r="AT157" s="128"/>
      <c r="AU157" s="128"/>
      <c r="AV157" s="128"/>
      <c r="AW157" s="128"/>
      <c r="AX157" s="129"/>
    </row>
    <row r="158" spans="1:113" s="23" customFormat="1" ht="10.8" customHeight="1">
      <c r="A158" s="34"/>
      <c r="B158" s="127"/>
      <c r="C158" s="128"/>
      <c r="D158" s="128"/>
      <c r="E158" s="128"/>
      <c r="F158" s="128"/>
      <c r="G158" s="128"/>
      <c r="H158" s="128"/>
      <c r="I158" s="128"/>
      <c r="J158" s="128"/>
      <c r="K158" s="128"/>
      <c r="L158" s="128"/>
      <c r="M158" s="128"/>
      <c r="N158" s="128"/>
      <c r="O158" s="128"/>
      <c r="P158" s="128"/>
      <c r="Q158" s="128"/>
      <c r="R158" s="128"/>
      <c r="S158" s="128"/>
      <c r="T158" s="128"/>
      <c r="U158" s="128"/>
      <c r="V158" s="128"/>
      <c r="W158" s="128"/>
      <c r="X158" s="128"/>
      <c r="Y158" s="128"/>
      <c r="Z158" s="128"/>
      <c r="AA158" s="128"/>
      <c r="AB158" s="128"/>
      <c r="AC158" s="128"/>
      <c r="AD158" s="128"/>
      <c r="AE158" s="128"/>
      <c r="AF158" s="128"/>
      <c r="AG158" s="128"/>
      <c r="AH158" s="128"/>
      <c r="AI158" s="128"/>
      <c r="AJ158" s="128"/>
      <c r="AK158" s="128"/>
      <c r="AL158" s="128"/>
      <c r="AM158" s="128"/>
      <c r="AN158" s="128"/>
      <c r="AO158" s="128"/>
      <c r="AP158" s="128"/>
      <c r="AQ158" s="128"/>
      <c r="AR158" s="128"/>
      <c r="AS158" s="128"/>
      <c r="AT158" s="128"/>
      <c r="AU158" s="128"/>
      <c r="AV158" s="128"/>
      <c r="AW158" s="128"/>
      <c r="AX158" s="129"/>
    </row>
    <row r="159" spans="1:113" s="23" customFormat="1" ht="10.8" customHeight="1">
      <c r="A159" s="34"/>
      <c r="B159" s="127"/>
      <c r="C159" s="128"/>
      <c r="D159" s="128"/>
      <c r="E159" s="128"/>
      <c r="F159" s="128"/>
      <c r="G159" s="128"/>
      <c r="H159" s="128"/>
      <c r="I159" s="128"/>
      <c r="J159" s="128"/>
      <c r="K159" s="128"/>
      <c r="L159" s="128"/>
      <c r="M159" s="128"/>
      <c r="N159" s="128"/>
      <c r="O159" s="128"/>
      <c r="P159" s="128"/>
      <c r="Q159" s="128"/>
      <c r="R159" s="128"/>
      <c r="S159" s="128"/>
      <c r="T159" s="128"/>
      <c r="U159" s="128"/>
      <c r="V159" s="128"/>
      <c r="W159" s="128"/>
      <c r="X159" s="128"/>
      <c r="Y159" s="128"/>
      <c r="Z159" s="128"/>
      <c r="AA159" s="128"/>
      <c r="AB159" s="128"/>
      <c r="AC159" s="128"/>
      <c r="AD159" s="128"/>
      <c r="AE159" s="128"/>
      <c r="AF159" s="128"/>
      <c r="AG159" s="128"/>
      <c r="AH159" s="128"/>
      <c r="AI159" s="128"/>
      <c r="AJ159" s="128"/>
      <c r="AK159" s="128"/>
      <c r="AL159" s="128"/>
      <c r="AM159" s="128"/>
      <c r="AN159" s="128"/>
      <c r="AO159" s="128"/>
      <c r="AP159" s="128"/>
      <c r="AQ159" s="128"/>
      <c r="AR159" s="128"/>
      <c r="AS159" s="128"/>
      <c r="AT159" s="128"/>
      <c r="AU159" s="128"/>
      <c r="AV159" s="128"/>
      <c r="AW159" s="128"/>
      <c r="AX159" s="129"/>
    </row>
    <row r="160" spans="1:113" s="23" customFormat="1" ht="15" thickBot="1">
      <c r="A160" s="38"/>
      <c r="B160" s="39"/>
      <c r="C160" s="40"/>
      <c r="D160" s="40"/>
      <c r="E160" s="40"/>
      <c r="F160" s="40"/>
      <c r="G160" s="40"/>
      <c r="H160" s="40"/>
      <c r="I160" s="40"/>
      <c r="J160" s="40"/>
      <c r="K160" s="40"/>
      <c r="L160" s="40"/>
      <c r="M160" s="40"/>
      <c r="N160" s="40"/>
      <c r="O160" s="40"/>
      <c r="P160" s="40"/>
      <c r="Q160" s="40"/>
      <c r="R160" s="40"/>
      <c r="S160" s="40"/>
      <c r="T160" s="40"/>
      <c r="U160" s="40"/>
      <c r="V160" s="40"/>
      <c r="W160" s="40"/>
      <c r="X160" s="40"/>
      <c r="Y160" s="40"/>
      <c r="Z160" s="40"/>
      <c r="AA160" s="40"/>
      <c r="AB160" s="40"/>
      <c r="AC160" s="40"/>
      <c r="AD160" s="40"/>
      <c r="AE160" s="40"/>
      <c r="AF160" s="40"/>
      <c r="AG160" s="40"/>
      <c r="AH160" s="40"/>
      <c r="AI160" s="40"/>
      <c r="AJ160" s="40"/>
      <c r="AK160" s="40"/>
      <c r="AL160" s="40"/>
      <c r="AM160" s="40"/>
      <c r="AN160" s="40"/>
      <c r="AO160" s="40"/>
      <c r="AP160" s="40"/>
      <c r="AQ160" s="40"/>
      <c r="AR160" s="40"/>
      <c r="AS160" s="40"/>
      <c r="AT160" s="40"/>
      <c r="AU160" s="40"/>
      <c r="AV160" s="40"/>
      <c r="AW160" s="40"/>
      <c r="AX160" s="41"/>
    </row>
    <row r="161" spans="1:251" s="23" customFormat="1" ht="13.2">
      <c r="B161" s="42"/>
    </row>
    <row r="162" spans="1:251" s="23" customFormat="1" ht="14.4">
      <c r="B162" s="33" t="s">
        <v>93</v>
      </c>
      <c r="C162" s="34"/>
      <c r="D162" s="34"/>
      <c r="E162" s="34"/>
      <c r="F162" s="34"/>
      <c r="G162" s="34"/>
      <c r="H162" s="34"/>
      <c r="I162" s="34"/>
      <c r="J162" s="34"/>
      <c r="K162" s="34"/>
      <c r="L162" s="35"/>
      <c r="M162" s="35"/>
      <c r="N162" s="35"/>
      <c r="O162" s="35"/>
      <c r="P162" s="34"/>
      <c r="Q162" s="34"/>
      <c r="R162" s="34"/>
      <c r="S162" s="34"/>
      <c r="T162" s="34"/>
      <c r="U162" s="34"/>
      <c r="V162" s="33"/>
      <c r="W162" s="33"/>
      <c r="X162" s="33"/>
      <c r="Y162" s="33"/>
      <c r="Z162" s="33"/>
      <c r="AA162" s="33"/>
      <c r="AB162" s="33"/>
      <c r="AC162" s="33"/>
      <c r="AD162" s="33"/>
      <c r="AE162" s="33"/>
      <c r="AF162" s="33"/>
      <c r="AG162" s="33"/>
      <c r="AH162" s="33"/>
      <c r="AI162" s="33"/>
      <c r="AJ162" s="33"/>
      <c r="AK162" s="33"/>
      <c r="AL162" s="33"/>
      <c r="AM162" s="33"/>
      <c r="AN162" s="33"/>
      <c r="AO162" s="33"/>
      <c r="AP162" s="33"/>
      <c r="AQ162" s="33"/>
      <c r="AR162" s="33"/>
      <c r="AS162" s="33"/>
      <c r="AT162" s="33"/>
      <c r="AU162" s="33"/>
      <c r="AV162" s="33"/>
      <c r="AW162" s="33"/>
      <c r="AX162" s="33"/>
    </row>
    <row r="163" spans="1:251" s="23" customFormat="1" ht="15" thickBot="1">
      <c r="B163" s="33"/>
      <c r="C163" s="34"/>
      <c r="D163" s="34"/>
      <c r="E163" s="34"/>
      <c r="F163" s="34"/>
      <c r="G163" s="34"/>
      <c r="H163" s="34"/>
      <c r="I163" s="34"/>
      <c r="J163" s="34"/>
      <c r="K163" s="34"/>
      <c r="L163" s="35"/>
      <c r="M163" s="35"/>
      <c r="N163" s="35"/>
      <c r="O163" s="35"/>
      <c r="P163" s="34"/>
      <c r="Q163" s="34"/>
      <c r="R163" s="34"/>
      <c r="S163" s="34"/>
      <c r="T163" s="34"/>
      <c r="U163" s="34"/>
      <c r="V163" s="33"/>
      <c r="W163" s="33"/>
      <c r="X163" s="33"/>
      <c r="Y163" s="33"/>
      <c r="Z163" s="33"/>
      <c r="AA163" s="33"/>
      <c r="AB163" s="33"/>
      <c r="AC163" s="33"/>
      <c r="AD163" s="33"/>
      <c r="AE163" s="33"/>
      <c r="AF163" s="33"/>
      <c r="AG163" s="33"/>
      <c r="AH163" s="33"/>
      <c r="AI163" s="33"/>
      <c r="AJ163" s="33"/>
      <c r="AK163" s="33"/>
      <c r="AL163" s="33"/>
      <c r="AM163" s="33"/>
      <c r="AN163" s="33"/>
      <c r="AO163" s="33"/>
      <c r="AP163" s="33"/>
      <c r="AQ163" s="33"/>
      <c r="AR163" s="33"/>
      <c r="AS163" s="33"/>
      <c r="AT163" s="33"/>
      <c r="AU163" s="33"/>
      <c r="AV163" s="33"/>
      <c r="AW163" s="33"/>
      <c r="AX163" s="43" t="s">
        <v>94</v>
      </c>
    </row>
    <row r="164" spans="1:251" s="50" customFormat="1" ht="13.5" customHeight="1">
      <c r="A164" s="34"/>
      <c r="B164" s="139" t="s">
        <v>95</v>
      </c>
      <c r="C164" s="203"/>
      <c r="D164" s="203"/>
      <c r="E164" s="203"/>
      <c r="F164" s="203"/>
      <c r="G164" s="203"/>
      <c r="H164" s="203"/>
      <c r="I164" s="203"/>
      <c r="J164" s="203"/>
      <c r="K164" s="203"/>
      <c r="L164" s="203"/>
      <c r="M164" s="203"/>
      <c r="N164" s="203"/>
      <c r="O164" s="203"/>
      <c r="P164" s="203"/>
      <c r="Q164" s="203"/>
      <c r="R164" s="203"/>
      <c r="S164" s="203"/>
      <c r="T164" s="203"/>
      <c r="U164" s="203"/>
      <c r="V164" s="203"/>
      <c r="W164" s="203"/>
      <c r="X164" s="203"/>
      <c r="Y164" s="203"/>
      <c r="Z164" s="204"/>
      <c r="AA164" s="145" t="s">
        <v>116</v>
      </c>
      <c r="AB164" s="203"/>
      <c r="AC164" s="203"/>
      <c r="AD164" s="203"/>
      <c r="AE164" s="203"/>
      <c r="AF164" s="203"/>
      <c r="AG164" s="203"/>
      <c r="AH164" s="203"/>
      <c r="AI164" s="204"/>
      <c r="AJ164" s="145" t="s">
        <v>117</v>
      </c>
      <c r="AK164" s="203"/>
      <c r="AL164" s="203"/>
      <c r="AM164" s="203"/>
      <c r="AN164" s="203"/>
      <c r="AO164" s="203"/>
      <c r="AP164" s="203"/>
      <c r="AQ164" s="203"/>
      <c r="AR164" s="204"/>
      <c r="AS164" s="145" t="s">
        <v>98</v>
      </c>
      <c r="AT164" s="203"/>
      <c r="AU164" s="203"/>
      <c r="AV164" s="203"/>
      <c r="AW164" s="203"/>
      <c r="AX164" s="209"/>
      <c r="AY164" s="23"/>
      <c r="AZ164" s="23"/>
      <c r="BA164" s="23"/>
      <c r="BB164" s="23"/>
      <c r="BC164" s="23"/>
      <c r="BD164" s="23"/>
      <c r="BE164" s="23"/>
      <c r="BF164" s="23"/>
      <c r="BG164" s="23"/>
      <c r="BH164" s="23"/>
      <c r="BI164" s="23"/>
      <c r="BJ164" s="23"/>
      <c r="BK164" s="23"/>
      <c r="BL164" s="23"/>
      <c r="BM164" s="23"/>
      <c r="BN164" s="23"/>
      <c r="BO164" s="23"/>
      <c r="BP164" s="23"/>
      <c r="BQ164" s="23"/>
      <c r="BR164" s="23"/>
      <c r="BS164" s="23"/>
      <c r="BT164" s="23"/>
      <c r="BU164" s="23"/>
      <c r="BV164" s="23"/>
      <c r="BW164" s="23"/>
      <c r="BX164" s="23"/>
      <c r="BY164" s="23"/>
      <c r="BZ164" s="23"/>
      <c r="CA164" s="23"/>
      <c r="CB164" s="23"/>
      <c r="CC164" s="23"/>
      <c r="CD164" s="23"/>
      <c r="CE164" s="23"/>
      <c r="CF164" s="23"/>
      <c r="CG164" s="23"/>
      <c r="CH164" s="23"/>
      <c r="CI164" s="23"/>
      <c r="CJ164" s="23"/>
      <c r="CK164" s="23"/>
      <c r="CL164" s="23"/>
      <c r="CM164" s="23"/>
      <c r="CN164" s="23"/>
      <c r="CO164" s="23"/>
      <c r="CP164" s="23"/>
      <c r="CQ164" s="23"/>
      <c r="CR164" s="23"/>
      <c r="CS164" s="23"/>
      <c r="CT164" s="23"/>
      <c r="CU164" s="23"/>
      <c r="CV164" s="23"/>
      <c r="CW164" s="23"/>
      <c r="CX164" s="23"/>
      <c r="CY164" s="23"/>
      <c r="CZ164" s="23"/>
      <c r="DA164" s="23"/>
      <c r="DB164" s="23"/>
      <c r="DC164" s="23"/>
      <c r="DD164" s="23"/>
      <c r="DE164" s="23"/>
      <c r="DF164" s="23"/>
      <c r="DG164" s="23"/>
      <c r="DH164" s="23"/>
      <c r="DI164" s="23"/>
      <c r="DJ164" s="23"/>
      <c r="DK164" s="23"/>
      <c r="DL164" s="23"/>
      <c r="DM164" s="23"/>
      <c r="DN164" s="23"/>
      <c r="DO164" s="23"/>
      <c r="DP164" s="23"/>
      <c r="DQ164" s="23"/>
      <c r="DR164" s="23"/>
      <c r="DS164" s="23"/>
      <c r="DT164" s="23"/>
      <c r="DU164" s="23"/>
      <c r="DV164" s="23"/>
      <c r="DW164" s="23"/>
      <c r="DX164" s="23"/>
      <c r="DY164" s="23"/>
      <c r="DZ164" s="23"/>
      <c r="EA164" s="23"/>
      <c r="EB164" s="23"/>
      <c r="EC164" s="23"/>
      <c r="ED164" s="23"/>
      <c r="EE164" s="23"/>
      <c r="EF164" s="23"/>
      <c r="EG164" s="23"/>
      <c r="EH164" s="23"/>
      <c r="EI164" s="23"/>
      <c r="EJ164" s="23"/>
      <c r="EK164" s="23"/>
      <c r="EL164" s="23"/>
      <c r="EM164" s="23"/>
      <c r="EN164" s="23"/>
      <c r="EO164" s="23"/>
      <c r="EP164" s="23"/>
      <c r="EQ164" s="23"/>
      <c r="ER164" s="23"/>
      <c r="ES164" s="23"/>
      <c r="ET164" s="23"/>
      <c r="EU164" s="23"/>
      <c r="EV164" s="23"/>
      <c r="EW164" s="23"/>
      <c r="EX164" s="23"/>
      <c r="EY164" s="23"/>
      <c r="EZ164" s="23"/>
      <c r="FA164" s="23"/>
      <c r="FB164" s="23"/>
      <c r="FC164" s="23"/>
      <c r="FD164" s="23"/>
      <c r="FE164" s="23"/>
      <c r="FF164" s="23"/>
      <c r="FG164" s="23"/>
      <c r="FH164" s="23"/>
      <c r="FI164" s="23"/>
      <c r="FJ164" s="23"/>
      <c r="FK164" s="23"/>
      <c r="FL164" s="23"/>
      <c r="FM164" s="23"/>
      <c r="FN164" s="23"/>
      <c r="FO164" s="23"/>
      <c r="FP164" s="23"/>
      <c r="FQ164" s="23"/>
      <c r="FR164" s="23"/>
      <c r="FS164" s="23"/>
      <c r="FT164" s="23"/>
      <c r="FU164" s="23"/>
      <c r="FV164" s="23"/>
      <c r="FW164" s="23"/>
      <c r="FX164" s="23"/>
      <c r="FY164" s="23"/>
      <c r="FZ164" s="23"/>
      <c r="GA164" s="23"/>
      <c r="GB164" s="23"/>
      <c r="GC164" s="23"/>
      <c r="GD164" s="23"/>
      <c r="GE164" s="23"/>
      <c r="GF164" s="23"/>
      <c r="GG164" s="23"/>
      <c r="GH164" s="23"/>
      <c r="GI164" s="23"/>
      <c r="GJ164" s="23"/>
      <c r="GK164" s="23"/>
      <c r="GL164" s="23"/>
      <c r="GM164" s="23"/>
      <c r="GN164" s="23"/>
      <c r="GO164" s="23"/>
      <c r="GP164" s="23"/>
      <c r="GQ164" s="23"/>
      <c r="GR164" s="23"/>
      <c r="GS164" s="23"/>
      <c r="GT164" s="23"/>
      <c r="GU164" s="23"/>
      <c r="GV164" s="23"/>
      <c r="GW164" s="23"/>
      <c r="GX164" s="23"/>
      <c r="GY164" s="23"/>
      <c r="GZ164" s="23"/>
      <c r="HA164" s="23"/>
      <c r="HB164" s="23"/>
      <c r="HC164" s="23"/>
      <c r="HD164" s="23"/>
      <c r="HE164" s="23"/>
      <c r="HF164" s="23"/>
      <c r="HG164" s="23"/>
      <c r="HH164" s="23"/>
      <c r="HI164" s="23"/>
      <c r="HJ164" s="23"/>
      <c r="HK164" s="23"/>
      <c r="HL164" s="23"/>
      <c r="HM164" s="23"/>
      <c r="HN164" s="23"/>
      <c r="HO164" s="23"/>
      <c r="HP164" s="23"/>
      <c r="HQ164" s="23"/>
      <c r="HR164" s="23"/>
      <c r="HS164" s="23"/>
      <c r="HT164" s="23"/>
      <c r="HU164" s="23"/>
      <c r="HV164" s="23"/>
      <c r="HW164" s="23"/>
      <c r="HX164" s="23"/>
      <c r="HY164" s="23"/>
      <c r="HZ164" s="23"/>
      <c r="IA164" s="23"/>
      <c r="IB164" s="23"/>
      <c r="IC164" s="23"/>
      <c r="ID164" s="23"/>
      <c r="IE164" s="23"/>
      <c r="IF164" s="23"/>
      <c r="IG164" s="23"/>
      <c r="IH164" s="23"/>
      <c r="II164" s="23"/>
      <c r="IJ164" s="23"/>
      <c r="IK164" s="23"/>
      <c r="IL164" s="23"/>
      <c r="IM164" s="23"/>
      <c r="IN164" s="23"/>
      <c r="IO164" s="23"/>
      <c r="IP164" s="23"/>
      <c r="IQ164" s="23"/>
    </row>
    <row r="165" spans="1:251" s="50" customFormat="1">
      <c r="A165" s="34"/>
      <c r="B165" s="205"/>
      <c r="C165" s="206"/>
      <c r="D165" s="206"/>
      <c r="E165" s="206"/>
      <c r="F165" s="206"/>
      <c r="G165" s="206"/>
      <c r="H165" s="206"/>
      <c r="I165" s="206"/>
      <c r="J165" s="206"/>
      <c r="K165" s="206"/>
      <c r="L165" s="206"/>
      <c r="M165" s="206"/>
      <c r="N165" s="206"/>
      <c r="O165" s="206"/>
      <c r="P165" s="206"/>
      <c r="Q165" s="206"/>
      <c r="R165" s="206"/>
      <c r="S165" s="206"/>
      <c r="T165" s="206"/>
      <c r="U165" s="206"/>
      <c r="V165" s="206"/>
      <c r="W165" s="206"/>
      <c r="X165" s="206"/>
      <c r="Y165" s="206"/>
      <c r="Z165" s="207"/>
      <c r="AA165" s="208"/>
      <c r="AB165" s="206"/>
      <c r="AC165" s="206"/>
      <c r="AD165" s="206"/>
      <c r="AE165" s="206"/>
      <c r="AF165" s="206"/>
      <c r="AG165" s="206"/>
      <c r="AH165" s="206"/>
      <c r="AI165" s="207"/>
      <c r="AJ165" s="208"/>
      <c r="AK165" s="206"/>
      <c r="AL165" s="206"/>
      <c r="AM165" s="206"/>
      <c r="AN165" s="206"/>
      <c r="AO165" s="206"/>
      <c r="AP165" s="206"/>
      <c r="AQ165" s="206"/>
      <c r="AR165" s="207"/>
      <c r="AS165" s="208"/>
      <c r="AT165" s="206"/>
      <c r="AU165" s="206"/>
      <c r="AV165" s="206"/>
      <c r="AW165" s="206"/>
      <c r="AX165" s="210"/>
      <c r="AY165" s="23"/>
      <c r="AZ165" s="23"/>
      <c r="BA165" s="23"/>
      <c r="BB165"/>
      <c r="BC165" s="45"/>
      <c r="BE165" s="23"/>
      <c r="BF165" s="23"/>
      <c r="BG165" s="23"/>
      <c r="BH165" s="23"/>
      <c r="BI165" s="23"/>
      <c r="BJ165" s="23"/>
      <c r="BK165" s="23"/>
      <c r="BL165" s="23"/>
      <c r="BM165" s="23"/>
      <c r="BN165" s="23"/>
      <c r="BO165" s="23"/>
      <c r="BP165" s="23"/>
      <c r="BQ165" s="23"/>
      <c r="BR165" s="23"/>
      <c r="BS165" s="23"/>
      <c r="BT165" s="23"/>
      <c r="BU165" s="23"/>
      <c r="BV165" s="23"/>
      <c r="BW165" s="23"/>
      <c r="BX165" s="23"/>
      <c r="BY165" s="23"/>
      <c r="BZ165" s="23"/>
      <c r="CA165" s="23"/>
      <c r="CB165" s="23"/>
      <c r="CC165" s="23"/>
      <c r="CD165" s="23"/>
      <c r="CE165" s="23"/>
      <c r="CF165" s="23"/>
      <c r="CG165" s="23"/>
      <c r="CH165" s="23"/>
      <c r="CI165" s="23"/>
      <c r="CJ165" s="23"/>
      <c r="CK165" s="23"/>
      <c r="CL165" s="23"/>
      <c r="CM165" s="23"/>
      <c r="CN165" s="23"/>
      <c r="CO165" s="23"/>
      <c r="CP165" s="23"/>
      <c r="CQ165" s="23"/>
      <c r="CR165" s="23"/>
      <c r="CS165" s="23"/>
      <c r="CT165" s="23"/>
      <c r="CU165" s="23"/>
      <c r="CV165" s="23"/>
      <c r="CW165" s="23"/>
      <c r="CX165" s="23"/>
      <c r="CY165" s="23"/>
      <c r="CZ165" s="23"/>
      <c r="DA165" s="23"/>
      <c r="DB165" s="23"/>
      <c r="DC165" s="23"/>
      <c r="DD165" s="23"/>
      <c r="DE165" s="23"/>
      <c r="DF165" s="23"/>
      <c r="DG165" s="23"/>
      <c r="DH165" s="23"/>
      <c r="DI165" s="23"/>
      <c r="DJ165" s="23"/>
      <c r="DK165" s="23"/>
      <c r="DL165" s="23"/>
      <c r="DM165" s="23"/>
      <c r="DN165" s="23"/>
      <c r="DO165" s="23"/>
      <c r="DP165" s="23"/>
      <c r="DQ165" s="23"/>
      <c r="DR165" s="23"/>
      <c r="DS165" s="23"/>
      <c r="DT165" s="23"/>
      <c r="DU165" s="23"/>
      <c r="DV165" s="23"/>
      <c r="DW165" s="23"/>
      <c r="DX165" s="23"/>
      <c r="DY165" s="23"/>
      <c r="DZ165" s="23"/>
      <c r="EA165" s="23"/>
      <c r="EB165" s="23"/>
      <c r="EC165" s="23"/>
      <c r="ED165" s="23"/>
      <c r="EE165" s="23"/>
      <c r="EF165" s="23"/>
      <c r="EG165" s="23"/>
      <c r="EH165" s="23"/>
      <c r="EI165" s="23"/>
      <c r="EJ165" s="23"/>
      <c r="EK165" s="23"/>
      <c r="EL165" s="23"/>
      <c r="EM165" s="23"/>
      <c r="EN165" s="23"/>
      <c r="EO165" s="23"/>
      <c r="EP165" s="23"/>
      <c r="EQ165" s="23"/>
      <c r="ER165" s="23"/>
      <c r="ES165" s="23"/>
      <c r="ET165" s="23"/>
      <c r="EU165" s="23"/>
      <c r="EV165" s="23"/>
      <c r="EW165" s="23"/>
      <c r="EX165" s="23"/>
      <c r="EY165" s="23"/>
      <c r="EZ165" s="23"/>
      <c r="FA165" s="23"/>
      <c r="FB165" s="23"/>
      <c r="FC165" s="23"/>
      <c r="FD165" s="23"/>
      <c r="FE165" s="23"/>
      <c r="FF165" s="23"/>
      <c r="FG165" s="23"/>
      <c r="FH165" s="23"/>
      <c r="FI165" s="23"/>
      <c r="FJ165" s="23"/>
      <c r="FK165" s="23"/>
      <c r="FL165" s="23"/>
      <c r="FM165" s="23"/>
      <c r="FN165" s="23"/>
      <c r="FO165" s="23"/>
      <c r="FP165" s="23"/>
      <c r="FQ165" s="23"/>
      <c r="FR165" s="23"/>
      <c r="FS165" s="23"/>
      <c r="FT165" s="23"/>
      <c r="FU165" s="23"/>
      <c r="FV165" s="23"/>
      <c r="FW165" s="23"/>
      <c r="FX165" s="23"/>
      <c r="FY165" s="23"/>
      <c r="FZ165" s="23"/>
      <c r="GA165" s="23"/>
      <c r="GB165" s="23"/>
      <c r="GC165" s="23"/>
      <c r="GD165" s="23"/>
      <c r="GE165" s="23"/>
      <c r="GF165" s="23"/>
      <c r="GG165" s="23"/>
      <c r="GH165" s="23"/>
      <c r="GI165" s="23"/>
      <c r="GJ165" s="23"/>
      <c r="GK165" s="23"/>
      <c r="GL165" s="23"/>
      <c r="GM165" s="23"/>
      <c r="GN165" s="23"/>
      <c r="GO165" s="23"/>
      <c r="GP165" s="23"/>
      <c r="GQ165" s="23"/>
      <c r="GR165" s="23"/>
      <c r="GS165" s="23"/>
      <c r="GT165" s="23"/>
      <c r="GU165" s="23"/>
      <c r="GV165" s="23"/>
      <c r="GW165" s="23"/>
      <c r="GX165" s="23"/>
      <c r="GY165" s="23"/>
      <c r="GZ165" s="23"/>
      <c r="HA165" s="23"/>
      <c r="HB165" s="23"/>
      <c r="HC165" s="23"/>
      <c r="HD165" s="23"/>
      <c r="HE165" s="23"/>
      <c r="HF165" s="23"/>
      <c r="HG165" s="23"/>
      <c r="HH165" s="23"/>
      <c r="HI165" s="23"/>
      <c r="HJ165" s="23"/>
      <c r="HK165" s="23"/>
      <c r="HL165" s="23"/>
      <c r="HM165" s="23"/>
      <c r="HN165" s="23"/>
      <c r="HO165" s="23"/>
      <c r="HP165" s="23"/>
      <c r="HQ165" s="23"/>
      <c r="HR165" s="23"/>
      <c r="HS165" s="23"/>
      <c r="HT165" s="23"/>
      <c r="HU165" s="23"/>
      <c r="HV165" s="23"/>
      <c r="HW165" s="23"/>
      <c r="HX165" s="23"/>
      <c r="HY165" s="23"/>
      <c r="HZ165" s="23"/>
      <c r="IA165" s="23"/>
      <c r="IB165" s="23"/>
      <c r="IC165" s="23"/>
      <c r="ID165" s="23"/>
      <c r="IE165" s="23"/>
      <c r="IF165" s="23"/>
      <c r="IG165" s="23"/>
      <c r="IH165" s="23"/>
      <c r="II165" s="23"/>
      <c r="IJ165" s="23"/>
      <c r="IK165" s="23"/>
      <c r="IL165" s="23"/>
      <c r="IM165" s="23"/>
      <c r="IN165" s="23"/>
      <c r="IO165" s="23"/>
      <c r="IP165" s="23"/>
      <c r="IQ165" s="23"/>
    </row>
    <row r="166" spans="1:251" s="50" customFormat="1" ht="18.75" customHeight="1">
      <c r="A166" s="34"/>
      <c r="B166" s="46"/>
      <c r="C166" s="130" t="s">
        <v>118</v>
      </c>
      <c r="D166" s="130"/>
      <c r="E166" s="130"/>
      <c r="F166" s="130"/>
      <c r="G166" s="130"/>
      <c r="H166" s="130"/>
      <c r="I166" s="130"/>
      <c r="J166" s="130"/>
      <c r="K166" s="130"/>
      <c r="L166" s="130"/>
      <c r="M166" s="130"/>
      <c r="N166" s="130"/>
      <c r="O166" s="130"/>
      <c r="P166" s="130"/>
      <c r="Q166" s="130"/>
      <c r="R166" s="130"/>
      <c r="S166" s="130"/>
      <c r="T166" s="130"/>
      <c r="U166" s="130"/>
      <c r="V166" s="130"/>
      <c r="W166" s="130"/>
      <c r="X166" s="130"/>
      <c r="Y166" s="130"/>
      <c r="Z166" s="131"/>
      <c r="AA166" s="132">
        <v>287392</v>
      </c>
      <c r="AB166" s="196"/>
      <c r="AC166" s="196"/>
      <c r="AD166" s="196"/>
      <c r="AE166" s="196"/>
      <c r="AF166" s="196"/>
      <c r="AG166" s="196"/>
      <c r="AH166" s="196"/>
      <c r="AI166" s="197"/>
      <c r="AJ166" s="220">
        <v>328804</v>
      </c>
      <c r="AK166" s="221"/>
      <c r="AL166" s="221"/>
      <c r="AM166" s="221"/>
      <c r="AN166" s="221"/>
      <c r="AO166" s="221"/>
      <c r="AP166" s="221"/>
      <c r="AQ166" s="221"/>
      <c r="AR166" s="222"/>
      <c r="AS166" s="132"/>
      <c r="AT166" s="196"/>
      <c r="AU166" s="196"/>
      <c r="AV166" s="196"/>
      <c r="AW166" s="196"/>
      <c r="AX166" s="202"/>
      <c r="AY166" s="23"/>
      <c r="AZ166" s="23"/>
      <c r="BA166" s="23"/>
      <c r="BB166" s="23"/>
      <c r="BC166" s="23"/>
      <c r="BD166" s="23"/>
      <c r="BE166" s="23"/>
      <c r="BF166" s="23"/>
      <c r="BG166" s="23"/>
      <c r="BH166" s="23"/>
      <c r="BI166" s="23"/>
      <c r="BJ166" s="23"/>
      <c r="BK166" s="23"/>
      <c r="BL166" s="23"/>
      <c r="BM166" s="23"/>
      <c r="BN166" s="23"/>
      <c r="BO166" s="23"/>
      <c r="BP166" s="23"/>
      <c r="BQ166" s="23"/>
      <c r="BR166" s="23"/>
      <c r="BS166" s="23"/>
      <c r="BT166" s="23"/>
      <c r="BU166" s="23"/>
      <c r="BV166" s="23"/>
      <c r="BW166" s="23"/>
      <c r="BX166" s="23"/>
      <c r="BY166" s="23"/>
      <c r="BZ166" s="23"/>
      <c r="CA166" s="23"/>
      <c r="CB166" s="23"/>
      <c r="CC166" s="23"/>
      <c r="CD166" s="23"/>
      <c r="CE166" s="23"/>
      <c r="CF166" s="23"/>
      <c r="CG166" s="23"/>
      <c r="CH166" s="23"/>
      <c r="CI166" s="23"/>
      <c r="CJ166" s="23"/>
      <c r="CK166" s="23"/>
      <c r="CL166" s="23"/>
      <c r="CM166" s="23"/>
      <c r="CN166" s="23"/>
      <c r="CO166" s="23"/>
      <c r="CP166" s="23"/>
      <c r="CQ166" s="23"/>
      <c r="CR166" s="23"/>
      <c r="CS166" s="23"/>
      <c r="CT166" s="23"/>
      <c r="CU166" s="23"/>
      <c r="CV166" s="23"/>
      <c r="CW166" s="23"/>
      <c r="CX166" s="23"/>
      <c r="CY166" s="23"/>
      <c r="CZ166" s="23"/>
      <c r="DA166" s="23"/>
      <c r="DB166" s="23"/>
      <c r="DC166" s="23"/>
      <c r="DD166" s="23"/>
      <c r="DE166" s="23"/>
      <c r="DF166" s="23"/>
      <c r="DG166" s="23"/>
      <c r="DH166" s="23"/>
      <c r="DI166" s="23"/>
      <c r="DJ166" s="23"/>
      <c r="DK166" s="23"/>
      <c r="DL166" s="23"/>
      <c r="DM166" s="23"/>
      <c r="DN166" s="23"/>
      <c r="DO166" s="23"/>
      <c r="DP166" s="23"/>
      <c r="DQ166" s="23"/>
      <c r="DR166" s="23"/>
      <c r="DS166" s="23"/>
      <c r="DT166" s="23"/>
      <c r="DU166" s="23"/>
      <c r="DV166" s="23"/>
      <c r="DW166" s="23"/>
      <c r="DX166" s="23"/>
      <c r="DY166" s="23"/>
      <c r="DZ166" s="23"/>
      <c r="EA166" s="23"/>
      <c r="EB166" s="23"/>
      <c r="EC166" s="23"/>
      <c r="ED166" s="23"/>
      <c r="EE166" s="23"/>
      <c r="EF166" s="23"/>
      <c r="EG166" s="23"/>
      <c r="EH166" s="23"/>
      <c r="EI166" s="23"/>
      <c r="EJ166" s="23"/>
      <c r="EK166" s="23"/>
      <c r="EL166" s="23"/>
      <c r="EM166" s="23"/>
      <c r="EN166" s="23"/>
      <c r="EO166" s="23"/>
      <c r="EP166" s="23"/>
      <c r="EQ166" s="23"/>
      <c r="ER166" s="23"/>
      <c r="ES166" s="23"/>
      <c r="ET166" s="23"/>
      <c r="EU166" s="23"/>
      <c r="EV166" s="23"/>
      <c r="EW166" s="23"/>
      <c r="EX166" s="23"/>
      <c r="EY166" s="23"/>
      <c r="EZ166" s="23"/>
      <c r="FA166" s="23"/>
      <c r="FB166" s="23"/>
      <c r="FC166" s="23"/>
      <c r="FD166" s="23"/>
      <c r="FE166" s="23"/>
      <c r="FF166" s="23"/>
      <c r="FG166" s="23"/>
      <c r="FH166" s="23"/>
      <c r="FI166" s="23"/>
      <c r="FJ166" s="23"/>
      <c r="FK166" s="23"/>
      <c r="FL166" s="23"/>
      <c r="FM166" s="23"/>
      <c r="FN166" s="23"/>
      <c r="FO166" s="23"/>
      <c r="FP166" s="23"/>
      <c r="FQ166" s="23"/>
      <c r="FR166" s="23"/>
      <c r="FS166" s="23"/>
      <c r="FT166" s="23"/>
      <c r="FU166" s="23"/>
      <c r="FV166" s="23"/>
      <c r="FW166" s="23"/>
      <c r="FX166" s="23"/>
      <c r="FY166" s="23"/>
      <c r="FZ166" s="23"/>
      <c r="GA166" s="23"/>
      <c r="GB166" s="23"/>
      <c r="GC166" s="23"/>
      <c r="GD166" s="23"/>
      <c r="GE166" s="23"/>
      <c r="GF166" s="23"/>
      <c r="GG166" s="23"/>
      <c r="GH166" s="23"/>
      <c r="GI166" s="23"/>
      <c r="GJ166" s="23"/>
      <c r="GK166" s="23"/>
      <c r="GL166" s="23"/>
      <c r="GM166" s="23"/>
      <c r="GN166" s="23"/>
      <c r="GO166" s="23"/>
      <c r="GP166" s="23"/>
      <c r="GQ166" s="23"/>
      <c r="GR166" s="23"/>
      <c r="GS166" s="23"/>
      <c r="GT166" s="23"/>
      <c r="GU166" s="23"/>
      <c r="GV166" s="23"/>
      <c r="GW166" s="23"/>
      <c r="GX166" s="23"/>
      <c r="GY166" s="23"/>
      <c r="GZ166" s="23"/>
      <c r="HA166" s="23"/>
      <c r="HB166" s="23"/>
      <c r="HC166" s="23"/>
      <c r="HD166" s="23"/>
      <c r="HE166" s="23"/>
      <c r="HF166" s="23"/>
      <c r="HG166" s="23"/>
      <c r="HH166" s="23"/>
      <c r="HI166" s="23"/>
      <c r="HJ166" s="23"/>
      <c r="HK166" s="23"/>
      <c r="HL166" s="23"/>
      <c r="HM166" s="23"/>
      <c r="HN166" s="23"/>
      <c r="HO166" s="23"/>
      <c r="HP166" s="23"/>
      <c r="HQ166" s="23"/>
      <c r="HR166" s="23"/>
      <c r="HS166" s="23"/>
      <c r="HT166" s="23"/>
      <c r="HU166" s="23"/>
      <c r="HV166" s="23"/>
      <c r="HW166" s="23"/>
      <c r="HX166" s="23"/>
      <c r="HY166" s="23"/>
      <c r="HZ166" s="23"/>
      <c r="IA166" s="23"/>
      <c r="IB166" s="23"/>
      <c r="IC166" s="23"/>
      <c r="ID166" s="23"/>
      <c r="IE166" s="23"/>
      <c r="IF166" s="23"/>
      <c r="IG166" s="23"/>
      <c r="IH166" s="23"/>
      <c r="II166" s="23"/>
      <c r="IJ166" s="23"/>
      <c r="IK166" s="23"/>
      <c r="IL166" s="23"/>
      <c r="IM166" s="23"/>
      <c r="IN166" s="23"/>
      <c r="IO166" s="23"/>
      <c r="IP166" s="23"/>
      <c r="IQ166" s="23"/>
    </row>
    <row r="167" spans="1:251" s="50" customFormat="1" ht="18.75" customHeight="1">
      <c r="A167" s="34"/>
      <c r="B167" s="47"/>
      <c r="C167" s="130" t="s">
        <v>119</v>
      </c>
      <c r="D167" s="130"/>
      <c r="E167" s="130"/>
      <c r="F167" s="130"/>
      <c r="G167" s="130"/>
      <c r="H167" s="130"/>
      <c r="I167" s="130"/>
      <c r="J167" s="130"/>
      <c r="K167" s="130"/>
      <c r="L167" s="130"/>
      <c r="M167" s="130"/>
      <c r="N167" s="130"/>
      <c r="O167" s="130"/>
      <c r="P167" s="130"/>
      <c r="Q167" s="130"/>
      <c r="R167" s="130"/>
      <c r="S167" s="130"/>
      <c r="T167" s="130"/>
      <c r="U167" s="130"/>
      <c r="V167" s="130"/>
      <c r="W167" s="130"/>
      <c r="X167" s="130"/>
      <c r="Y167" s="130"/>
      <c r="Z167" s="131"/>
      <c r="AA167" s="132">
        <v>42114</v>
      </c>
      <c r="AB167" s="200"/>
      <c r="AC167" s="200"/>
      <c r="AD167" s="200"/>
      <c r="AE167" s="200"/>
      <c r="AF167" s="200"/>
      <c r="AG167" s="200"/>
      <c r="AH167" s="200"/>
      <c r="AI167" s="201"/>
      <c r="AJ167" s="132">
        <v>42114</v>
      </c>
      <c r="AK167" s="196"/>
      <c r="AL167" s="196"/>
      <c r="AM167" s="196"/>
      <c r="AN167" s="196"/>
      <c r="AO167" s="196"/>
      <c r="AP167" s="196"/>
      <c r="AQ167" s="196"/>
      <c r="AR167" s="197"/>
      <c r="AS167" s="132"/>
      <c r="AT167" s="196"/>
      <c r="AU167" s="196"/>
      <c r="AV167" s="196"/>
      <c r="AW167" s="196"/>
      <c r="AX167" s="202"/>
      <c r="AY167" s="23"/>
      <c r="AZ167" s="23"/>
      <c r="BA167" s="23"/>
      <c r="BB167" s="23"/>
      <c r="BC167" s="23"/>
      <c r="BD167" s="23"/>
      <c r="BE167" s="23"/>
      <c r="BF167" s="23"/>
      <c r="BG167" s="23"/>
      <c r="BH167" s="23"/>
      <c r="BI167" s="23"/>
      <c r="BJ167" s="23"/>
      <c r="BK167" s="23"/>
      <c r="BL167" s="23"/>
      <c r="BM167" s="23"/>
      <c r="BN167" s="23"/>
      <c r="BO167" s="23"/>
      <c r="BP167" s="23"/>
      <c r="BQ167" s="23"/>
      <c r="BR167" s="23"/>
      <c r="BS167" s="23"/>
      <c r="BT167" s="23"/>
      <c r="BU167" s="23"/>
      <c r="BV167" s="23"/>
      <c r="BW167" s="23"/>
      <c r="BX167" s="23"/>
      <c r="BY167" s="23"/>
      <c r="BZ167" s="23"/>
      <c r="CA167" s="23"/>
      <c r="CB167" s="23"/>
      <c r="CC167" s="23"/>
      <c r="CD167" s="23"/>
      <c r="CE167" s="23"/>
      <c r="CF167" s="23"/>
      <c r="CG167" s="23"/>
      <c r="CH167" s="23"/>
      <c r="CI167" s="23"/>
      <c r="CJ167" s="23"/>
      <c r="CK167" s="23"/>
      <c r="CL167" s="23"/>
      <c r="CM167" s="23"/>
      <c r="CN167" s="23"/>
      <c r="CO167" s="23"/>
      <c r="CP167" s="23"/>
      <c r="CQ167" s="23"/>
      <c r="CR167" s="23"/>
      <c r="CS167" s="23"/>
      <c r="CT167" s="23"/>
      <c r="CU167" s="23"/>
      <c r="CV167" s="23"/>
      <c r="CW167" s="23"/>
      <c r="CX167" s="23"/>
      <c r="CY167" s="23"/>
      <c r="CZ167" s="23"/>
      <c r="DA167" s="23"/>
      <c r="DB167" s="23"/>
      <c r="DC167" s="23"/>
      <c r="DD167" s="23"/>
      <c r="DE167" s="23"/>
      <c r="DF167" s="23"/>
      <c r="DG167" s="23"/>
      <c r="DH167" s="23"/>
      <c r="DI167" s="23"/>
      <c r="DJ167" s="23"/>
      <c r="DK167" s="23"/>
      <c r="DL167" s="23"/>
      <c r="DM167" s="23"/>
      <c r="DN167" s="23"/>
      <c r="DO167" s="23"/>
      <c r="DP167" s="23"/>
      <c r="DQ167" s="23"/>
      <c r="DR167" s="23"/>
      <c r="DS167" s="23"/>
      <c r="DT167" s="23"/>
      <c r="DU167" s="23"/>
      <c r="DV167" s="23"/>
      <c r="DW167" s="23"/>
      <c r="DX167" s="23"/>
      <c r="DY167" s="23"/>
      <c r="DZ167" s="23"/>
      <c r="EA167" s="23"/>
      <c r="EB167" s="23"/>
      <c r="EC167" s="23"/>
      <c r="ED167" s="23"/>
      <c r="EE167" s="23"/>
      <c r="EF167" s="23"/>
      <c r="EG167" s="23"/>
      <c r="EH167" s="23"/>
      <c r="EI167" s="23"/>
      <c r="EJ167" s="23"/>
      <c r="EK167" s="23"/>
      <c r="EL167" s="23"/>
      <c r="EM167" s="23"/>
      <c r="EN167" s="23"/>
      <c r="EO167" s="23"/>
      <c r="EP167" s="23"/>
      <c r="EQ167" s="23"/>
      <c r="ER167" s="23"/>
      <c r="ES167" s="23"/>
      <c r="ET167" s="23"/>
      <c r="EU167" s="23"/>
      <c r="EV167" s="23"/>
      <c r="EW167" s="23"/>
      <c r="EX167" s="23"/>
      <c r="EY167" s="23"/>
      <c r="EZ167" s="23"/>
      <c r="FA167" s="23"/>
      <c r="FB167" s="23"/>
      <c r="FC167" s="23"/>
      <c r="FD167" s="23"/>
      <c r="FE167" s="23"/>
      <c r="FF167" s="23"/>
      <c r="FG167" s="23"/>
      <c r="FH167" s="23"/>
      <c r="FI167" s="23"/>
      <c r="FJ167" s="23"/>
      <c r="FK167" s="23"/>
      <c r="FL167" s="23"/>
      <c r="FM167" s="23"/>
      <c r="FN167" s="23"/>
      <c r="FO167" s="23"/>
      <c r="FP167" s="23"/>
      <c r="FQ167" s="23"/>
      <c r="FR167" s="23"/>
      <c r="FS167" s="23"/>
      <c r="FT167" s="23"/>
      <c r="FU167" s="23"/>
      <c r="FV167" s="23"/>
      <c r="FW167" s="23"/>
      <c r="FX167" s="23"/>
      <c r="FY167" s="23"/>
      <c r="FZ167" s="23"/>
      <c r="GA167" s="23"/>
      <c r="GB167" s="23"/>
      <c r="GC167" s="23"/>
      <c r="GD167" s="23"/>
      <c r="GE167" s="23"/>
      <c r="GF167" s="23"/>
      <c r="GG167" s="23"/>
      <c r="GH167" s="23"/>
      <c r="GI167" s="23"/>
      <c r="GJ167" s="23"/>
      <c r="GK167" s="23"/>
      <c r="GL167" s="23"/>
      <c r="GM167" s="23"/>
      <c r="GN167" s="23"/>
      <c r="GO167" s="23"/>
      <c r="GP167" s="23"/>
      <c r="GQ167" s="23"/>
      <c r="GR167" s="23"/>
      <c r="GS167" s="23"/>
      <c r="GT167" s="23"/>
      <c r="GU167" s="23"/>
      <c r="GV167" s="23"/>
      <c r="GW167" s="23"/>
      <c r="GX167" s="23"/>
      <c r="GY167" s="23"/>
      <c r="GZ167" s="23"/>
      <c r="HA167" s="23"/>
      <c r="HB167" s="23"/>
      <c r="HC167" s="23"/>
      <c r="HD167" s="23"/>
      <c r="HE167" s="23"/>
      <c r="HF167" s="23"/>
      <c r="HG167" s="23"/>
      <c r="HH167" s="23"/>
      <c r="HI167" s="23"/>
      <c r="HJ167" s="23"/>
      <c r="HK167" s="23"/>
      <c r="HL167" s="23"/>
      <c r="HM167" s="23"/>
      <c r="HN167" s="23"/>
      <c r="HO167" s="23"/>
      <c r="HP167" s="23"/>
      <c r="HQ167" s="23"/>
      <c r="HR167" s="23"/>
      <c r="HS167" s="23"/>
      <c r="HT167" s="23"/>
      <c r="HU167" s="23"/>
      <c r="HV167" s="23"/>
      <c r="HW167" s="23"/>
      <c r="HX167" s="23"/>
      <c r="HY167" s="23"/>
      <c r="HZ167" s="23"/>
      <c r="IA167" s="23"/>
      <c r="IB167" s="23"/>
      <c r="IC167" s="23"/>
      <c r="ID167" s="23"/>
      <c r="IE167" s="23"/>
      <c r="IF167" s="23"/>
      <c r="IG167" s="23"/>
      <c r="IH167" s="23"/>
      <c r="II167" s="23"/>
      <c r="IJ167" s="23"/>
      <c r="IK167" s="23"/>
      <c r="IL167" s="23"/>
      <c r="IM167" s="23"/>
      <c r="IN167" s="23"/>
      <c r="IO167" s="23"/>
      <c r="IP167" s="23"/>
      <c r="IQ167" s="23"/>
    </row>
    <row r="168" spans="1:251" s="50" customFormat="1" ht="18.75" customHeight="1">
      <c r="A168" s="34"/>
      <c r="B168" s="47"/>
      <c r="C168" s="130"/>
      <c r="D168" s="130"/>
      <c r="E168" s="130"/>
      <c r="F168" s="130"/>
      <c r="G168" s="130"/>
      <c r="H168" s="130"/>
      <c r="I168" s="130"/>
      <c r="J168" s="130"/>
      <c r="K168" s="130"/>
      <c r="L168" s="130"/>
      <c r="M168" s="130"/>
      <c r="N168" s="130"/>
      <c r="O168" s="130"/>
      <c r="P168" s="130"/>
      <c r="Q168" s="130"/>
      <c r="R168" s="130"/>
      <c r="S168" s="130"/>
      <c r="T168" s="130"/>
      <c r="U168" s="130"/>
      <c r="V168" s="130"/>
      <c r="W168" s="130"/>
      <c r="X168" s="130"/>
      <c r="Y168" s="130"/>
      <c r="Z168" s="131"/>
      <c r="AA168" s="132"/>
      <c r="AB168" s="200"/>
      <c r="AC168" s="200"/>
      <c r="AD168" s="200"/>
      <c r="AE168" s="200"/>
      <c r="AF168" s="200"/>
      <c r="AG168" s="200"/>
      <c r="AH168" s="200"/>
      <c r="AI168" s="201"/>
      <c r="AJ168" s="132"/>
      <c r="AK168" s="196"/>
      <c r="AL168" s="196"/>
      <c r="AM168" s="196"/>
      <c r="AN168" s="196"/>
      <c r="AO168" s="196"/>
      <c r="AP168" s="196"/>
      <c r="AQ168" s="196"/>
      <c r="AR168" s="197"/>
      <c r="AS168" s="132"/>
      <c r="AT168" s="196"/>
      <c r="AU168" s="196"/>
      <c r="AV168" s="196"/>
      <c r="AW168" s="196"/>
      <c r="AX168" s="202"/>
      <c r="AY168" s="23"/>
      <c r="AZ168" s="23"/>
      <c r="BA168" s="23"/>
      <c r="BB168" s="23"/>
      <c r="BC168" s="23"/>
      <c r="BD168" s="23"/>
      <c r="BE168" s="23"/>
      <c r="BF168" s="23"/>
      <c r="BG168" s="23"/>
      <c r="BH168" s="23"/>
      <c r="BI168" s="23"/>
      <c r="BJ168" s="23"/>
      <c r="BK168" s="23"/>
      <c r="BL168" s="23"/>
      <c r="BM168" s="23"/>
      <c r="BN168" s="23"/>
      <c r="BO168" s="23"/>
      <c r="BP168" s="23"/>
      <c r="BQ168" s="23"/>
      <c r="BR168" s="23"/>
      <c r="BS168" s="23"/>
      <c r="BT168" s="23"/>
      <c r="BU168" s="23"/>
      <c r="BV168" s="23"/>
      <c r="BW168" s="23"/>
      <c r="BX168" s="23"/>
      <c r="BY168" s="23"/>
      <c r="BZ168" s="23"/>
      <c r="CA168" s="23"/>
      <c r="CB168" s="23"/>
      <c r="CC168" s="23"/>
      <c r="CD168" s="23"/>
      <c r="CE168" s="23"/>
      <c r="CF168" s="23"/>
      <c r="CG168" s="23"/>
      <c r="CH168" s="23"/>
      <c r="CI168" s="23"/>
      <c r="CJ168" s="23"/>
      <c r="CK168" s="23"/>
      <c r="CL168" s="23"/>
      <c r="CM168" s="23"/>
      <c r="CN168" s="23"/>
      <c r="CO168" s="23"/>
      <c r="CP168" s="23"/>
      <c r="CQ168" s="23"/>
      <c r="CR168" s="23"/>
      <c r="CS168" s="23"/>
      <c r="CT168" s="23"/>
      <c r="CU168" s="23"/>
      <c r="CV168" s="23"/>
      <c r="CW168" s="23"/>
      <c r="CX168" s="23"/>
      <c r="CY168" s="23"/>
      <c r="CZ168" s="23"/>
      <c r="DA168" s="23"/>
      <c r="DB168" s="23"/>
      <c r="DC168" s="23"/>
      <c r="DD168" s="23"/>
      <c r="DE168" s="23"/>
      <c r="DF168" s="23"/>
      <c r="DG168" s="23"/>
      <c r="DH168" s="23"/>
      <c r="DI168" s="23"/>
      <c r="DJ168" s="23"/>
      <c r="DK168" s="23"/>
      <c r="DL168" s="23"/>
      <c r="DM168" s="23"/>
      <c r="DN168" s="23"/>
      <c r="DO168" s="23"/>
      <c r="DP168" s="23"/>
      <c r="DQ168" s="23"/>
      <c r="DR168" s="23"/>
      <c r="DS168" s="23"/>
      <c r="DT168" s="23"/>
      <c r="DU168" s="23"/>
      <c r="DV168" s="23"/>
      <c r="DW168" s="23"/>
      <c r="DX168" s="23"/>
      <c r="DY168" s="23"/>
      <c r="DZ168" s="23"/>
      <c r="EA168" s="23"/>
      <c r="EB168" s="23"/>
      <c r="EC168" s="23"/>
      <c r="ED168" s="23"/>
      <c r="EE168" s="23"/>
      <c r="EF168" s="23"/>
      <c r="EG168" s="23"/>
      <c r="EH168" s="23"/>
      <c r="EI168" s="23"/>
      <c r="EJ168" s="23"/>
      <c r="EK168" s="23"/>
      <c r="EL168" s="23"/>
      <c r="EM168" s="23"/>
      <c r="EN168" s="23"/>
      <c r="EO168" s="23"/>
      <c r="EP168" s="23"/>
      <c r="EQ168" s="23"/>
      <c r="ER168" s="23"/>
      <c r="ES168" s="23"/>
      <c r="ET168" s="23"/>
      <c r="EU168" s="23"/>
      <c r="EV168" s="23"/>
      <c r="EW168" s="23"/>
      <c r="EX168" s="23"/>
      <c r="EY168" s="23"/>
      <c r="EZ168" s="23"/>
      <c r="FA168" s="23"/>
      <c r="FB168" s="23"/>
      <c r="FC168" s="23"/>
      <c r="FD168" s="23"/>
      <c r="FE168" s="23"/>
      <c r="FF168" s="23"/>
      <c r="FG168" s="23"/>
      <c r="FH168" s="23"/>
      <c r="FI168" s="23"/>
      <c r="FJ168" s="23"/>
      <c r="FK168" s="23"/>
      <c r="FL168" s="23"/>
      <c r="FM168" s="23"/>
      <c r="FN168" s="23"/>
      <c r="FO168" s="23"/>
      <c r="FP168" s="23"/>
      <c r="FQ168" s="23"/>
      <c r="FR168" s="23"/>
      <c r="FS168" s="23"/>
      <c r="FT168" s="23"/>
      <c r="FU168" s="23"/>
      <c r="FV168" s="23"/>
      <c r="FW168" s="23"/>
      <c r="FX168" s="23"/>
      <c r="FY168" s="23"/>
      <c r="FZ168" s="23"/>
      <c r="GA168" s="23"/>
      <c r="GB168" s="23"/>
      <c r="GC168" s="23"/>
      <c r="GD168" s="23"/>
      <c r="GE168" s="23"/>
      <c r="GF168" s="23"/>
      <c r="GG168" s="23"/>
      <c r="GH168" s="23"/>
      <c r="GI168" s="23"/>
      <c r="GJ168" s="23"/>
      <c r="GK168" s="23"/>
      <c r="GL168" s="23"/>
      <c r="GM168" s="23"/>
      <c r="GN168" s="23"/>
      <c r="GO168" s="23"/>
      <c r="GP168" s="23"/>
      <c r="GQ168" s="23"/>
      <c r="GR168" s="23"/>
      <c r="GS168" s="23"/>
      <c r="GT168" s="23"/>
      <c r="GU168" s="23"/>
      <c r="GV168" s="23"/>
      <c r="GW168" s="23"/>
      <c r="GX168" s="23"/>
      <c r="GY168" s="23"/>
      <c r="GZ168" s="23"/>
      <c r="HA168" s="23"/>
      <c r="HB168" s="23"/>
      <c r="HC168" s="23"/>
      <c r="HD168" s="23"/>
      <c r="HE168" s="23"/>
      <c r="HF168" s="23"/>
      <c r="HG168" s="23"/>
      <c r="HH168" s="23"/>
      <c r="HI168" s="23"/>
      <c r="HJ168" s="23"/>
      <c r="HK168" s="23"/>
      <c r="HL168" s="23"/>
      <c r="HM168" s="23"/>
      <c r="HN168" s="23"/>
      <c r="HO168" s="23"/>
      <c r="HP168" s="23"/>
      <c r="HQ168" s="23"/>
      <c r="HR168" s="23"/>
      <c r="HS168" s="23"/>
      <c r="HT168" s="23"/>
      <c r="HU168" s="23"/>
      <c r="HV168" s="23"/>
      <c r="HW168" s="23"/>
      <c r="HX168" s="23"/>
      <c r="HY168" s="23"/>
      <c r="HZ168" s="23"/>
      <c r="IA168" s="23"/>
      <c r="IB168" s="23"/>
      <c r="IC168" s="23"/>
      <c r="ID168" s="23"/>
      <c r="IE168" s="23"/>
      <c r="IF168" s="23"/>
      <c r="IG168" s="23"/>
      <c r="IH168" s="23"/>
      <c r="II168" s="23"/>
      <c r="IJ168" s="23"/>
      <c r="IK168" s="23"/>
      <c r="IL168" s="23"/>
      <c r="IM168" s="23"/>
      <c r="IN168" s="23"/>
      <c r="IO168" s="23"/>
      <c r="IP168" s="23"/>
      <c r="IQ168" s="23"/>
    </row>
    <row r="169" spans="1:251" s="50" customFormat="1" ht="18.75" customHeight="1">
      <c r="A169" s="34"/>
      <c r="B169" s="47"/>
      <c r="C169" s="130"/>
      <c r="D169" s="130"/>
      <c r="E169" s="130"/>
      <c r="F169" s="130"/>
      <c r="G169" s="130"/>
      <c r="H169" s="130"/>
      <c r="I169" s="130"/>
      <c r="J169" s="130"/>
      <c r="K169" s="130"/>
      <c r="L169" s="130"/>
      <c r="M169" s="130"/>
      <c r="N169" s="130"/>
      <c r="O169" s="130"/>
      <c r="P169" s="130"/>
      <c r="Q169" s="130"/>
      <c r="R169" s="130"/>
      <c r="S169" s="130"/>
      <c r="T169" s="130"/>
      <c r="U169" s="130"/>
      <c r="V169" s="130"/>
      <c r="W169" s="130"/>
      <c r="X169" s="130"/>
      <c r="Y169" s="130"/>
      <c r="Z169" s="131"/>
      <c r="AA169" s="132"/>
      <c r="AB169" s="200"/>
      <c r="AC169" s="200"/>
      <c r="AD169" s="200"/>
      <c r="AE169" s="200"/>
      <c r="AF169" s="200"/>
      <c r="AG169" s="200"/>
      <c r="AH169" s="200"/>
      <c r="AI169" s="201"/>
      <c r="AJ169" s="132"/>
      <c r="AK169" s="196"/>
      <c r="AL169" s="196"/>
      <c r="AM169" s="196"/>
      <c r="AN169" s="196"/>
      <c r="AO169" s="196"/>
      <c r="AP169" s="196"/>
      <c r="AQ169" s="196"/>
      <c r="AR169" s="197"/>
      <c r="AS169" s="132"/>
      <c r="AT169" s="196"/>
      <c r="AU169" s="196"/>
      <c r="AV169" s="196"/>
      <c r="AW169" s="196"/>
      <c r="AX169" s="202"/>
      <c r="AY169" s="23"/>
      <c r="AZ169" s="23"/>
      <c r="BA169" s="23"/>
      <c r="BB169" s="23"/>
      <c r="BC169" s="23"/>
      <c r="BD169" s="23"/>
      <c r="BE169" s="23"/>
      <c r="BF169" s="23"/>
      <c r="BG169" s="23"/>
      <c r="BH169" s="23"/>
      <c r="BI169" s="23"/>
      <c r="BJ169" s="23"/>
      <c r="BK169" s="23"/>
      <c r="BL169" s="23"/>
      <c r="BM169" s="23"/>
      <c r="BN169" s="23"/>
      <c r="BO169" s="23"/>
      <c r="BP169" s="23"/>
      <c r="BQ169" s="23"/>
      <c r="BR169" s="23"/>
      <c r="BS169" s="23"/>
      <c r="BT169" s="23"/>
      <c r="BU169" s="23"/>
      <c r="BV169" s="23"/>
      <c r="BW169" s="23"/>
      <c r="BX169" s="23"/>
      <c r="BY169" s="23"/>
      <c r="BZ169" s="23"/>
      <c r="CA169" s="23"/>
      <c r="CB169" s="23"/>
      <c r="CC169" s="23"/>
      <c r="CD169" s="23"/>
      <c r="CE169" s="23"/>
      <c r="CF169" s="23"/>
      <c r="CG169" s="23"/>
      <c r="CH169" s="23"/>
      <c r="CI169" s="23"/>
      <c r="CJ169" s="23"/>
      <c r="CK169" s="23"/>
      <c r="CL169" s="23"/>
      <c r="CM169" s="23"/>
      <c r="CN169" s="23"/>
      <c r="CO169" s="23"/>
      <c r="CP169" s="23"/>
      <c r="CQ169" s="23"/>
      <c r="CR169" s="23"/>
      <c r="CS169" s="23"/>
      <c r="CT169" s="23"/>
      <c r="CU169" s="23"/>
      <c r="CV169" s="23"/>
      <c r="CW169" s="23"/>
      <c r="CX169" s="23"/>
      <c r="CY169" s="23"/>
      <c r="CZ169" s="23"/>
      <c r="DA169" s="23"/>
      <c r="DB169" s="23"/>
      <c r="DC169" s="23"/>
      <c r="DD169" s="23"/>
      <c r="DE169" s="23"/>
      <c r="DF169" s="23"/>
      <c r="DG169" s="23"/>
      <c r="DH169" s="23"/>
      <c r="DI169" s="23"/>
      <c r="DJ169" s="23"/>
      <c r="DK169" s="23"/>
      <c r="DL169" s="23"/>
      <c r="DM169" s="23"/>
      <c r="DN169" s="23"/>
      <c r="DO169" s="23"/>
      <c r="DP169" s="23"/>
      <c r="DQ169" s="23"/>
      <c r="DR169" s="23"/>
      <c r="DS169" s="23"/>
      <c r="DT169" s="23"/>
      <c r="DU169" s="23"/>
      <c r="DV169" s="23"/>
      <c r="DW169" s="23"/>
      <c r="DX169" s="23"/>
      <c r="DY169" s="23"/>
      <c r="DZ169" s="23"/>
      <c r="EA169" s="23"/>
      <c r="EB169" s="23"/>
      <c r="EC169" s="23"/>
      <c r="ED169" s="23"/>
      <c r="EE169" s="23"/>
      <c r="EF169" s="23"/>
      <c r="EG169" s="23"/>
      <c r="EH169" s="23"/>
      <c r="EI169" s="23"/>
      <c r="EJ169" s="23"/>
      <c r="EK169" s="23"/>
      <c r="EL169" s="23"/>
      <c r="EM169" s="23"/>
      <c r="EN169" s="23"/>
      <c r="EO169" s="23"/>
      <c r="EP169" s="23"/>
      <c r="EQ169" s="23"/>
      <c r="ER169" s="23"/>
      <c r="ES169" s="23"/>
      <c r="ET169" s="23"/>
      <c r="EU169" s="23"/>
      <c r="EV169" s="23"/>
      <c r="EW169" s="23"/>
      <c r="EX169" s="23"/>
      <c r="EY169" s="23"/>
      <c r="EZ169" s="23"/>
      <c r="FA169" s="23"/>
      <c r="FB169" s="23"/>
      <c r="FC169" s="23"/>
      <c r="FD169" s="23"/>
      <c r="FE169" s="23"/>
      <c r="FF169" s="23"/>
      <c r="FG169" s="23"/>
      <c r="FH169" s="23"/>
      <c r="FI169" s="23"/>
      <c r="FJ169" s="23"/>
      <c r="FK169" s="23"/>
      <c r="FL169" s="23"/>
      <c r="FM169" s="23"/>
      <c r="FN169" s="23"/>
      <c r="FO169" s="23"/>
      <c r="FP169" s="23"/>
      <c r="FQ169" s="23"/>
      <c r="FR169" s="23"/>
      <c r="FS169" s="23"/>
      <c r="FT169" s="23"/>
      <c r="FU169" s="23"/>
      <c r="FV169" s="23"/>
      <c r="FW169" s="23"/>
      <c r="FX169" s="23"/>
      <c r="FY169" s="23"/>
      <c r="FZ169" s="23"/>
      <c r="GA169" s="23"/>
      <c r="GB169" s="23"/>
      <c r="GC169" s="23"/>
      <c r="GD169" s="23"/>
      <c r="GE169" s="23"/>
      <c r="GF169" s="23"/>
      <c r="GG169" s="23"/>
      <c r="GH169" s="23"/>
      <c r="GI169" s="23"/>
      <c r="GJ169" s="23"/>
      <c r="GK169" s="23"/>
      <c r="GL169" s="23"/>
      <c r="GM169" s="23"/>
      <c r="GN169" s="23"/>
      <c r="GO169" s="23"/>
      <c r="GP169" s="23"/>
      <c r="GQ169" s="23"/>
      <c r="GR169" s="23"/>
      <c r="GS169" s="23"/>
      <c r="GT169" s="23"/>
      <c r="GU169" s="23"/>
      <c r="GV169" s="23"/>
      <c r="GW169" s="23"/>
      <c r="GX169" s="23"/>
      <c r="GY169" s="23"/>
      <c r="GZ169" s="23"/>
      <c r="HA169" s="23"/>
      <c r="HB169" s="23"/>
      <c r="HC169" s="23"/>
      <c r="HD169" s="23"/>
      <c r="HE169" s="23"/>
      <c r="HF169" s="23"/>
      <c r="HG169" s="23"/>
      <c r="HH169" s="23"/>
      <c r="HI169" s="23"/>
      <c r="HJ169" s="23"/>
      <c r="HK169" s="23"/>
      <c r="HL169" s="23"/>
      <c r="HM169" s="23"/>
      <c r="HN169" s="23"/>
      <c r="HO169" s="23"/>
      <c r="HP169" s="23"/>
      <c r="HQ169" s="23"/>
      <c r="HR169" s="23"/>
      <c r="HS169" s="23"/>
      <c r="HT169" s="23"/>
      <c r="HU169" s="23"/>
      <c r="HV169" s="23"/>
      <c r="HW169" s="23"/>
      <c r="HX169" s="23"/>
      <c r="HY169" s="23"/>
      <c r="HZ169" s="23"/>
      <c r="IA169" s="23"/>
      <c r="IB169" s="23"/>
      <c r="IC169" s="23"/>
      <c r="ID169" s="23"/>
      <c r="IE169" s="23"/>
      <c r="IF169" s="23"/>
      <c r="IG169" s="23"/>
      <c r="IH169" s="23"/>
      <c r="II169" s="23"/>
      <c r="IJ169" s="23"/>
      <c r="IK169" s="23"/>
      <c r="IL169" s="23"/>
      <c r="IM169" s="23"/>
      <c r="IN169" s="23"/>
      <c r="IO169" s="23"/>
      <c r="IP169" s="23"/>
      <c r="IQ169" s="23"/>
    </row>
    <row r="170" spans="1:251" s="50" customFormat="1" ht="18.75" customHeight="1">
      <c r="A170" s="34"/>
      <c r="B170" s="48"/>
      <c r="C170" s="130"/>
      <c r="D170" s="130"/>
      <c r="E170" s="130"/>
      <c r="F170" s="130"/>
      <c r="G170" s="130"/>
      <c r="H170" s="130"/>
      <c r="I170" s="130"/>
      <c r="J170" s="130"/>
      <c r="K170" s="130"/>
      <c r="L170" s="130"/>
      <c r="M170" s="130"/>
      <c r="N170" s="130"/>
      <c r="O170" s="130"/>
      <c r="P170" s="130"/>
      <c r="Q170" s="130"/>
      <c r="R170" s="130"/>
      <c r="S170" s="130"/>
      <c r="T170" s="130"/>
      <c r="U170" s="130"/>
      <c r="V170" s="130"/>
      <c r="W170" s="130"/>
      <c r="X170" s="130"/>
      <c r="Y170" s="130"/>
      <c r="Z170" s="131"/>
      <c r="AA170" s="132"/>
      <c r="AB170" s="200"/>
      <c r="AC170" s="200"/>
      <c r="AD170" s="200"/>
      <c r="AE170" s="200"/>
      <c r="AF170" s="200"/>
      <c r="AG170" s="200"/>
      <c r="AH170" s="200"/>
      <c r="AI170" s="201"/>
      <c r="AJ170" s="132"/>
      <c r="AK170" s="196"/>
      <c r="AL170" s="196"/>
      <c r="AM170" s="196"/>
      <c r="AN170" s="196"/>
      <c r="AO170" s="196"/>
      <c r="AP170" s="196"/>
      <c r="AQ170" s="196"/>
      <c r="AR170" s="197"/>
      <c r="AS170" s="136"/>
      <c r="AT170" s="198"/>
      <c r="AU170" s="198"/>
      <c r="AV170" s="198"/>
      <c r="AW170" s="198"/>
      <c r="AX170" s="199"/>
      <c r="AY170" s="23"/>
      <c r="AZ170" s="23"/>
      <c r="BA170" s="23"/>
      <c r="BB170" s="23"/>
      <c r="BC170" s="23"/>
      <c r="BD170" s="23"/>
      <c r="BE170" s="23"/>
      <c r="BF170" s="23"/>
      <c r="BG170" s="23"/>
      <c r="BH170" s="23"/>
      <c r="BI170" s="23"/>
      <c r="BJ170" s="23"/>
      <c r="BK170" s="23"/>
      <c r="BL170" s="23"/>
      <c r="BM170" s="23"/>
      <c r="BN170" s="23"/>
      <c r="BO170" s="23"/>
      <c r="BP170" s="23"/>
      <c r="BQ170" s="23"/>
      <c r="BR170" s="23"/>
      <c r="BS170" s="23"/>
      <c r="BT170" s="23"/>
      <c r="BU170" s="23"/>
      <c r="BV170" s="23"/>
      <c r="BW170" s="23"/>
      <c r="BX170" s="23"/>
      <c r="BY170" s="23"/>
      <c r="BZ170" s="23"/>
      <c r="CA170" s="23"/>
      <c r="CB170" s="23"/>
      <c r="CC170" s="23"/>
      <c r="CD170" s="23"/>
      <c r="CE170" s="23"/>
      <c r="CF170" s="23"/>
      <c r="CG170" s="23"/>
      <c r="CH170" s="23"/>
      <c r="CI170" s="23"/>
      <c r="CJ170" s="23"/>
      <c r="CK170" s="23"/>
      <c r="CL170" s="23"/>
      <c r="CM170" s="23"/>
      <c r="CN170" s="23"/>
      <c r="CO170" s="23"/>
      <c r="CP170" s="23"/>
      <c r="CQ170" s="23"/>
      <c r="CR170" s="23"/>
      <c r="CS170" s="23"/>
      <c r="CT170" s="23"/>
      <c r="CU170" s="23"/>
      <c r="CV170" s="23"/>
      <c r="CW170" s="23"/>
      <c r="CX170" s="23"/>
      <c r="CY170" s="23"/>
      <c r="CZ170" s="23"/>
      <c r="DA170" s="23"/>
      <c r="DB170" s="23"/>
      <c r="DC170" s="23"/>
      <c r="DD170" s="23"/>
      <c r="DE170" s="23"/>
      <c r="DF170" s="23"/>
      <c r="DG170" s="23"/>
      <c r="DH170" s="23"/>
      <c r="DI170" s="23"/>
      <c r="DJ170" s="23"/>
      <c r="DK170" s="23"/>
      <c r="DL170" s="23"/>
      <c r="DM170" s="23"/>
      <c r="DN170" s="23"/>
      <c r="DO170" s="23"/>
      <c r="DP170" s="23"/>
      <c r="DQ170" s="23"/>
      <c r="DR170" s="23"/>
      <c r="DS170" s="23"/>
      <c r="DT170" s="23"/>
      <c r="DU170" s="23"/>
      <c r="DV170" s="23"/>
      <c r="DW170" s="23"/>
      <c r="DX170" s="23"/>
      <c r="DY170" s="23"/>
      <c r="DZ170" s="23"/>
      <c r="EA170" s="23"/>
      <c r="EB170" s="23"/>
      <c r="EC170" s="23"/>
      <c r="ED170" s="23"/>
      <c r="EE170" s="23"/>
      <c r="EF170" s="23"/>
      <c r="EG170" s="23"/>
      <c r="EH170" s="23"/>
      <c r="EI170" s="23"/>
      <c r="EJ170" s="23"/>
      <c r="EK170" s="23"/>
      <c r="EL170" s="23"/>
      <c r="EM170" s="23"/>
      <c r="EN170" s="23"/>
      <c r="EO170" s="23"/>
      <c r="EP170" s="23"/>
      <c r="EQ170" s="23"/>
      <c r="ER170" s="23"/>
      <c r="ES170" s="23"/>
      <c r="ET170" s="23"/>
      <c r="EU170" s="23"/>
      <c r="EV170" s="23"/>
      <c r="EW170" s="23"/>
      <c r="EX170" s="23"/>
      <c r="EY170" s="23"/>
      <c r="EZ170" s="23"/>
      <c r="FA170" s="23"/>
      <c r="FB170" s="23"/>
      <c r="FC170" s="23"/>
      <c r="FD170" s="23"/>
      <c r="FE170" s="23"/>
      <c r="FF170" s="23"/>
      <c r="FG170" s="23"/>
      <c r="FH170" s="23"/>
      <c r="FI170" s="23"/>
      <c r="FJ170" s="23"/>
      <c r="FK170" s="23"/>
      <c r="FL170" s="23"/>
      <c r="FM170" s="23"/>
      <c r="FN170" s="23"/>
      <c r="FO170" s="23"/>
      <c r="FP170" s="23"/>
      <c r="FQ170" s="23"/>
      <c r="FR170" s="23"/>
      <c r="FS170" s="23"/>
      <c r="FT170" s="23"/>
      <c r="FU170" s="23"/>
      <c r="FV170" s="23"/>
      <c r="FW170" s="23"/>
      <c r="FX170" s="23"/>
      <c r="FY170" s="23"/>
      <c r="FZ170" s="23"/>
      <c r="GA170" s="23"/>
      <c r="GB170" s="23"/>
      <c r="GC170" s="23"/>
      <c r="GD170" s="23"/>
      <c r="GE170" s="23"/>
      <c r="GF170" s="23"/>
      <c r="GG170" s="23"/>
      <c r="GH170" s="23"/>
      <c r="GI170" s="23"/>
      <c r="GJ170" s="23"/>
      <c r="GK170" s="23"/>
      <c r="GL170" s="23"/>
      <c r="GM170" s="23"/>
      <c r="GN170" s="23"/>
      <c r="GO170" s="23"/>
      <c r="GP170" s="23"/>
      <c r="GQ170" s="23"/>
      <c r="GR170" s="23"/>
      <c r="GS170" s="23"/>
      <c r="GT170" s="23"/>
      <c r="GU170" s="23"/>
      <c r="GV170" s="23"/>
      <c r="GW170" s="23"/>
      <c r="GX170" s="23"/>
      <c r="GY170" s="23"/>
      <c r="GZ170" s="23"/>
      <c r="HA170" s="23"/>
      <c r="HB170" s="23"/>
      <c r="HC170" s="23"/>
      <c r="HD170" s="23"/>
      <c r="HE170" s="23"/>
      <c r="HF170" s="23"/>
      <c r="HG170" s="23"/>
      <c r="HH170" s="23"/>
      <c r="HI170" s="23"/>
      <c r="HJ170" s="23"/>
      <c r="HK170" s="23"/>
      <c r="HL170" s="23"/>
      <c r="HM170" s="23"/>
      <c r="HN170" s="23"/>
      <c r="HO170" s="23"/>
      <c r="HP170" s="23"/>
      <c r="HQ170" s="23"/>
      <c r="HR170" s="23"/>
      <c r="HS170" s="23"/>
      <c r="HT170" s="23"/>
      <c r="HU170" s="23"/>
      <c r="HV170" s="23"/>
      <c r="HW170" s="23"/>
      <c r="HX170" s="23"/>
      <c r="HY170" s="23"/>
      <c r="HZ170" s="23"/>
      <c r="IA170" s="23"/>
      <c r="IB170" s="23"/>
      <c r="IC170" s="23"/>
      <c r="ID170" s="23"/>
      <c r="IE170" s="23"/>
      <c r="IF170" s="23"/>
      <c r="IG170" s="23"/>
      <c r="IH170" s="23"/>
      <c r="II170" s="23"/>
      <c r="IJ170" s="23"/>
      <c r="IK170" s="23"/>
      <c r="IL170" s="23"/>
      <c r="IM170" s="23"/>
      <c r="IN170" s="23"/>
      <c r="IO170" s="23"/>
      <c r="IP170" s="23"/>
      <c r="IQ170" s="23"/>
    </row>
    <row r="171" spans="1:251" s="50" customFormat="1" ht="18.75" customHeight="1">
      <c r="A171" s="34"/>
      <c r="B171" s="47"/>
      <c r="C171" s="130"/>
      <c r="D171" s="130"/>
      <c r="E171" s="130"/>
      <c r="F171" s="130"/>
      <c r="G171" s="130"/>
      <c r="H171" s="130"/>
      <c r="I171" s="130"/>
      <c r="J171" s="130"/>
      <c r="K171" s="130"/>
      <c r="L171" s="130"/>
      <c r="M171" s="130"/>
      <c r="N171" s="130"/>
      <c r="O171" s="130"/>
      <c r="P171" s="130"/>
      <c r="Q171" s="130"/>
      <c r="R171" s="130"/>
      <c r="S171" s="130"/>
      <c r="T171" s="130"/>
      <c r="U171" s="130"/>
      <c r="V171" s="130"/>
      <c r="W171" s="130"/>
      <c r="X171" s="130"/>
      <c r="Y171" s="130"/>
      <c r="Z171" s="131"/>
      <c r="AA171" s="132"/>
      <c r="AB171" s="200"/>
      <c r="AC171" s="200"/>
      <c r="AD171" s="200"/>
      <c r="AE171" s="200"/>
      <c r="AF171" s="200"/>
      <c r="AG171" s="200"/>
      <c r="AH171" s="200"/>
      <c r="AI171" s="201"/>
      <c r="AJ171" s="132"/>
      <c r="AK171" s="196"/>
      <c r="AL171" s="196"/>
      <c r="AM171" s="196"/>
      <c r="AN171" s="196"/>
      <c r="AO171" s="196"/>
      <c r="AP171" s="196"/>
      <c r="AQ171" s="196"/>
      <c r="AR171" s="197"/>
      <c r="AS171" s="132"/>
      <c r="AT171" s="196"/>
      <c r="AU171" s="196"/>
      <c r="AV171" s="196"/>
      <c r="AW171" s="196"/>
      <c r="AX171" s="202"/>
      <c r="AY171" s="23"/>
      <c r="AZ171" s="23"/>
      <c r="BA171" s="23"/>
      <c r="BB171" s="23"/>
      <c r="BC171" s="23"/>
      <c r="BD171" s="23"/>
      <c r="BE171" s="23"/>
      <c r="BF171" s="23"/>
      <c r="BG171" s="23"/>
      <c r="BH171" s="23"/>
      <c r="BI171" s="23"/>
      <c r="BJ171" s="23"/>
      <c r="BK171" s="23"/>
      <c r="BL171" s="23"/>
      <c r="BM171" s="23"/>
      <c r="BN171" s="23"/>
      <c r="BO171" s="23"/>
      <c r="BP171" s="23"/>
      <c r="BQ171" s="23"/>
      <c r="BR171" s="23"/>
      <c r="BS171" s="23"/>
      <c r="BT171" s="23"/>
      <c r="BU171" s="23"/>
      <c r="BV171" s="23"/>
      <c r="BW171" s="23"/>
      <c r="BX171" s="23"/>
      <c r="BY171" s="23"/>
      <c r="BZ171" s="23"/>
      <c r="CA171" s="23"/>
      <c r="CB171" s="23"/>
      <c r="CC171" s="23"/>
      <c r="CD171" s="23"/>
      <c r="CE171" s="23"/>
      <c r="CF171" s="23"/>
      <c r="CG171" s="23"/>
      <c r="CH171" s="23"/>
      <c r="CI171" s="23"/>
      <c r="CJ171" s="23"/>
      <c r="CK171" s="23"/>
      <c r="CL171" s="23"/>
      <c r="CM171" s="23"/>
      <c r="CN171" s="23"/>
      <c r="CO171" s="23"/>
      <c r="CP171" s="23"/>
      <c r="CQ171" s="23"/>
      <c r="CR171" s="23"/>
      <c r="CS171" s="23"/>
      <c r="CT171" s="23"/>
      <c r="CU171" s="23"/>
      <c r="CV171" s="23"/>
      <c r="CW171" s="23"/>
      <c r="CX171" s="23"/>
      <c r="CY171" s="23"/>
      <c r="CZ171" s="23"/>
      <c r="DA171" s="23"/>
      <c r="DB171" s="23"/>
      <c r="DC171" s="23"/>
      <c r="DD171" s="23"/>
      <c r="DE171" s="23"/>
      <c r="DF171" s="23"/>
      <c r="DG171" s="23"/>
      <c r="DH171" s="23"/>
      <c r="DI171" s="23"/>
      <c r="DJ171" s="23"/>
      <c r="DK171" s="23"/>
      <c r="DL171" s="23"/>
      <c r="DM171" s="23"/>
      <c r="DN171" s="23"/>
      <c r="DO171" s="23"/>
      <c r="DP171" s="23"/>
      <c r="DQ171" s="23"/>
      <c r="DR171" s="23"/>
      <c r="DS171" s="23"/>
      <c r="DT171" s="23"/>
      <c r="DU171" s="23"/>
      <c r="DV171" s="23"/>
      <c r="DW171" s="23"/>
      <c r="DX171" s="23"/>
      <c r="DY171" s="23"/>
      <c r="DZ171" s="23"/>
      <c r="EA171" s="23"/>
      <c r="EB171" s="23"/>
      <c r="EC171" s="23"/>
      <c r="ED171" s="23"/>
      <c r="EE171" s="23"/>
      <c r="EF171" s="23"/>
      <c r="EG171" s="23"/>
      <c r="EH171" s="23"/>
      <c r="EI171" s="23"/>
      <c r="EJ171" s="23"/>
      <c r="EK171" s="23"/>
      <c r="EL171" s="23"/>
      <c r="EM171" s="23"/>
      <c r="EN171" s="23"/>
      <c r="EO171" s="23"/>
      <c r="EP171" s="23"/>
      <c r="EQ171" s="23"/>
      <c r="ER171" s="23"/>
      <c r="ES171" s="23"/>
      <c r="ET171" s="23"/>
      <c r="EU171" s="23"/>
      <c r="EV171" s="23"/>
      <c r="EW171" s="23"/>
      <c r="EX171" s="23"/>
      <c r="EY171" s="23"/>
      <c r="EZ171" s="23"/>
      <c r="FA171" s="23"/>
      <c r="FB171" s="23"/>
      <c r="FC171" s="23"/>
      <c r="FD171" s="23"/>
      <c r="FE171" s="23"/>
      <c r="FF171" s="23"/>
      <c r="FG171" s="23"/>
      <c r="FH171" s="23"/>
      <c r="FI171" s="23"/>
      <c r="FJ171" s="23"/>
      <c r="FK171" s="23"/>
      <c r="FL171" s="23"/>
      <c r="FM171" s="23"/>
      <c r="FN171" s="23"/>
      <c r="FO171" s="23"/>
      <c r="FP171" s="23"/>
      <c r="FQ171" s="23"/>
      <c r="FR171" s="23"/>
      <c r="FS171" s="23"/>
      <c r="FT171" s="23"/>
      <c r="FU171" s="23"/>
      <c r="FV171" s="23"/>
      <c r="FW171" s="23"/>
      <c r="FX171" s="23"/>
      <c r="FY171" s="23"/>
      <c r="FZ171" s="23"/>
      <c r="GA171" s="23"/>
      <c r="GB171" s="23"/>
      <c r="GC171" s="23"/>
      <c r="GD171" s="23"/>
      <c r="GE171" s="23"/>
      <c r="GF171" s="23"/>
      <c r="GG171" s="23"/>
      <c r="GH171" s="23"/>
      <c r="GI171" s="23"/>
      <c r="GJ171" s="23"/>
      <c r="GK171" s="23"/>
      <c r="GL171" s="23"/>
      <c r="GM171" s="23"/>
      <c r="GN171" s="23"/>
      <c r="GO171" s="23"/>
      <c r="GP171" s="23"/>
      <c r="GQ171" s="23"/>
      <c r="GR171" s="23"/>
      <c r="GS171" s="23"/>
      <c r="GT171" s="23"/>
      <c r="GU171" s="23"/>
      <c r="GV171" s="23"/>
      <c r="GW171" s="23"/>
      <c r="GX171" s="23"/>
      <c r="GY171" s="23"/>
      <c r="GZ171" s="23"/>
      <c r="HA171" s="23"/>
      <c r="HB171" s="23"/>
      <c r="HC171" s="23"/>
      <c r="HD171" s="23"/>
      <c r="HE171" s="23"/>
      <c r="HF171" s="23"/>
      <c r="HG171" s="23"/>
      <c r="HH171" s="23"/>
      <c r="HI171" s="23"/>
      <c r="HJ171" s="23"/>
      <c r="HK171" s="23"/>
      <c r="HL171" s="23"/>
      <c r="HM171" s="23"/>
      <c r="HN171" s="23"/>
      <c r="HO171" s="23"/>
      <c r="HP171" s="23"/>
      <c r="HQ171" s="23"/>
      <c r="HR171" s="23"/>
      <c r="HS171" s="23"/>
      <c r="HT171" s="23"/>
      <c r="HU171" s="23"/>
      <c r="HV171" s="23"/>
      <c r="HW171" s="23"/>
      <c r="HX171" s="23"/>
      <c r="HY171" s="23"/>
      <c r="HZ171" s="23"/>
      <c r="IA171" s="23"/>
      <c r="IB171" s="23"/>
      <c r="IC171" s="23"/>
      <c r="ID171" s="23"/>
      <c r="IE171" s="23"/>
      <c r="IF171" s="23"/>
      <c r="IG171" s="23"/>
      <c r="IH171" s="23"/>
      <c r="II171" s="23"/>
      <c r="IJ171" s="23"/>
      <c r="IK171" s="23"/>
      <c r="IL171" s="23"/>
      <c r="IM171" s="23"/>
      <c r="IN171" s="23"/>
      <c r="IO171" s="23"/>
      <c r="IP171" s="23"/>
      <c r="IQ171" s="23"/>
    </row>
    <row r="172" spans="1:251" s="50" customFormat="1" ht="18.75" customHeight="1">
      <c r="A172" s="34"/>
      <c r="B172" s="48"/>
      <c r="C172" s="130"/>
      <c r="D172" s="130"/>
      <c r="E172" s="130"/>
      <c r="F172" s="130"/>
      <c r="G172" s="130"/>
      <c r="H172" s="130"/>
      <c r="I172" s="130"/>
      <c r="J172" s="130"/>
      <c r="K172" s="130"/>
      <c r="L172" s="130"/>
      <c r="M172" s="130"/>
      <c r="N172" s="130"/>
      <c r="O172" s="130"/>
      <c r="P172" s="130"/>
      <c r="Q172" s="130"/>
      <c r="R172" s="130"/>
      <c r="S172" s="130"/>
      <c r="T172" s="130"/>
      <c r="U172" s="130"/>
      <c r="V172" s="130"/>
      <c r="W172" s="130"/>
      <c r="X172" s="130"/>
      <c r="Y172" s="130"/>
      <c r="Z172" s="131"/>
      <c r="AA172" s="132"/>
      <c r="AB172" s="200"/>
      <c r="AC172" s="200"/>
      <c r="AD172" s="200"/>
      <c r="AE172" s="200"/>
      <c r="AF172" s="200"/>
      <c r="AG172" s="200"/>
      <c r="AH172" s="200"/>
      <c r="AI172" s="201"/>
      <c r="AJ172" s="132"/>
      <c r="AK172" s="133"/>
      <c r="AL172" s="133"/>
      <c r="AM172" s="133"/>
      <c r="AN172" s="133"/>
      <c r="AO172" s="133"/>
      <c r="AP172" s="133"/>
      <c r="AQ172" s="133"/>
      <c r="AR172" s="134"/>
      <c r="AS172" s="132"/>
      <c r="AT172" s="196"/>
      <c r="AU172" s="196"/>
      <c r="AV172" s="196"/>
      <c r="AW172" s="196"/>
      <c r="AX172" s="202"/>
      <c r="AY172" s="23"/>
      <c r="AZ172" s="23"/>
      <c r="BA172" s="23"/>
      <c r="BB172" s="23"/>
      <c r="BC172" s="23"/>
      <c r="BD172" s="23"/>
      <c r="BE172" s="23"/>
      <c r="BF172" s="23"/>
      <c r="BG172" s="23"/>
      <c r="BH172" s="23"/>
      <c r="BI172" s="23"/>
      <c r="BJ172" s="23"/>
      <c r="BK172" s="23"/>
      <c r="BL172" s="23"/>
      <c r="BM172" s="23"/>
      <c r="BN172" s="23"/>
      <c r="BO172" s="23"/>
      <c r="BP172" s="23"/>
      <c r="BQ172" s="23"/>
      <c r="BR172" s="23"/>
      <c r="BS172" s="23"/>
      <c r="BT172" s="23"/>
      <c r="BU172" s="23"/>
      <c r="BV172" s="23"/>
      <c r="BW172" s="23"/>
      <c r="BX172" s="23"/>
      <c r="BY172" s="23"/>
      <c r="BZ172" s="23"/>
      <c r="CA172" s="23"/>
      <c r="CB172" s="23"/>
      <c r="CC172" s="23"/>
      <c r="CD172" s="23"/>
      <c r="CE172" s="23"/>
      <c r="CF172" s="23"/>
      <c r="CG172" s="23"/>
      <c r="CH172" s="23"/>
      <c r="CI172" s="23"/>
      <c r="CJ172" s="23"/>
      <c r="CK172" s="23"/>
      <c r="CL172" s="23"/>
      <c r="CM172" s="23"/>
      <c r="CN172" s="23"/>
      <c r="CO172" s="23"/>
      <c r="CP172" s="23"/>
      <c r="CQ172" s="23"/>
      <c r="CR172" s="23"/>
      <c r="CS172" s="23"/>
      <c r="CT172" s="23"/>
      <c r="CU172" s="23"/>
      <c r="CV172" s="23"/>
      <c r="CW172" s="23"/>
      <c r="CX172" s="23"/>
      <c r="CY172" s="23"/>
      <c r="CZ172" s="23"/>
      <c r="DA172" s="23"/>
      <c r="DB172" s="23"/>
      <c r="DC172" s="23"/>
      <c r="DD172" s="23"/>
      <c r="DE172" s="23"/>
      <c r="DF172" s="23"/>
      <c r="DG172" s="23"/>
      <c r="DH172" s="23"/>
      <c r="DI172" s="23"/>
      <c r="DJ172" s="23"/>
      <c r="DK172" s="23"/>
      <c r="DL172" s="23"/>
      <c r="DM172" s="23"/>
      <c r="DN172" s="23"/>
      <c r="DO172" s="23"/>
      <c r="DP172" s="23"/>
      <c r="DQ172" s="23"/>
      <c r="DR172" s="23"/>
      <c r="DS172" s="23"/>
      <c r="DT172" s="23"/>
      <c r="DU172" s="23"/>
      <c r="DV172" s="23"/>
      <c r="DW172" s="23"/>
      <c r="DX172" s="23"/>
      <c r="DY172" s="23"/>
      <c r="DZ172" s="23"/>
      <c r="EA172" s="23"/>
      <c r="EB172" s="23"/>
      <c r="EC172" s="23"/>
      <c r="ED172" s="23"/>
      <c r="EE172" s="23"/>
      <c r="EF172" s="23"/>
      <c r="EG172" s="23"/>
      <c r="EH172" s="23"/>
      <c r="EI172" s="23"/>
      <c r="EJ172" s="23"/>
      <c r="EK172" s="23"/>
      <c r="EL172" s="23"/>
      <c r="EM172" s="23"/>
      <c r="EN172" s="23"/>
      <c r="EO172" s="23"/>
      <c r="EP172" s="23"/>
      <c r="EQ172" s="23"/>
      <c r="ER172" s="23"/>
      <c r="ES172" s="23"/>
      <c r="ET172" s="23"/>
      <c r="EU172" s="23"/>
      <c r="EV172" s="23"/>
      <c r="EW172" s="23"/>
      <c r="EX172" s="23"/>
      <c r="EY172" s="23"/>
      <c r="EZ172" s="23"/>
      <c r="FA172" s="23"/>
      <c r="FB172" s="23"/>
      <c r="FC172" s="23"/>
      <c r="FD172" s="23"/>
      <c r="FE172" s="23"/>
      <c r="FF172" s="23"/>
      <c r="FG172" s="23"/>
      <c r="FH172" s="23"/>
      <c r="FI172" s="23"/>
      <c r="FJ172" s="23"/>
      <c r="FK172" s="23"/>
      <c r="FL172" s="23"/>
      <c r="FM172" s="23"/>
      <c r="FN172" s="23"/>
      <c r="FO172" s="23"/>
      <c r="FP172" s="23"/>
      <c r="FQ172" s="23"/>
      <c r="FR172" s="23"/>
      <c r="FS172" s="23"/>
      <c r="FT172" s="23"/>
      <c r="FU172" s="23"/>
      <c r="FV172" s="23"/>
      <c r="FW172" s="23"/>
      <c r="FX172" s="23"/>
      <c r="FY172" s="23"/>
      <c r="FZ172" s="23"/>
      <c r="GA172" s="23"/>
      <c r="GB172" s="23"/>
      <c r="GC172" s="23"/>
      <c r="GD172" s="23"/>
      <c r="GE172" s="23"/>
      <c r="GF172" s="23"/>
      <c r="GG172" s="23"/>
      <c r="GH172" s="23"/>
      <c r="GI172" s="23"/>
      <c r="GJ172" s="23"/>
      <c r="GK172" s="23"/>
      <c r="GL172" s="23"/>
      <c r="GM172" s="23"/>
      <c r="GN172" s="23"/>
      <c r="GO172" s="23"/>
      <c r="GP172" s="23"/>
      <c r="GQ172" s="23"/>
      <c r="GR172" s="23"/>
      <c r="GS172" s="23"/>
      <c r="GT172" s="23"/>
      <c r="GU172" s="23"/>
      <c r="GV172" s="23"/>
      <c r="GW172" s="23"/>
      <c r="GX172" s="23"/>
      <c r="GY172" s="23"/>
      <c r="GZ172" s="23"/>
      <c r="HA172" s="23"/>
      <c r="HB172" s="23"/>
      <c r="HC172" s="23"/>
      <c r="HD172" s="23"/>
      <c r="HE172" s="23"/>
      <c r="HF172" s="23"/>
      <c r="HG172" s="23"/>
      <c r="HH172" s="23"/>
      <c r="HI172" s="23"/>
      <c r="HJ172" s="23"/>
      <c r="HK172" s="23"/>
      <c r="HL172" s="23"/>
      <c r="HM172" s="23"/>
      <c r="HN172" s="23"/>
      <c r="HO172" s="23"/>
      <c r="HP172" s="23"/>
      <c r="HQ172" s="23"/>
      <c r="HR172" s="23"/>
      <c r="HS172" s="23"/>
      <c r="HT172" s="23"/>
      <c r="HU172" s="23"/>
      <c r="HV172" s="23"/>
      <c r="HW172" s="23"/>
      <c r="HX172" s="23"/>
      <c r="HY172" s="23"/>
      <c r="HZ172" s="23"/>
      <c r="IA172" s="23"/>
      <c r="IB172" s="23"/>
      <c r="IC172" s="23"/>
      <c r="ID172" s="23"/>
      <c r="IE172" s="23"/>
      <c r="IF172" s="23"/>
      <c r="IG172" s="23"/>
      <c r="IH172" s="23"/>
      <c r="II172" s="23"/>
      <c r="IJ172" s="23"/>
      <c r="IK172" s="23"/>
      <c r="IL172" s="23"/>
      <c r="IM172" s="23"/>
      <c r="IN172" s="23"/>
      <c r="IO172" s="23"/>
      <c r="IP172" s="23"/>
      <c r="IQ172" s="23"/>
    </row>
    <row r="173" spans="1:251" s="50" customFormat="1" ht="18.75" customHeight="1" thickBot="1">
      <c r="A173" s="34"/>
      <c r="B173" s="49"/>
      <c r="C173" s="158"/>
      <c r="D173" s="158"/>
      <c r="E173" s="158"/>
      <c r="F173" s="158"/>
      <c r="G173" s="158"/>
      <c r="H173" s="158"/>
      <c r="I173" s="158"/>
      <c r="J173" s="158"/>
      <c r="K173" s="158"/>
      <c r="L173" s="158"/>
      <c r="M173" s="158"/>
      <c r="N173" s="158"/>
      <c r="O173" s="158"/>
      <c r="P173" s="158"/>
      <c r="Q173" s="158"/>
      <c r="R173" s="158"/>
      <c r="S173" s="158"/>
      <c r="T173" s="158"/>
      <c r="U173" s="158"/>
      <c r="V173" s="158"/>
      <c r="W173" s="158"/>
      <c r="X173" s="158"/>
      <c r="Y173" s="158"/>
      <c r="Z173" s="159"/>
      <c r="AA173" s="160"/>
      <c r="AB173" s="211"/>
      <c r="AC173" s="211"/>
      <c r="AD173" s="211"/>
      <c r="AE173" s="211"/>
      <c r="AF173" s="211"/>
      <c r="AG173" s="211"/>
      <c r="AH173" s="211"/>
      <c r="AI173" s="212"/>
      <c r="AJ173" s="160"/>
      <c r="AK173" s="161"/>
      <c r="AL173" s="161"/>
      <c r="AM173" s="161"/>
      <c r="AN173" s="161"/>
      <c r="AO173" s="161"/>
      <c r="AP173" s="161"/>
      <c r="AQ173" s="161"/>
      <c r="AR173" s="162"/>
      <c r="AS173" s="188"/>
      <c r="AT173" s="213"/>
      <c r="AU173" s="213"/>
      <c r="AV173" s="213"/>
      <c r="AW173" s="213"/>
      <c r="AX173" s="214"/>
      <c r="AY173" s="23"/>
      <c r="AZ173" s="23"/>
      <c r="BA173" s="23"/>
      <c r="BB173" s="23"/>
      <c r="BC173" s="23"/>
      <c r="BD173" s="23"/>
      <c r="BE173" s="23"/>
      <c r="BF173" s="23"/>
      <c r="BG173" s="23"/>
      <c r="BH173" s="23"/>
      <c r="BI173" s="23"/>
      <c r="BJ173" s="23"/>
      <c r="BK173" s="23"/>
      <c r="BL173" s="23"/>
      <c r="BM173" s="23"/>
      <c r="BN173" s="23"/>
      <c r="BO173" s="23"/>
      <c r="BP173" s="23"/>
      <c r="BQ173" s="23"/>
      <c r="BR173" s="23"/>
      <c r="BS173" s="23"/>
      <c r="BT173" s="23"/>
      <c r="BU173" s="23"/>
      <c r="BV173" s="23"/>
      <c r="BW173" s="23"/>
      <c r="BX173" s="23"/>
      <c r="BY173" s="23"/>
      <c r="BZ173" s="23"/>
      <c r="CA173" s="23"/>
      <c r="CB173" s="23"/>
      <c r="CC173" s="23"/>
      <c r="CD173" s="23"/>
      <c r="CE173" s="23"/>
      <c r="CF173" s="23"/>
      <c r="CG173" s="23"/>
      <c r="CH173" s="23"/>
      <c r="CI173" s="23"/>
      <c r="CJ173" s="23"/>
      <c r="CK173" s="23"/>
      <c r="CL173" s="23"/>
      <c r="CM173" s="23"/>
      <c r="CN173" s="23"/>
      <c r="CO173" s="23"/>
      <c r="CP173" s="23"/>
      <c r="CQ173" s="23"/>
      <c r="CR173" s="23"/>
      <c r="CS173" s="23"/>
      <c r="CT173" s="23"/>
      <c r="CU173" s="23"/>
      <c r="CV173" s="23"/>
      <c r="CW173" s="23"/>
      <c r="CX173" s="23"/>
      <c r="CY173" s="23"/>
      <c r="CZ173" s="23"/>
      <c r="DA173" s="23"/>
      <c r="DB173" s="23"/>
      <c r="DC173" s="23"/>
      <c r="DD173" s="23"/>
      <c r="DE173" s="23"/>
      <c r="DF173" s="23"/>
      <c r="DG173" s="23"/>
      <c r="DH173" s="23"/>
      <c r="DI173" s="23"/>
      <c r="DJ173" s="23"/>
      <c r="DK173" s="23"/>
      <c r="DL173" s="23"/>
      <c r="DM173" s="23"/>
      <c r="DN173" s="23"/>
      <c r="DO173" s="23"/>
      <c r="DP173" s="23"/>
      <c r="DQ173" s="23"/>
      <c r="DR173" s="23"/>
      <c r="DS173" s="23"/>
      <c r="DT173" s="23"/>
      <c r="DU173" s="23"/>
      <c r="DV173" s="23"/>
      <c r="DW173" s="23"/>
      <c r="DX173" s="23"/>
      <c r="DY173" s="23"/>
      <c r="DZ173" s="23"/>
      <c r="EA173" s="23"/>
      <c r="EB173" s="23"/>
      <c r="EC173" s="23"/>
      <c r="ED173" s="23"/>
      <c r="EE173" s="23"/>
      <c r="EF173" s="23"/>
      <c r="EG173" s="23"/>
      <c r="EH173" s="23"/>
      <c r="EI173" s="23"/>
      <c r="EJ173" s="23"/>
      <c r="EK173" s="23"/>
      <c r="EL173" s="23"/>
      <c r="EM173" s="23"/>
      <c r="EN173" s="23"/>
      <c r="EO173" s="23"/>
      <c r="EP173" s="23"/>
      <c r="EQ173" s="23"/>
      <c r="ER173" s="23"/>
      <c r="ES173" s="23"/>
      <c r="ET173" s="23"/>
      <c r="EU173" s="23"/>
      <c r="EV173" s="23"/>
      <c r="EW173" s="23"/>
      <c r="EX173" s="23"/>
      <c r="EY173" s="23"/>
      <c r="EZ173" s="23"/>
      <c r="FA173" s="23"/>
      <c r="FB173" s="23"/>
      <c r="FC173" s="23"/>
      <c r="FD173" s="23"/>
      <c r="FE173" s="23"/>
      <c r="FF173" s="23"/>
      <c r="FG173" s="23"/>
      <c r="FH173" s="23"/>
      <c r="FI173" s="23"/>
      <c r="FJ173" s="23"/>
      <c r="FK173" s="23"/>
      <c r="FL173" s="23"/>
      <c r="FM173" s="23"/>
      <c r="FN173" s="23"/>
      <c r="FO173" s="23"/>
      <c r="FP173" s="23"/>
      <c r="FQ173" s="23"/>
      <c r="FR173" s="23"/>
      <c r="FS173" s="23"/>
      <c r="FT173" s="23"/>
      <c r="FU173" s="23"/>
      <c r="FV173" s="23"/>
      <c r="FW173" s="23"/>
      <c r="FX173" s="23"/>
      <c r="FY173" s="23"/>
      <c r="FZ173" s="23"/>
      <c r="GA173" s="23"/>
      <c r="GB173" s="23"/>
      <c r="GC173" s="23"/>
      <c r="GD173" s="23"/>
      <c r="GE173" s="23"/>
      <c r="GF173" s="23"/>
      <c r="GG173" s="23"/>
      <c r="GH173" s="23"/>
      <c r="GI173" s="23"/>
      <c r="GJ173" s="23"/>
      <c r="GK173" s="23"/>
      <c r="GL173" s="23"/>
      <c r="GM173" s="23"/>
      <c r="GN173" s="23"/>
      <c r="GO173" s="23"/>
      <c r="GP173" s="23"/>
      <c r="GQ173" s="23"/>
      <c r="GR173" s="23"/>
      <c r="GS173" s="23"/>
      <c r="GT173" s="23"/>
      <c r="GU173" s="23"/>
      <c r="GV173" s="23"/>
      <c r="GW173" s="23"/>
      <c r="GX173" s="23"/>
      <c r="GY173" s="23"/>
      <c r="GZ173" s="23"/>
      <c r="HA173" s="23"/>
      <c r="HB173" s="23"/>
      <c r="HC173" s="23"/>
      <c r="HD173" s="23"/>
      <c r="HE173" s="23"/>
      <c r="HF173" s="23"/>
      <c r="HG173" s="23"/>
      <c r="HH173" s="23"/>
      <c r="HI173" s="23"/>
      <c r="HJ173" s="23"/>
      <c r="HK173" s="23"/>
      <c r="HL173" s="23"/>
      <c r="HM173" s="23"/>
      <c r="HN173" s="23"/>
      <c r="HO173" s="23"/>
      <c r="HP173" s="23"/>
      <c r="HQ173" s="23"/>
      <c r="HR173" s="23"/>
      <c r="HS173" s="23"/>
      <c r="HT173" s="23"/>
      <c r="HU173" s="23"/>
      <c r="HV173" s="23"/>
      <c r="HW173" s="23"/>
      <c r="HX173" s="23"/>
      <c r="HY173" s="23"/>
      <c r="HZ173" s="23"/>
      <c r="IA173" s="23"/>
      <c r="IB173" s="23"/>
      <c r="IC173" s="23"/>
      <c r="ID173" s="23"/>
      <c r="IE173" s="23"/>
      <c r="IF173" s="23"/>
      <c r="IG173" s="23"/>
      <c r="IH173" s="23"/>
      <c r="II173" s="23"/>
      <c r="IJ173" s="23"/>
      <c r="IK173" s="23"/>
      <c r="IL173" s="23"/>
      <c r="IM173" s="23"/>
      <c r="IN173" s="23"/>
      <c r="IO173" s="23"/>
      <c r="IP173" s="23"/>
      <c r="IQ173" s="23"/>
    </row>
    <row r="174" spans="1:251" s="50" customFormat="1" ht="18.75" customHeight="1" thickTop="1" thickBot="1">
      <c r="A174" s="38"/>
      <c r="B174" s="164" t="s">
        <v>105</v>
      </c>
      <c r="C174" s="191"/>
      <c r="D174" s="191"/>
      <c r="E174" s="191"/>
      <c r="F174" s="191"/>
      <c r="G174" s="191"/>
      <c r="H174" s="191"/>
      <c r="I174" s="191"/>
      <c r="J174" s="191"/>
      <c r="K174" s="191"/>
      <c r="L174" s="191"/>
      <c r="M174" s="191"/>
      <c r="N174" s="191"/>
      <c r="O174" s="191"/>
      <c r="P174" s="191"/>
      <c r="Q174" s="191"/>
      <c r="R174" s="191"/>
      <c r="S174" s="191"/>
      <c r="T174" s="191"/>
      <c r="U174" s="191"/>
      <c r="V174" s="191"/>
      <c r="W174" s="191"/>
      <c r="X174" s="191"/>
      <c r="Y174" s="191"/>
      <c r="Z174" s="192"/>
      <c r="AA174" s="167">
        <f>SUM(AA166:AA173)</f>
        <v>329506</v>
      </c>
      <c r="AB174" s="215"/>
      <c r="AC174" s="215"/>
      <c r="AD174" s="215"/>
      <c r="AE174" s="215"/>
      <c r="AF174" s="215"/>
      <c r="AG174" s="215"/>
      <c r="AH174" s="215"/>
      <c r="AI174" s="216"/>
      <c r="AJ174" s="167">
        <f>SUM(AJ166:AJ173)</f>
        <v>370918</v>
      </c>
      <c r="AK174" s="215"/>
      <c r="AL174" s="215"/>
      <c r="AM174" s="215"/>
      <c r="AN174" s="215"/>
      <c r="AO174" s="215"/>
      <c r="AP174" s="215"/>
      <c r="AQ174" s="215"/>
      <c r="AR174" s="216"/>
      <c r="AS174" s="167"/>
      <c r="AT174" s="215"/>
      <c r="AU174" s="215"/>
      <c r="AV174" s="215"/>
      <c r="AW174" s="215"/>
      <c r="AX174" s="217"/>
      <c r="AY174" s="23"/>
      <c r="AZ174" s="23"/>
      <c r="BA174" s="23"/>
      <c r="BB174" s="23"/>
      <c r="BC174" s="23"/>
      <c r="BD174" s="23"/>
      <c r="BE174" s="23"/>
      <c r="BF174" s="23"/>
      <c r="BG174" s="23"/>
      <c r="BH174" s="23"/>
      <c r="BI174" s="23"/>
      <c r="BJ174" s="23"/>
      <c r="BK174" s="23"/>
      <c r="BL174" s="23"/>
      <c r="BM174" s="23"/>
      <c r="BN174" s="23"/>
      <c r="BO174" s="23"/>
      <c r="BP174" s="23"/>
      <c r="BQ174" s="23"/>
      <c r="BR174" s="23"/>
      <c r="BS174" s="23"/>
      <c r="BT174" s="23"/>
      <c r="BU174" s="23"/>
      <c r="BV174" s="23"/>
      <c r="BW174" s="23"/>
      <c r="BX174" s="23"/>
      <c r="BY174" s="23"/>
      <c r="BZ174" s="23"/>
      <c r="CA174" s="23"/>
      <c r="CB174" s="23"/>
      <c r="CC174" s="23"/>
      <c r="CD174" s="23"/>
      <c r="CE174" s="23"/>
      <c r="CF174" s="23"/>
      <c r="CG174" s="23"/>
      <c r="CH174" s="23"/>
      <c r="CI174" s="23"/>
      <c r="CJ174" s="23"/>
      <c r="CK174" s="23"/>
      <c r="CL174" s="23"/>
      <c r="CM174" s="23"/>
      <c r="CN174" s="23"/>
      <c r="CO174" s="23"/>
      <c r="CP174" s="23"/>
      <c r="CQ174" s="23"/>
      <c r="CR174" s="23"/>
      <c r="CS174" s="23"/>
      <c r="CT174" s="23"/>
      <c r="CU174" s="23"/>
      <c r="CV174" s="23"/>
      <c r="CW174" s="23"/>
      <c r="CX174" s="23"/>
      <c r="CY174" s="23"/>
      <c r="CZ174" s="23"/>
      <c r="DA174" s="23"/>
      <c r="DB174" s="23"/>
      <c r="DC174" s="23"/>
      <c r="DD174" s="23"/>
      <c r="DE174" s="23"/>
      <c r="DF174" s="23"/>
      <c r="DG174" s="23"/>
      <c r="DH174" s="23"/>
      <c r="DI174" s="23"/>
      <c r="DJ174" s="23"/>
      <c r="DK174" s="23"/>
      <c r="DL174" s="23"/>
      <c r="DM174" s="23"/>
      <c r="DN174" s="23"/>
      <c r="DO174" s="23"/>
      <c r="DP174" s="23"/>
      <c r="DQ174" s="23"/>
      <c r="DR174" s="23"/>
      <c r="DS174" s="23"/>
      <c r="DT174" s="23"/>
      <c r="DU174" s="23"/>
      <c r="DV174" s="23"/>
      <c r="DW174" s="23"/>
      <c r="DX174" s="23"/>
      <c r="DY174" s="23"/>
      <c r="DZ174" s="23"/>
      <c r="EA174" s="23"/>
      <c r="EB174" s="23"/>
      <c r="EC174" s="23"/>
      <c r="ED174" s="23"/>
      <c r="EE174" s="23"/>
      <c r="EF174" s="23"/>
      <c r="EG174" s="23"/>
      <c r="EH174" s="23"/>
      <c r="EI174" s="23"/>
      <c r="EJ174" s="23"/>
      <c r="EK174" s="23"/>
      <c r="EL174" s="23"/>
      <c r="EM174" s="23"/>
      <c r="EN174" s="23"/>
      <c r="EO174" s="23"/>
      <c r="EP174" s="23"/>
      <c r="EQ174" s="23"/>
      <c r="ER174" s="23"/>
      <c r="ES174" s="23"/>
      <c r="ET174" s="23"/>
      <c r="EU174" s="23"/>
      <c r="EV174" s="23"/>
      <c r="EW174" s="23"/>
      <c r="EX174" s="23"/>
      <c r="EY174" s="23"/>
      <c r="EZ174" s="23"/>
      <c r="FA174" s="23"/>
      <c r="FB174" s="23"/>
      <c r="FC174" s="23"/>
      <c r="FD174" s="23"/>
      <c r="FE174" s="23"/>
      <c r="FF174" s="23"/>
      <c r="FG174" s="23"/>
      <c r="FH174" s="23"/>
      <c r="FI174" s="23"/>
      <c r="FJ174" s="23"/>
      <c r="FK174" s="23"/>
      <c r="FL174" s="23"/>
      <c r="FM174" s="23"/>
      <c r="FN174" s="23"/>
      <c r="FO174" s="23"/>
      <c r="FP174" s="23"/>
      <c r="FQ174" s="23"/>
      <c r="FR174" s="23"/>
      <c r="FS174" s="23"/>
      <c r="FT174" s="23"/>
      <c r="FU174" s="23"/>
      <c r="FV174" s="23"/>
      <c r="FW174" s="23"/>
      <c r="FX174" s="23"/>
      <c r="FY174" s="23"/>
      <c r="FZ174" s="23"/>
      <c r="GA174" s="23"/>
      <c r="GB174" s="23"/>
      <c r="GC174" s="23"/>
      <c r="GD174" s="23"/>
      <c r="GE174" s="23"/>
      <c r="GF174" s="23"/>
      <c r="GG174" s="23"/>
      <c r="GH174" s="23"/>
      <c r="GI174" s="23"/>
      <c r="GJ174" s="23"/>
      <c r="GK174" s="23"/>
      <c r="GL174" s="23"/>
      <c r="GM174" s="23"/>
      <c r="GN174" s="23"/>
      <c r="GO174" s="23"/>
      <c r="GP174" s="23"/>
      <c r="GQ174" s="23"/>
      <c r="GR174" s="23"/>
      <c r="GS174" s="23"/>
      <c r="GT174" s="23"/>
      <c r="GU174" s="23"/>
      <c r="GV174" s="23"/>
      <c r="GW174" s="23"/>
      <c r="GX174" s="23"/>
      <c r="GY174" s="23"/>
      <c r="GZ174" s="23"/>
      <c r="HA174" s="23"/>
      <c r="HB174" s="23"/>
      <c r="HC174" s="23"/>
      <c r="HD174" s="23"/>
      <c r="HE174" s="23"/>
      <c r="HF174" s="23"/>
      <c r="HG174" s="23"/>
      <c r="HH174" s="23"/>
      <c r="HI174" s="23"/>
      <c r="HJ174" s="23"/>
      <c r="HK174" s="23"/>
      <c r="HL174" s="23"/>
      <c r="HM174" s="23"/>
      <c r="HN174" s="23"/>
      <c r="HO174" s="23"/>
      <c r="HP174" s="23"/>
      <c r="HQ174" s="23"/>
      <c r="HR174" s="23"/>
      <c r="HS174" s="23"/>
      <c r="HT174" s="23"/>
      <c r="HU174" s="23"/>
      <c r="HV174" s="23"/>
      <c r="HW174" s="23"/>
      <c r="HX174" s="23"/>
      <c r="HY174" s="23"/>
      <c r="HZ174" s="23"/>
      <c r="IA174" s="23"/>
      <c r="IB174" s="23"/>
      <c r="IC174" s="23"/>
      <c r="ID174" s="23"/>
      <c r="IE174" s="23"/>
      <c r="IF174" s="23"/>
      <c r="IG174" s="23"/>
      <c r="IH174" s="23"/>
      <c r="II174" s="23"/>
      <c r="IJ174" s="23"/>
      <c r="IK174" s="23"/>
      <c r="IL174" s="23"/>
      <c r="IM174" s="23"/>
      <c r="IN174" s="23"/>
      <c r="IO174" s="23"/>
      <c r="IP174" s="23"/>
      <c r="IQ174" s="23"/>
    </row>
    <row r="176" spans="1:251" s="23" customFormat="1" ht="19.2">
      <c r="A176" s="22" t="s">
        <v>86</v>
      </c>
      <c r="AW176" s="24"/>
      <c r="AX176" s="25"/>
      <c r="AY176" s="24"/>
    </row>
    <row r="177" spans="1:113" s="23" customFormat="1" ht="13.2"/>
    <row r="178" spans="1:113" s="23" customFormat="1">
      <c r="A178" s="26"/>
      <c r="B178" s="115" t="s">
        <v>87</v>
      </c>
      <c r="C178" s="153"/>
      <c r="D178" s="153"/>
      <c r="E178" s="153"/>
      <c r="F178" s="153"/>
      <c r="G178" s="153"/>
      <c r="H178" s="153"/>
      <c r="I178" s="153"/>
      <c r="J178" s="153"/>
      <c r="K178" s="153"/>
      <c r="L178" s="153"/>
      <c r="M178" s="153"/>
      <c r="N178" s="153"/>
      <c r="O178" s="153"/>
      <c r="P178" s="153"/>
      <c r="Q178" s="153"/>
      <c r="R178" s="153"/>
      <c r="S178" s="153"/>
      <c r="T178" s="153"/>
      <c r="U178" s="153"/>
      <c r="V178" s="153"/>
      <c r="W178" s="153"/>
      <c r="X178" s="153"/>
      <c r="Y178" s="153"/>
      <c r="Z178" s="153"/>
      <c r="AA178" s="153"/>
      <c r="AB178" s="153"/>
      <c r="AC178" s="153"/>
      <c r="AD178" s="153"/>
      <c r="AE178" s="153"/>
      <c r="AF178" s="153"/>
      <c r="AG178" s="153"/>
      <c r="AH178" s="153"/>
      <c r="AI178" s="153"/>
      <c r="AJ178" s="153"/>
      <c r="AK178" s="153"/>
      <c r="AL178" s="153"/>
      <c r="AM178" s="153"/>
      <c r="AN178" s="153"/>
      <c r="AO178" s="153"/>
      <c r="AP178" s="153"/>
      <c r="AQ178" s="153"/>
      <c r="AR178" s="153"/>
      <c r="AS178" s="153"/>
      <c r="AT178" s="153"/>
      <c r="AU178" s="153"/>
      <c r="AV178" s="153"/>
      <c r="AW178" s="153"/>
      <c r="AX178" s="153"/>
      <c r="AY178" s="26"/>
    </row>
    <row r="179" spans="1:113" s="23" customFormat="1" ht="13.2">
      <c r="Z179" s="27"/>
      <c r="AD179" s="27"/>
      <c r="AE179" s="27"/>
      <c r="AF179" s="27"/>
      <c r="AG179" s="27"/>
      <c r="AH179" s="27"/>
      <c r="AI179" s="27"/>
      <c r="AO179" s="27"/>
    </row>
    <row r="180" spans="1:113" s="23" customFormat="1" ht="13.8" thickBot="1">
      <c r="Z180" s="27"/>
      <c r="AD180" s="27"/>
      <c r="AE180" s="27"/>
      <c r="AF180" s="27"/>
      <c r="AG180" s="27"/>
      <c r="AH180" s="27"/>
      <c r="AI180" s="27"/>
      <c r="AO180" s="27"/>
      <c r="DI180" s="28"/>
    </row>
    <row r="181" spans="1:113" s="23" customFormat="1" ht="24.6" customHeight="1" thickBot="1">
      <c r="A181" s="116" t="s">
        <v>88</v>
      </c>
      <c r="B181" s="117"/>
      <c r="C181" s="117"/>
      <c r="D181" s="117"/>
      <c r="E181" s="117"/>
      <c r="F181" s="117"/>
      <c r="G181" s="117"/>
      <c r="H181" s="117"/>
      <c r="I181" s="117"/>
      <c r="J181" s="117"/>
      <c r="K181" s="118"/>
      <c r="L181" s="154">
        <v>6</v>
      </c>
      <c r="M181" s="154"/>
      <c r="N181" s="154"/>
      <c r="O181" s="155"/>
      <c r="P181" s="122" t="s">
        <v>89</v>
      </c>
      <c r="Q181" s="120"/>
      <c r="R181" s="120"/>
      <c r="S181" s="120"/>
      <c r="T181" s="120"/>
      <c r="U181" s="123"/>
      <c r="V181" s="156" t="s">
        <v>126</v>
      </c>
      <c r="W181" s="156"/>
      <c r="X181" s="156"/>
      <c r="Y181" s="156"/>
      <c r="Z181" s="156"/>
      <c r="AA181" s="156"/>
      <c r="AB181" s="156"/>
      <c r="AC181" s="156"/>
      <c r="AD181" s="156"/>
      <c r="AE181" s="156"/>
      <c r="AF181" s="156"/>
      <c r="AG181" s="156"/>
      <c r="AH181" s="156"/>
      <c r="AI181" s="156"/>
      <c r="AJ181" s="156"/>
      <c r="AK181" s="156"/>
      <c r="AL181" s="156"/>
      <c r="AM181" s="156"/>
      <c r="AN181" s="156"/>
      <c r="AO181" s="156"/>
      <c r="AP181" s="156"/>
      <c r="AQ181" s="156"/>
      <c r="AR181" s="156"/>
      <c r="AS181" s="156"/>
      <c r="AT181" s="156"/>
      <c r="AU181" s="156"/>
      <c r="AV181" s="156"/>
      <c r="AW181" s="156"/>
      <c r="AX181" s="157"/>
      <c r="DI181" s="28"/>
    </row>
    <row r="182" spans="1:113" s="23" customFormat="1" ht="14.4">
      <c r="A182" s="29"/>
      <c r="B182" s="29"/>
      <c r="C182" s="29"/>
      <c r="D182" s="29"/>
      <c r="E182" s="29"/>
      <c r="F182" s="29"/>
      <c r="G182" s="29"/>
      <c r="H182" s="29"/>
      <c r="I182" s="29"/>
      <c r="J182" s="29"/>
      <c r="K182" s="29"/>
      <c r="L182" s="30"/>
      <c r="M182" s="30"/>
      <c r="N182" s="30"/>
      <c r="O182" s="30"/>
      <c r="P182" s="29"/>
      <c r="Q182" s="29"/>
      <c r="R182" s="29"/>
      <c r="S182" s="29"/>
      <c r="T182" s="29"/>
      <c r="U182" s="29"/>
      <c r="V182" s="31"/>
      <c r="W182" s="31"/>
      <c r="X182" s="31"/>
      <c r="Y182" s="31"/>
      <c r="Z182" s="31"/>
      <c r="AA182" s="31"/>
      <c r="AB182" s="31"/>
      <c r="AC182" s="31"/>
      <c r="AD182" s="31"/>
      <c r="AE182" s="31"/>
      <c r="AF182" s="31"/>
      <c r="AG182" s="31"/>
      <c r="AH182" s="31"/>
      <c r="AI182" s="31"/>
      <c r="AJ182" s="31"/>
      <c r="AK182" s="31"/>
      <c r="AL182" s="31"/>
      <c r="AM182" s="31"/>
      <c r="AN182" s="31"/>
      <c r="AO182" s="31"/>
      <c r="AP182" s="31"/>
      <c r="AQ182" s="31"/>
      <c r="AR182" s="31"/>
      <c r="AS182" s="31"/>
      <c r="AT182" s="31"/>
      <c r="AU182" s="31"/>
      <c r="AV182" s="31"/>
      <c r="AW182" s="31"/>
      <c r="AX182" s="31"/>
      <c r="DI182" s="28"/>
    </row>
    <row r="183" spans="1:113" s="23" customFormat="1" ht="15" thickBot="1">
      <c r="A183" s="32"/>
      <c r="B183" s="33" t="s">
        <v>91</v>
      </c>
      <c r="C183" s="34"/>
      <c r="D183" s="34"/>
      <c r="E183" s="34"/>
      <c r="F183" s="34"/>
      <c r="G183" s="34"/>
      <c r="H183" s="34"/>
      <c r="I183" s="34"/>
      <c r="J183" s="34"/>
      <c r="K183" s="34"/>
      <c r="L183" s="35"/>
      <c r="M183" s="35"/>
      <c r="N183" s="35"/>
      <c r="O183" s="35"/>
      <c r="P183" s="34"/>
      <c r="Q183" s="34"/>
      <c r="R183" s="34"/>
      <c r="S183" s="34"/>
      <c r="T183" s="34"/>
      <c r="U183" s="34"/>
      <c r="V183" s="33"/>
      <c r="W183" s="33"/>
      <c r="X183" s="33"/>
      <c r="Y183" s="33"/>
      <c r="Z183" s="33"/>
      <c r="AA183" s="33"/>
      <c r="AB183" s="33"/>
      <c r="AC183" s="33"/>
      <c r="AD183" s="33"/>
      <c r="AE183" s="33"/>
      <c r="AF183" s="33"/>
      <c r="AG183" s="33"/>
      <c r="AH183" s="33"/>
      <c r="AI183" s="33"/>
      <c r="AJ183" s="33"/>
      <c r="AK183" s="33"/>
      <c r="AL183" s="33"/>
      <c r="AM183" s="33"/>
      <c r="AN183" s="33"/>
      <c r="AO183" s="33"/>
      <c r="AP183" s="33"/>
      <c r="AQ183" s="33"/>
      <c r="AR183" s="33"/>
      <c r="AS183" s="33"/>
      <c r="AT183" s="33"/>
      <c r="AU183" s="33"/>
      <c r="AV183" s="33"/>
      <c r="AW183" s="33"/>
      <c r="AX183" s="33"/>
      <c r="DI183" s="28"/>
    </row>
    <row r="184" spans="1:113" s="23" customFormat="1" ht="14.4">
      <c r="A184" s="34"/>
      <c r="B184" s="36"/>
      <c r="C184" s="29"/>
      <c r="D184" s="29"/>
      <c r="E184" s="29"/>
      <c r="F184" s="29"/>
      <c r="G184" s="29"/>
      <c r="H184" s="29"/>
      <c r="I184" s="29"/>
      <c r="J184" s="29"/>
      <c r="K184" s="29"/>
      <c r="L184" s="30"/>
      <c r="M184" s="30"/>
      <c r="N184" s="30"/>
      <c r="O184" s="30"/>
      <c r="P184" s="29"/>
      <c r="Q184" s="29"/>
      <c r="R184" s="29"/>
      <c r="S184" s="29"/>
      <c r="T184" s="29"/>
      <c r="U184" s="29"/>
      <c r="V184" s="31"/>
      <c r="W184" s="31"/>
      <c r="X184" s="31"/>
      <c r="Y184" s="31"/>
      <c r="Z184" s="31"/>
      <c r="AA184" s="31"/>
      <c r="AB184" s="31"/>
      <c r="AC184" s="31"/>
      <c r="AD184" s="31"/>
      <c r="AE184" s="31"/>
      <c r="AF184" s="31"/>
      <c r="AG184" s="31"/>
      <c r="AH184" s="31"/>
      <c r="AI184" s="31"/>
      <c r="AJ184" s="31"/>
      <c r="AK184" s="31"/>
      <c r="AL184" s="31"/>
      <c r="AM184" s="31"/>
      <c r="AN184" s="31"/>
      <c r="AO184" s="31"/>
      <c r="AP184" s="31"/>
      <c r="AQ184" s="31"/>
      <c r="AR184" s="31"/>
      <c r="AS184" s="31"/>
      <c r="AT184" s="31"/>
      <c r="AU184" s="31"/>
      <c r="AV184" s="31"/>
      <c r="AW184" s="31"/>
      <c r="AX184" s="37"/>
    </row>
    <row r="185" spans="1:113" s="23" customFormat="1" ht="10.8" customHeight="1">
      <c r="A185" s="34"/>
      <c r="B185" s="127" t="s">
        <v>127</v>
      </c>
      <c r="C185" s="128"/>
      <c r="D185" s="128"/>
      <c r="E185" s="128"/>
      <c r="F185" s="128"/>
      <c r="G185" s="128"/>
      <c r="H185" s="128"/>
      <c r="I185" s="128"/>
      <c r="J185" s="128"/>
      <c r="K185" s="128"/>
      <c r="L185" s="128"/>
      <c r="M185" s="128"/>
      <c r="N185" s="128"/>
      <c r="O185" s="128"/>
      <c r="P185" s="128"/>
      <c r="Q185" s="128"/>
      <c r="R185" s="128"/>
      <c r="S185" s="128"/>
      <c r="T185" s="128"/>
      <c r="U185" s="128"/>
      <c r="V185" s="128"/>
      <c r="W185" s="128"/>
      <c r="X185" s="128"/>
      <c r="Y185" s="128"/>
      <c r="Z185" s="128"/>
      <c r="AA185" s="128"/>
      <c r="AB185" s="128"/>
      <c r="AC185" s="128"/>
      <c r="AD185" s="128"/>
      <c r="AE185" s="128"/>
      <c r="AF185" s="128"/>
      <c r="AG185" s="128"/>
      <c r="AH185" s="128"/>
      <c r="AI185" s="128"/>
      <c r="AJ185" s="128"/>
      <c r="AK185" s="128"/>
      <c r="AL185" s="128"/>
      <c r="AM185" s="128"/>
      <c r="AN185" s="128"/>
      <c r="AO185" s="128"/>
      <c r="AP185" s="128"/>
      <c r="AQ185" s="128"/>
      <c r="AR185" s="128"/>
      <c r="AS185" s="128"/>
      <c r="AT185" s="128"/>
      <c r="AU185" s="128"/>
      <c r="AV185" s="128"/>
      <c r="AW185" s="128"/>
      <c r="AX185" s="129"/>
    </row>
    <row r="186" spans="1:113" s="23" customFormat="1" ht="10.8" customHeight="1">
      <c r="A186" s="34"/>
      <c r="B186" s="127"/>
      <c r="C186" s="128"/>
      <c r="D186" s="128"/>
      <c r="E186" s="128"/>
      <c r="F186" s="128"/>
      <c r="G186" s="128"/>
      <c r="H186" s="128"/>
      <c r="I186" s="128"/>
      <c r="J186" s="128"/>
      <c r="K186" s="128"/>
      <c r="L186" s="128"/>
      <c r="M186" s="128"/>
      <c r="N186" s="128"/>
      <c r="O186" s="128"/>
      <c r="P186" s="128"/>
      <c r="Q186" s="128"/>
      <c r="R186" s="128"/>
      <c r="S186" s="128"/>
      <c r="T186" s="128"/>
      <c r="U186" s="128"/>
      <c r="V186" s="128"/>
      <c r="W186" s="128"/>
      <c r="X186" s="128"/>
      <c r="Y186" s="128"/>
      <c r="Z186" s="128"/>
      <c r="AA186" s="128"/>
      <c r="AB186" s="128"/>
      <c r="AC186" s="128"/>
      <c r="AD186" s="128"/>
      <c r="AE186" s="128"/>
      <c r="AF186" s="128"/>
      <c r="AG186" s="128"/>
      <c r="AH186" s="128"/>
      <c r="AI186" s="128"/>
      <c r="AJ186" s="128"/>
      <c r="AK186" s="128"/>
      <c r="AL186" s="128"/>
      <c r="AM186" s="128"/>
      <c r="AN186" s="128"/>
      <c r="AO186" s="128"/>
      <c r="AP186" s="128"/>
      <c r="AQ186" s="128"/>
      <c r="AR186" s="128"/>
      <c r="AS186" s="128"/>
      <c r="AT186" s="128"/>
      <c r="AU186" s="128"/>
      <c r="AV186" s="128"/>
      <c r="AW186" s="128"/>
      <c r="AX186" s="129"/>
      <c r="BC186" s="17"/>
    </row>
    <row r="187" spans="1:113" s="23" customFormat="1" ht="10.8" customHeight="1">
      <c r="A187" s="34"/>
      <c r="B187" s="127"/>
      <c r="C187" s="128"/>
      <c r="D187" s="128"/>
      <c r="E187" s="128"/>
      <c r="F187" s="128"/>
      <c r="G187" s="128"/>
      <c r="H187" s="128"/>
      <c r="I187" s="128"/>
      <c r="J187" s="128"/>
      <c r="K187" s="128"/>
      <c r="L187" s="128"/>
      <c r="M187" s="128"/>
      <c r="N187" s="128"/>
      <c r="O187" s="128"/>
      <c r="P187" s="128"/>
      <c r="Q187" s="128"/>
      <c r="R187" s="128"/>
      <c r="S187" s="128"/>
      <c r="T187" s="128"/>
      <c r="U187" s="128"/>
      <c r="V187" s="128"/>
      <c r="W187" s="128"/>
      <c r="X187" s="128"/>
      <c r="Y187" s="128"/>
      <c r="Z187" s="128"/>
      <c r="AA187" s="128"/>
      <c r="AB187" s="128"/>
      <c r="AC187" s="128"/>
      <c r="AD187" s="128"/>
      <c r="AE187" s="128"/>
      <c r="AF187" s="128"/>
      <c r="AG187" s="128"/>
      <c r="AH187" s="128"/>
      <c r="AI187" s="128"/>
      <c r="AJ187" s="128"/>
      <c r="AK187" s="128"/>
      <c r="AL187" s="128"/>
      <c r="AM187" s="128"/>
      <c r="AN187" s="128"/>
      <c r="AO187" s="128"/>
      <c r="AP187" s="128"/>
      <c r="AQ187" s="128"/>
      <c r="AR187" s="128"/>
      <c r="AS187" s="128"/>
      <c r="AT187" s="128"/>
      <c r="AU187" s="128"/>
      <c r="AV187" s="128"/>
      <c r="AW187" s="128"/>
      <c r="AX187" s="129"/>
    </row>
    <row r="188" spans="1:113" s="23" customFormat="1" ht="10.8" customHeight="1">
      <c r="A188" s="34"/>
      <c r="B188" s="127"/>
      <c r="C188" s="128"/>
      <c r="D188" s="128"/>
      <c r="E188" s="128"/>
      <c r="F188" s="128"/>
      <c r="G188" s="128"/>
      <c r="H188" s="128"/>
      <c r="I188" s="128"/>
      <c r="J188" s="128"/>
      <c r="K188" s="128"/>
      <c r="L188" s="128"/>
      <c r="M188" s="128"/>
      <c r="N188" s="128"/>
      <c r="O188" s="128"/>
      <c r="P188" s="128"/>
      <c r="Q188" s="128"/>
      <c r="R188" s="128"/>
      <c r="S188" s="128"/>
      <c r="T188" s="128"/>
      <c r="U188" s="128"/>
      <c r="V188" s="128"/>
      <c r="W188" s="128"/>
      <c r="X188" s="128"/>
      <c r="Y188" s="128"/>
      <c r="Z188" s="128"/>
      <c r="AA188" s="128"/>
      <c r="AB188" s="128"/>
      <c r="AC188" s="128"/>
      <c r="AD188" s="128"/>
      <c r="AE188" s="128"/>
      <c r="AF188" s="128"/>
      <c r="AG188" s="128"/>
      <c r="AH188" s="128"/>
      <c r="AI188" s="128"/>
      <c r="AJ188" s="128"/>
      <c r="AK188" s="128"/>
      <c r="AL188" s="128"/>
      <c r="AM188" s="128"/>
      <c r="AN188" s="128"/>
      <c r="AO188" s="128"/>
      <c r="AP188" s="128"/>
      <c r="AQ188" s="128"/>
      <c r="AR188" s="128"/>
      <c r="AS188" s="128"/>
      <c r="AT188" s="128"/>
      <c r="AU188" s="128"/>
      <c r="AV188" s="128"/>
      <c r="AW188" s="128"/>
      <c r="AX188" s="129"/>
    </row>
    <row r="189" spans="1:113" s="23" customFormat="1" ht="10.8" customHeight="1">
      <c r="A189" s="34"/>
      <c r="B189" s="127"/>
      <c r="C189" s="128"/>
      <c r="D189" s="128"/>
      <c r="E189" s="128"/>
      <c r="F189" s="128"/>
      <c r="G189" s="128"/>
      <c r="H189" s="128"/>
      <c r="I189" s="128"/>
      <c r="J189" s="128"/>
      <c r="K189" s="128"/>
      <c r="L189" s="128"/>
      <c r="M189" s="128"/>
      <c r="N189" s="128"/>
      <c r="O189" s="128"/>
      <c r="P189" s="128"/>
      <c r="Q189" s="128"/>
      <c r="R189" s="128"/>
      <c r="S189" s="128"/>
      <c r="T189" s="128"/>
      <c r="U189" s="128"/>
      <c r="V189" s="128"/>
      <c r="W189" s="128"/>
      <c r="X189" s="128"/>
      <c r="Y189" s="128"/>
      <c r="Z189" s="128"/>
      <c r="AA189" s="128"/>
      <c r="AB189" s="128"/>
      <c r="AC189" s="128"/>
      <c r="AD189" s="128"/>
      <c r="AE189" s="128"/>
      <c r="AF189" s="128"/>
      <c r="AG189" s="128"/>
      <c r="AH189" s="128"/>
      <c r="AI189" s="128"/>
      <c r="AJ189" s="128"/>
      <c r="AK189" s="128"/>
      <c r="AL189" s="128"/>
      <c r="AM189" s="128"/>
      <c r="AN189" s="128"/>
      <c r="AO189" s="128"/>
      <c r="AP189" s="128"/>
      <c r="AQ189" s="128"/>
      <c r="AR189" s="128"/>
      <c r="AS189" s="128"/>
      <c r="AT189" s="128"/>
      <c r="AU189" s="128"/>
      <c r="AV189" s="128"/>
      <c r="AW189" s="128"/>
      <c r="AX189" s="129"/>
    </row>
    <row r="190" spans="1:113" s="23" customFormat="1" ht="10.8" customHeight="1">
      <c r="A190" s="34"/>
      <c r="B190" s="127"/>
      <c r="C190" s="128"/>
      <c r="D190" s="128"/>
      <c r="E190" s="128"/>
      <c r="F190" s="128"/>
      <c r="G190" s="128"/>
      <c r="H190" s="128"/>
      <c r="I190" s="128"/>
      <c r="J190" s="128"/>
      <c r="K190" s="128"/>
      <c r="L190" s="128"/>
      <c r="M190" s="128"/>
      <c r="N190" s="128"/>
      <c r="O190" s="128"/>
      <c r="P190" s="128"/>
      <c r="Q190" s="128"/>
      <c r="R190" s="128"/>
      <c r="S190" s="128"/>
      <c r="T190" s="128"/>
      <c r="U190" s="128"/>
      <c r="V190" s="128"/>
      <c r="W190" s="128"/>
      <c r="X190" s="128"/>
      <c r="Y190" s="128"/>
      <c r="Z190" s="128"/>
      <c r="AA190" s="128"/>
      <c r="AB190" s="128"/>
      <c r="AC190" s="128"/>
      <c r="AD190" s="128"/>
      <c r="AE190" s="128"/>
      <c r="AF190" s="128"/>
      <c r="AG190" s="128"/>
      <c r="AH190" s="128"/>
      <c r="AI190" s="128"/>
      <c r="AJ190" s="128"/>
      <c r="AK190" s="128"/>
      <c r="AL190" s="128"/>
      <c r="AM190" s="128"/>
      <c r="AN190" s="128"/>
      <c r="AO190" s="128"/>
      <c r="AP190" s="128"/>
      <c r="AQ190" s="128"/>
      <c r="AR190" s="128"/>
      <c r="AS190" s="128"/>
      <c r="AT190" s="128"/>
      <c r="AU190" s="128"/>
      <c r="AV190" s="128"/>
      <c r="AW190" s="128"/>
      <c r="AX190" s="129"/>
    </row>
    <row r="191" spans="1:113" s="23" customFormat="1" ht="10.8" customHeight="1">
      <c r="A191" s="34"/>
      <c r="B191" s="127"/>
      <c r="C191" s="128"/>
      <c r="D191" s="128"/>
      <c r="E191" s="128"/>
      <c r="F191" s="128"/>
      <c r="G191" s="128"/>
      <c r="H191" s="128"/>
      <c r="I191" s="128"/>
      <c r="J191" s="128"/>
      <c r="K191" s="128"/>
      <c r="L191" s="128"/>
      <c r="M191" s="128"/>
      <c r="N191" s="128"/>
      <c r="O191" s="128"/>
      <c r="P191" s="128"/>
      <c r="Q191" s="128"/>
      <c r="R191" s="128"/>
      <c r="S191" s="128"/>
      <c r="T191" s="128"/>
      <c r="U191" s="128"/>
      <c r="V191" s="128"/>
      <c r="W191" s="128"/>
      <c r="X191" s="128"/>
      <c r="Y191" s="128"/>
      <c r="Z191" s="128"/>
      <c r="AA191" s="128"/>
      <c r="AB191" s="128"/>
      <c r="AC191" s="128"/>
      <c r="AD191" s="128"/>
      <c r="AE191" s="128"/>
      <c r="AF191" s="128"/>
      <c r="AG191" s="128"/>
      <c r="AH191" s="128"/>
      <c r="AI191" s="128"/>
      <c r="AJ191" s="128"/>
      <c r="AK191" s="128"/>
      <c r="AL191" s="128"/>
      <c r="AM191" s="128"/>
      <c r="AN191" s="128"/>
      <c r="AO191" s="128"/>
      <c r="AP191" s="128"/>
      <c r="AQ191" s="128"/>
      <c r="AR191" s="128"/>
      <c r="AS191" s="128"/>
      <c r="AT191" s="128"/>
      <c r="AU191" s="128"/>
      <c r="AV191" s="128"/>
      <c r="AW191" s="128"/>
      <c r="AX191" s="129"/>
    </row>
    <row r="192" spans="1:113" s="23" customFormat="1" ht="10.8" customHeight="1">
      <c r="A192" s="34"/>
      <c r="B192" s="127"/>
      <c r="C192" s="128"/>
      <c r="D192" s="128"/>
      <c r="E192" s="128"/>
      <c r="F192" s="128"/>
      <c r="G192" s="128"/>
      <c r="H192" s="128"/>
      <c r="I192" s="128"/>
      <c r="J192" s="128"/>
      <c r="K192" s="128"/>
      <c r="L192" s="128"/>
      <c r="M192" s="128"/>
      <c r="N192" s="128"/>
      <c r="O192" s="128"/>
      <c r="P192" s="128"/>
      <c r="Q192" s="128"/>
      <c r="R192" s="128"/>
      <c r="S192" s="128"/>
      <c r="T192" s="128"/>
      <c r="U192" s="128"/>
      <c r="V192" s="128"/>
      <c r="W192" s="128"/>
      <c r="X192" s="128"/>
      <c r="Y192" s="128"/>
      <c r="Z192" s="128"/>
      <c r="AA192" s="128"/>
      <c r="AB192" s="128"/>
      <c r="AC192" s="128"/>
      <c r="AD192" s="128"/>
      <c r="AE192" s="128"/>
      <c r="AF192" s="128"/>
      <c r="AG192" s="128"/>
      <c r="AH192" s="128"/>
      <c r="AI192" s="128"/>
      <c r="AJ192" s="128"/>
      <c r="AK192" s="128"/>
      <c r="AL192" s="128"/>
      <c r="AM192" s="128"/>
      <c r="AN192" s="128"/>
      <c r="AO192" s="128"/>
      <c r="AP192" s="128"/>
      <c r="AQ192" s="128"/>
      <c r="AR192" s="128"/>
      <c r="AS192" s="128"/>
      <c r="AT192" s="128"/>
      <c r="AU192" s="128"/>
      <c r="AV192" s="128"/>
      <c r="AW192" s="128"/>
      <c r="AX192" s="129"/>
    </row>
    <row r="193" spans="1:251" s="23" customFormat="1" ht="10.8" customHeight="1">
      <c r="A193" s="34"/>
      <c r="B193" s="127"/>
      <c r="C193" s="128"/>
      <c r="D193" s="128"/>
      <c r="E193" s="128"/>
      <c r="F193" s="128"/>
      <c r="G193" s="128"/>
      <c r="H193" s="128"/>
      <c r="I193" s="128"/>
      <c r="J193" s="128"/>
      <c r="K193" s="128"/>
      <c r="L193" s="128"/>
      <c r="M193" s="128"/>
      <c r="N193" s="128"/>
      <c r="O193" s="128"/>
      <c r="P193" s="128"/>
      <c r="Q193" s="128"/>
      <c r="R193" s="128"/>
      <c r="S193" s="128"/>
      <c r="T193" s="128"/>
      <c r="U193" s="128"/>
      <c r="V193" s="128"/>
      <c r="W193" s="128"/>
      <c r="X193" s="128"/>
      <c r="Y193" s="128"/>
      <c r="Z193" s="128"/>
      <c r="AA193" s="128"/>
      <c r="AB193" s="128"/>
      <c r="AC193" s="128"/>
      <c r="AD193" s="128"/>
      <c r="AE193" s="128"/>
      <c r="AF193" s="128"/>
      <c r="AG193" s="128"/>
      <c r="AH193" s="128"/>
      <c r="AI193" s="128"/>
      <c r="AJ193" s="128"/>
      <c r="AK193" s="128"/>
      <c r="AL193" s="128"/>
      <c r="AM193" s="128"/>
      <c r="AN193" s="128"/>
      <c r="AO193" s="128"/>
      <c r="AP193" s="128"/>
      <c r="AQ193" s="128"/>
      <c r="AR193" s="128"/>
      <c r="AS193" s="128"/>
      <c r="AT193" s="128"/>
      <c r="AU193" s="128"/>
      <c r="AV193" s="128"/>
      <c r="AW193" s="128"/>
      <c r="AX193" s="129"/>
    </row>
    <row r="194" spans="1:251" s="23" customFormat="1" ht="10.8" customHeight="1">
      <c r="A194" s="34"/>
      <c r="B194" s="127"/>
      <c r="C194" s="128"/>
      <c r="D194" s="128"/>
      <c r="E194" s="128"/>
      <c r="F194" s="128"/>
      <c r="G194" s="128"/>
      <c r="H194" s="128"/>
      <c r="I194" s="128"/>
      <c r="J194" s="128"/>
      <c r="K194" s="128"/>
      <c r="L194" s="128"/>
      <c r="M194" s="128"/>
      <c r="N194" s="128"/>
      <c r="O194" s="128"/>
      <c r="P194" s="128"/>
      <c r="Q194" s="128"/>
      <c r="R194" s="128"/>
      <c r="S194" s="128"/>
      <c r="T194" s="128"/>
      <c r="U194" s="128"/>
      <c r="V194" s="128"/>
      <c r="W194" s="128"/>
      <c r="X194" s="128"/>
      <c r="Y194" s="128"/>
      <c r="Z194" s="128"/>
      <c r="AA194" s="128"/>
      <c r="AB194" s="128"/>
      <c r="AC194" s="128"/>
      <c r="AD194" s="128"/>
      <c r="AE194" s="128"/>
      <c r="AF194" s="128"/>
      <c r="AG194" s="128"/>
      <c r="AH194" s="128"/>
      <c r="AI194" s="128"/>
      <c r="AJ194" s="128"/>
      <c r="AK194" s="128"/>
      <c r="AL194" s="128"/>
      <c r="AM194" s="128"/>
      <c r="AN194" s="128"/>
      <c r="AO194" s="128"/>
      <c r="AP194" s="128"/>
      <c r="AQ194" s="128"/>
      <c r="AR194" s="128"/>
      <c r="AS194" s="128"/>
      <c r="AT194" s="128"/>
      <c r="AU194" s="128"/>
      <c r="AV194" s="128"/>
      <c r="AW194" s="128"/>
      <c r="AX194" s="129"/>
    </row>
    <row r="195" spans="1:251" s="23" customFormat="1" ht="15" thickBot="1">
      <c r="A195" s="38"/>
      <c r="B195" s="39"/>
      <c r="C195" s="40"/>
      <c r="D195" s="40"/>
      <c r="E195" s="40"/>
      <c r="F195" s="40"/>
      <c r="G195" s="40"/>
      <c r="H195" s="40"/>
      <c r="I195" s="40"/>
      <c r="J195" s="40"/>
      <c r="K195" s="40"/>
      <c r="L195" s="40"/>
      <c r="M195" s="40"/>
      <c r="N195" s="40"/>
      <c r="O195" s="40"/>
      <c r="P195" s="40"/>
      <c r="Q195" s="40"/>
      <c r="R195" s="40"/>
      <c r="S195" s="40"/>
      <c r="T195" s="40"/>
      <c r="U195" s="40"/>
      <c r="V195" s="40"/>
      <c r="W195" s="40"/>
      <c r="X195" s="40"/>
      <c r="Y195" s="40"/>
      <c r="Z195" s="40"/>
      <c r="AA195" s="40"/>
      <c r="AB195" s="40"/>
      <c r="AC195" s="40"/>
      <c r="AD195" s="40"/>
      <c r="AE195" s="40"/>
      <c r="AF195" s="40"/>
      <c r="AG195" s="40"/>
      <c r="AH195" s="40"/>
      <c r="AI195" s="40"/>
      <c r="AJ195" s="40"/>
      <c r="AK195" s="40"/>
      <c r="AL195" s="40"/>
      <c r="AM195" s="40"/>
      <c r="AN195" s="40"/>
      <c r="AO195" s="40"/>
      <c r="AP195" s="40"/>
      <c r="AQ195" s="40"/>
      <c r="AR195" s="40"/>
      <c r="AS195" s="40"/>
      <c r="AT195" s="40"/>
      <c r="AU195" s="40"/>
      <c r="AV195" s="40"/>
      <c r="AW195" s="40"/>
      <c r="AX195" s="41"/>
    </row>
    <row r="196" spans="1:251" s="23" customFormat="1" ht="13.2">
      <c r="B196" s="42"/>
    </row>
    <row r="197" spans="1:251" s="23" customFormat="1" ht="14.4">
      <c r="B197" s="33" t="s">
        <v>93</v>
      </c>
      <c r="C197" s="34"/>
      <c r="D197" s="34"/>
      <c r="E197" s="34"/>
      <c r="F197" s="34"/>
      <c r="G197" s="34"/>
      <c r="H197" s="34"/>
      <c r="I197" s="34"/>
      <c r="J197" s="34"/>
      <c r="K197" s="34"/>
      <c r="L197" s="35"/>
      <c r="M197" s="35"/>
      <c r="N197" s="35"/>
      <c r="O197" s="35"/>
      <c r="P197" s="34"/>
      <c r="Q197" s="34"/>
      <c r="R197" s="34"/>
      <c r="S197" s="34"/>
      <c r="T197" s="34"/>
      <c r="U197" s="34"/>
      <c r="V197" s="33"/>
      <c r="W197" s="33"/>
      <c r="X197" s="33"/>
      <c r="Y197" s="33"/>
      <c r="Z197" s="33"/>
      <c r="AA197" s="33"/>
      <c r="AB197" s="33"/>
      <c r="AC197" s="33"/>
      <c r="AD197" s="33"/>
      <c r="AE197" s="33"/>
      <c r="AF197" s="33"/>
      <c r="AG197" s="33"/>
      <c r="AH197" s="33"/>
      <c r="AI197" s="33"/>
      <c r="AJ197" s="33"/>
      <c r="AK197" s="33"/>
      <c r="AL197" s="33"/>
      <c r="AM197" s="33"/>
      <c r="AN197" s="33"/>
      <c r="AO197" s="33"/>
      <c r="AP197" s="33"/>
      <c r="AQ197" s="33"/>
      <c r="AR197" s="33"/>
      <c r="AS197" s="33"/>
      <c r="AT197" s="33"/>
      <c r="AU197" s="33"/>
      <c r="AV197" s="33"/>
      <c r="AW197" s="33"/>
      <c r="AX197" s="33"/>
    </row>
    <row r="198" spans="1:251" s="23" customFormat="1" ht="15" thickBot="1">
      <c r="B198" s="33"/>
      <c r="C198" s="34"/>
      <c r="D198" s="34"/>
      <c r="E198" s="34"/>
      <c r="F198" s="34"/>
      <c r="G198" s="34"/>
      <c r="H198" s="34"/>
      <c r="I198" s="34"/>
      <c r="J198" s="34"/>
      <c r="K198" s="34"/>
      <c r="L198" s="35"/>
      <c r="M198" s="35"/>
      <c r="N198" s="35"/>
      <c r="O198" s="35"/>
      <c r="P198" s="34"/>
      <c r="Q198" s="34"/>
      <c r="R198" s="34"/>
      <c r="S198" s="34"/>
      <c r="T198" s="34"/>
      <c r="U198" s="34"/>
      <c r="V198" s="33"/>
      <c r="W198" s="33"/>
      <c r="X198" s="33"/>
      <c r="Y198" s="33"/>
      <c r="Z198" s="33"/>
      <c r="AA198" s="33"/>
      <c r="AB198" s="33"/>
      <c r="AC198" s="33"/>
      <c r="AD198" s="33"/>
      <c r="AE198" s="33"/>
      <c r="AF198" s="33"/>
      <c r="AG198" s="33"/>
      <c r="AH198" s="33"/>
      <c r="AI198" s="33"/>
      <c r="AJ198" s="33"/>
      <c r="AK198" s="33"/>
      <c r="AL198" s="33"/>
      <c r="AM198" s="33"/>
      <c r="AN198" s="33"/>
      <c r="AO198" s="33"/>
      <c r="AP198" s="33"/>
      <c r="AQ198" s="33"/>
      <c r="AR198" s="33"/>
      <c r="AS198" s="33"/>
      <c r="AT198" s="33"/>
      <c r="AU198" s="33"/>
      <c r="AV198" s="33"/>
      <c r="AW198" s="33"/>
      <c r="AX198" s="43" t="s">
        <v>94</v>
      </c>
    </row>
    <row r="199" spans="1:251" s="50" customFormat="1" ht="13.5" customHeight="1">
      <c r="A199" s="34"/>
      <c r="B199" s="139" t="s">
        <v>95</v>
      </c>
      <c r="C199" s="203"/>
      <c r="D199" s="203"/>
      <c r="E199" s="203"/>
      <c r="F199" s="203"/>
      <c r="G199" s="203"/>
      <c r="H199" s="203"/>
      <c r="I199" s="203"/>
      <c r="J199" s="203"/>
      <c r="K199" s="203"/>
      <c r="L199" s="203"/>
      <c r="M199" s="203"/>
      <c r="N199" s="203"/>
      <c r="O199" s="203"/>
      <c r="P199" s="203"/>
      <c r="Q199" s="203"/>
      <c r="R199" s="203"/>
      <c r="S199" s="203"/>
      <c r="T199" s="203"/>
      <c r="U199" s="203"/>
      <c r="V199" s="203"/>
      <c r="W199" s="203"/>
      <c r="X199" s="203"/>
      <c r="Y199" s="203"/>
      <c r="Z199" s="204"/>
      <c r="AA199" s="145" t="s">
        <v>116</v>
      </c>
      <c r="AB199" s="203"/>
      <c r="AC199" s="203"/>
      <c r="AD199" s="203"/>
      <c r="AE199" s="203"/>
      <c r="AF199" s="203"/>
      <c r="AG199" s="203"/>
      <c r="AH199" s="203"/>
      <c r="AI199" s="204"/>
      <c r="AJ199" s="145" t="s">
        <v>117</v>
      </c>
      <c r="AK199" s="203"/>
      <c r="AL199" s="203"/>
      <c r="AM199" s="203"/>
      <c r="AN199" s="203"/>
      <c r="AO199" s="203"/>
      <c r="AP199" s="203"/>
      <c r="AQ199" s="203"/>
      <c r="AR199" s="204"/>
      <c r="AS199" s="145" t="s">
        <v>98</v>
      </c>
      <c r="AT199" s="203"/>
      <c r="AU199" s="203"/>
      <c r="AV199" s="203"/>
      <c r="AW199" s="203"/>
      <c r="AX199" s="209"/>
      <c r="AY199" s="23"/>
      <c r="AZ199" s="23"/>
      <c r="BA199" s="23"/>
      <c r="BB199" s="23"/>
      <c r="BC199" s="23"/>
      <c r="BD199" s="23"/>
      <c r="BE199" s="23"/>
      <c r="BF199" s="23"/>
      <c r="BG199" s="23"/>
      <c r="BH199" s="23"/>
      <c r="BI199" s="23"/>
      <c r="BJ199" s="23"/>
      <c r="BK199" s="23"/>
      <c r="BL199" s="23"/>
      <c r="BM199" s="23"/>
      <c r="BN199" s="23"/>
      <c r="BO199" s="23"/>
      <c r="BP199" s="23"/>
      <c r="BQ199" s="23"/>
      <c r="BR199" s="23"/>
      <c r="BS199" s="23"/>
      <c r="BT199" s="23"/>
      <c r="BU199" s="23"/>
      <c r="BV199" s="23"/>
      <c r="BW199" s="23"/>
      <c r="BX199" s="23"/>
      <c r="BY199" s="23"/>
      <c r="BZ199" s="23"/>
      <c r="CA199" s="23"/>
      <c r="CB199" s="23"/>
      <c r="CC199" s="23"/>
      <c r="CD199" s="23"/>
      <c r="CE199" s="23"/>
      <c r="CF199" s="23"/>
      <c r="CG199" s="23"/>
      <c r="CH199" s="23"/>
      <c r="CI199" s="23"/>
      <c r="CJ199" s="23"/>
      <c r="CK199" s="23"/>
      <c r="CL199" s="23"/>
      <c r="CM199" s="23"/>
      <c r="CN199" s="23"/>
      <c r="CO199" s="23"/>
      <c r="CP199" s="23"/>
      <c r="CQ199" s="23"/>
      <c r="CR199" s="23"/>
      <c r="CS199" s="23"/>
      <c r="CT199" s="23"/>
      <c r="CU199" s="23"/>
      <c r="CV199" s="23"/>
      <c r="CW199" s="23"/>
      <c r="CX199" s="23"/>
      <c r="CY199" s="23"/>
      <c r="CZ199" s="23"/>
      <c r="DA199" s="23"/>
      <c r="DB199" s="23"/>
      <c r="DC199" s="23"/>
      <c r="DD199" s="23"/>
      <c r="DE199" s="23"/>
      <c r="DF199" s="23"/>
      <c r="DG199" s="23"/>
      <c r="DH199" s="23"/>
      <c r="DI199" s="23"/>
      <c r="DJ199" s="23"/>
      <c r="DK199" s="23"/>
      <c r="DL199" s="23"/>
      <c r="DM199" s="23"/>
      <c r="DN199" s="23"/>
      <c r="DO199" s="23"/>
      <c r="DP199" s="23"/>
      <c r="DQ199" s="23"/>
      <c r="DR199" s="23"/>
      <c r="DS199" s="23"/>
      <c r="DT199" s="23"/>
      <c r="DU199" s="23"/>
      <c r="DV199" s="23"/>
      <c r="DW199" s="23"/>
      <c r="DX199" s="23"/>
      <c r="DY199" s="23"/>
      <c r="DZ199" s="23"/>
      <c r="EA199" s="23"/>
      <c r="EB199" s="23"/>
      <c r="EC199" s="23"/>
      <c r="ED199" s="23"/>
      <c r="EE199" s="23"/>
      <c r="EF199" s="23"/>
      <c r="EG199" s="23"/>
      <c r="EH199" s="23"/>
      <c r="EI199" s="23"/>
      <c r="EJ199" s="23"/>
      <c r="EK199" s="23"/>
      <c r="EL199" s="23"/>
      <c r="EM199" s="23"/>
      <c r="EN199" s="23"/>
      <c r="EO199" s="23"/>
      <c r="EP199" s="23"/>
      <c r="EQ199" s="23"/>
      <c r="ER199" s="23"/>
      <c r="ES199" s="23"/>
      <c r="ET199" s="23"/>
      <c r="EU199" s="23"/>
      <c r="EV199" s="23"/>
      <c r="EW199" s="23"/>
      <c r="EX199" s="23"/>
      <c r="EY199" s="23"/>
      <c r="EZ199" s="23"/>
      <c r="FA199" s="23"/>
      <c r="FB199" s="23"/>
      <c r="FC199" s="23"/>
      <c r="FD199" s="23"/>
      <c r="FE199" s="23"/>
      <c r="FF199" s="23"/>
      <c r="FG199" s="23"/>
      <c r="FH199" s="23"/>
      <c r="FI199" s="23"/>
      <c r="FJ199" s="23"/>
      <c r="FK199" s="23"/>
      <c r="FL199" s="23"/>
      <c r="FM199" s="23"/>
      <c r="FN199" s="23"/>
      <c r="FO199" s="23"/>
      <c r="FP199" s="23"/>
      <c r="FQ199" s="23"/>
      <c r="FR199" s="23"/>
      <c r="FS199" s="23"/>
      <c r="FT199" s="23"/>
      <c r="FU199" s="23"/>
      <c r="FV199" s="23"/>
      <c r="FW199" s="23"/>
      <c r="FX199" s="23"/>
      <c r="FY199" s="23"/>
      <c r="FZ199" s="23"/>
      <c r="GA199" s="23"/>
      <c r="GB199" s="23"/>
      <c r="GC199" s="23"/>
      <c r="GD199" s="23"/>
      <c r="GE199" s="23"/>
      <c r="GF199" s="23"/>
      <c r="GG199" s="23"/>
      <c r="GH199" s="23"/>
      <c r="GI199" s="23"/>
      <c r="GJ199" s="23"/>
      <c r="GK199" s="23"/>
      <c r="GL199" s="23"/>
      <c r="GM199" s="23"/>
      <c r="GN199" s="23"/>
      <c r="GO199" s="23"/>
      <c r="GP199" s="23"/>
      <c r="GQ199" s="23"/>
      <c r="GR199" s="23"/>
      <c r="GS199" s="23"/>
      <c r="GT199" s="23"/>
      <c r="GU199" s="23"/>
      <c r="GV199" s="23"/>
      <c r="GW199" s="23"/>
      <c r="GX199" s="23"/>
      <c r="GY199" s="23"/>
      <c r="GZ199" s="23"/>
      <c r="HA199" s="23"/>
      <c r="HB199" s="23"/>
      <c r="HC199" s="23"/>
      <c r="HD199" s="23"/>
      <c r="HE199" s="23"/>
      <c r="HF199" s="23"/>
      <c r="HG199" s="23"/>
      <c r="HH199" s="23"/>
      <c r="HI199" s="23"/>
      <c r="HJ199" s="23"/>
      <c r="HK199" s="23"/>
      <c r="HL199" s="23"/>
      <c r="HM199" s="23"/>
      <c r="HN199" s="23"/>
      <c r="HO199" s="23"/>
      <c r="HP199" s="23"/>
      <c r="HQ199" s="23"/>
      <c r="HR199" s="23"/>
      <c r="HS199" s="23"/>
      <c r="HT199" s="23"/>
      <c r="HU199" s="23"/>
      <c r="HV199" s="23"/>
      <c r="HW199" s="23"/>
      <c r="HX199" s="23"/>
      <c r="HY199" s="23"/>
      <c r="HZ199" s="23"/>
      <c r="IA199" s="23"/>
      <c r="IB199" s="23"/>
      <c r="IC199" s="23"/>
      <c r="ID199" s="23"/>
      <c r="IE199" s="23"/>
      <c r="IF199" s="23"/>
      <c r="IG199" s="23"/>
      <c r="IH199" s="23"/>
      <c r="II199" s="23"/>
      <c r="IJ199" s="23"/>
      <c r="IK199" s="23"/>
      <c r="IL199" s="23"/>
      <c r="IM199" s="23"/>
      <c r="IN199" s="23"/>
      <c r="IO199" s="23"/>
      <c r="IP199" s="23"/>
      <c r="IQ199" s="23"/>
    </row>
    <row r="200" spans="1:251" s="50" customFormat="1">
      <c r="A200" s="34"/>
      <c r="B200" s="205"/>
      <c r="C200" s="206"/>
      <c r="D200" s="206"/>
      <c r="E200" s="206"/>
      <c r="F200" s="206"/>
      <c r="G200" s="206"/>
      <c r="H200" s="206"/>
      <c r="I200" s="206"/>
      <c r="J200" s="206"/>
      <c r="K200" s="206"/>
      <c r="L200" s="206"/>
      <c r="M200" s="206"/>
      <c r="N200" s="206"/>
      <c r="O200" s="206"/>
      <c r="P200" s="206"/>
      <c r="Q200" s="206"/>
      <c r="R200" s="206"/>
      <c r="S200" s="206"/>
      <c r="T200" s="206"/>
      <c r="U200" s="206"/>
      <c r="V200" s="206"/>
      <c r="W200" s="206"/>
      <c r="X200" s="206"/>
      <c r="Y200" s="206"/>
      <c r="Z200" s="207"/>
      <c r="AA200" s="208"/>
      <c r="AB200" s="206"/>
      <c r="AC200" s="206"/>
      <c r="AD200" s="206"/>
      <c r="AE200" s="206"/>
      <c r="AF200" s="206"/>
      <c r="AG200" s="206"/>
      <c r="AH200" s="206"/>
      <c r="AI200" s="207"/>
      <c r="AJ200" s="208"/>
      <c r="AK200" s="206"/>
      <c r="AL200" s="206"/>
      <c r="AM200" s="206"/>
      <c r="AN200" s="206"/>
      <c r="AO200" s="206"/>
      <c r="AP200" s="206"/>
      <c r="AQ200" s="206"/>
      <c r="AR200" s="207"/>
      <c r="AS200" s="208"/>
      <c r="AT200" s="206"/>
      <c r="AU200" s="206"/>
      <c r="AV200" s="206"/>
      <c r="AW200" s="206"/>
      <c r="AX200" s="210"/>
      <c r="AY200" s="23"/>
      <c r="AZ200" s="23"/>
      <c r="BA200" s="23"/>
      <c r="BB200"/>
      <c r="BC200" s="45"/>
      <c r="BE200" s="23"/>
      <c r="BF200" s="23"/>
      <c r="BG200" s="23"/>
      <c r="BH200" s="23"/>
      <c r="BI200" s="23"/>
      <c r="BJ200" s="23"/>
      <c r="BK200" s="23"/>
      <c r="BL200" s="23"/>
      <c r="BM200" s="23"/>
      <c r="BN200" s="23"/>
      <c r="BO200" s="23"/>
      <c r="BP200" s="23"/>
      <c r="BQ200" s="23"/>
      <c r="BR200" s="23"/>
      <c r="BS200" s="23"/>
      <c r="BT200" s="23"/>
      <c r="BU200" s="23"/>
      <c r="BV200" s="23"/>
      <c r="BW200" s="23"/>
      <c r="BX200" s="23"/>
      <c r="BY200" s="23"/>
      <c r="BZ200" s="23"/>
      <c r="CA200" s="23"/>
      <c r="CB200" s="23"/>
      <c r="CC200" s="23"/>
      <c r="CD200" s="23"/>
      <c r="CE200" s="23"/>
      <c r="CF200" s="23"/>
      <c r="CG200" s="23"/>
      <c r="CH200" s="23"/>
      <c r="CI200" s="23"/>
      <c r="CJ200" s="23"/>
      <c r="CK200" s="23"/>
      <c r="CL200" s="23"/>
      <c r="CM200" s="23"/>
      <c r="CN200" s="23"/>
      <c r="CO200" s="23"/>
      <c r="CP200" s="23"/>
      <c r="CQ200" s="23"/>
      <c r="CR200" s="23"/>
      <c r="CS200" s="23"/>
      <c r="CT200" s="23"/>
      <c r="CU200" s="23"/>
      <c r="CV200" s="23"/>
      <c r="CW200" s="23"/>
      <c r="CX200" s="23"/>
      <c r="CY200" s="23"/>
      <c r="CZ200" s="23"/>
      <c r="DA200" s="23"/>
      <c r="DB200" s="23"/>
      <c r="DC200" s="23"/>
      <c r="DD200" s="23"/>
      <c r="DE200" s="23"/>
      <c r="DF200" s="23"/>
      <c r="DG200" s="23"/>
      <c r="DH200" s="23"/>
      <c r="DI200" s="23"/>
      <c r="DJ200" s="23"/>
      <c r="DK200" s="23"/>
      <c r="DL200" s="23"/>
      <c r="DM200" s="23"/>
      <c r="DN200" s="23"/>
      <c r="DO200" s="23"/>
      <c r="DP200" s="23"/>
      <c r="DQ200" s="23"/>
      <c r="DR200" s="23"/>
      <c r="DS200" s="23"/>
      <c r="DT200" s="23"/>
      <c r="DU200" s="23"/>
      <c r="DV200" s="23"/>
      <c r="DW200" s="23"/>
      <c r="DX200" s="23"/>
      <c r="DY200" s="23"/>
      <c r="DZ200" s="23"/>
      <c r="EA200" s="23"/>
      <c r="EB200" s="23"/>
      <c r="EC200" s="23"/>
      <c r="ED200" s="23"/>
      <c r="EE200" s="23"/>
      <c r="EF200" s="23"/>
      <c r="EG200" s="23"/>
      <c r="EH200" s="23"/>
      <c r="EI200" s="23"/>
      <c r="EJ200" s="23"/>
      <c r="EK200" s="23"/>
      <c r="EL200" s="23"/>
      <c r="EM200" s="23"/>
      <c r="EN200" s="23"/>
      <c r="EO200" s="23"/>
      <c r="EP200" s="23"/>
      <c r="EQ200" s="23"/>
      <c r="ER200" s="23"/>
      <c r="ES200" s="23"/>
      <c r="ET200" s="23"/>
      <c r="EU200" s="23"/>
      <c r="EV200" s="23"/>
      <c r="EW200" s="23"/>
      <c r="EX200" s="23"/>
      <c r="EY200" s="23"/>
      <c r="EZ200" s="23"/>
      <c r="FA200" s="23"/>
      <c r="FB200" s="23"/>
      <c r="FC200" s="23"/>
      <c r="FD200" s="23"/>
      <c r="FE200" s="23"/>
      <c r="FF200" s="23"/>
      <c r="FG200" s="23"/>
      <c r="FH200" s="23"/>
      <c r="FI200" s="23"/>
      <c r="FJ200" s="23"/>
      <c r="FK200" s="23"/>
      <c r="FL200" s="23"/>
      <c r="FM200" s="23"/>
      <c r="FN200" s="23"/>
      <c r="FO200" s="23"/>
      <c r="FP200" s="23"/>
      <c r="FQ200" s="23"/>
      <c r="FR200" s="23"/>
      <c r="FS200" s="23"/>
      <c r="FT200" s="23"/>
      <c r="FU200" s="23"/>
      <c r="FV200" s="23"/>
      <c r="FW200" s="23"/>
      <c r="FX200" s="23"/>
      <c r="FY200" s="23"/>
      <c r="FZ200" s="23"/>
      <c r="GA200" s="23"/>
      <c r="GB200" s="23"/>
      <c r="GC200" s="23"/>
      <c r="GD200" s="23"/>
      <c r="GE200" s="23"/>
      <c r="GF200" s="23"/>
      <c r="GG200" s="23"/>
      <c r="GH200" s="23"/>
      <c r="GI200" s="23"/>
      <c r="GJ200" s="23"/>
      <c r="GK200" s="23"/>
      <c r="GL200" s="23"/>
      <c r="GM200" s="23"/>
      <c r="GN200" s="23"/>
      <c r="GO200" s="23"/>
      <c r="GP200" s="23"/>
      <c r="GQ200" s="23"/>
      <c r="GR200" s="23"/>
      <c r="GS200" s="23"/>
      <c r="GT200" s="23"/>
      <c r="GU200" s="23"/>
      <c r="GV200" s="23"/>
      <c r="GW200" s="23"/>
      <c r="GX200" s="23"/>
      <c r="GY200" s="23"/>
      <c r="GZ200" s="23"/>
      <c r="HA200" s="23"/>
      <c r="HB200" s="23"/>
      <c r="HC200" s="23"/>
      <c r="HD200" s="23"/>
      <c r="HE200" s="23"/>
      <c r="HF200" s="23"/>
      <c r="HG200" s="23"/>
      <c r="HH200" s="23"/>
      <c r="HI200" s="23"/>
      <c r="HJ200" s="23"/>
      <c r="HK200" s="23"/>
      <c r="HL200" s="23"/>
      <c r="HM200" s="23"/>
      <c r="HN200" s="23"/>
      <c r="HO200" s="23"/>
      <c r="HP200" s="23"/>
      <c r="HQ200" s="23"/>
      <c r="HR200" s="23"/>
      <c r="HS200" s="23"/>
      <c r="HT200" s="23"/>
      <c r="HU200" s="23"/>
      <c r="HV200" s="23"/>
      <c r="HW200" s="23"/>
      <c r="HX200" s="23"/>
      <c r="HY200" s="23"/>
      <c r="HZ200" s="23"/>
      <c r="IA200" s="23"/>
      <c r="IB200" s="23"/>
      <c r="IC200" s="23"/>
      <c r="ID200" s="23"/>
      <c r="IE200" s="23"/>
      <c r="IF200" s="23"/>
      <c r="IG200" s="23"/>
      <c r="IH200" s="23"/>
      <c r="II200" s="23"/>
      <c r="IJ200" s="23"/>
      <c r="IK200" s="23"/>
      <c r="IL200" s="23"/>
      <c r="IM200" s="23"/>
      <c r="IN200" s="23"/>
      <c r="IO200" s="23"/>
      <c r="IP200" s="23"/>
      <c r="IQ200" s="23"/>
    </row>
    <row r="201" spans="1:251" s="50" customFormat="1" ht="18.75" customHeight="1">
      <c r="A201" s="34"/>
      <c r="B201" s="46"/>
      <c r="C201" s="130" t="s">
        <v>128</v>
      </c>
      <c r="D201" s="130"/>
      <c r="E201" s="130"/>
      <c r="F201" s="130"/>
      <c r="G201" s="130"/>
      <c r="H201" s="130"/>
      <c r="I201" s="130"/>
      <c r="J201" s="130"/>
      <c r="K201" s="130"/>
      <c r="L201" s="130"/>
      <c r="M201" s="130"/>
      <c r="N201" s="130"/>
      <c r="O201" s="130"/>
      <c r="P201" s="130"/>
      <c r="Q201" s="130"/>
      <c r="R201" s="130"/>
      <c r="S201" s="130"/>
      <c r="T201" s="130"/>
      <c r="U201" s="130"/>
      <c r="V201" s="130"/>
      <c r="W201" s="130"/>
      <c r="X201" s="130"/>
      <c r="Y201" s="130"/>
      <c r="Z201" s="131"/>
      <c r="AA201" s="132">
        <v>12887</v>
      </c>
      <c r="AB201" s="196"/>
      <c r="AC201" s="196"/>
      <c r="AD201" s="196"/>
      <c r="AE201" s="196"/>
      <c r="AF201" s="196"/>
      <c r="AG201" s="196"/>
      <c r="AH201" s="196"/>
      <c r="AI201" s="197"/>
      <c r="AJ201" s="132">
        <v>35410</v>
      </c>
      <c r="AK201" s="196"/>
      <c r="AL201" s="196"/>
      <c r="AM201" s="196"/>
      <c r="AN201" s="196"/>
      <c r="AO201" s="196"/>
      <c r="AP201" s="196"/>
      <c r="AQ201" s="196"/>
      <c r="AR201" s="197"/>
      <c r="AS201" s="132"/>
      <c r="AT201" s="196"/>
      <c r="AU201" s="196"/>
      <c r="AV201" s="196"/>
      <c r="AW201" s="196"/>
      <c r="AX201" s="202"/>
      <c r="AY201" s="23"/>
      <c r="AZ201" s="23"/>
      <c r="BA201" s="23"/>
      <c r="BB201" s="23"/>
      <c r="BC201" s="23"/>
      <c r="BD201" s="23"/>
      <c r="BE201" s="23"/>
      <c r="BF201" s="23"/>
      <c r="BG201" s="23"/>
      <c r="BH201" s="23"/>
      <c r="BI201" s="23"/>
      <c r="BJ201" s="23"/>
      <c r="BK201" s="23"/>
      <c r="BL201" s="23"/>
      <c r="BM201" s="23"/>
      <c r="BN201" s="23"/>
      <c r="BO201" s="23"/>
      <c r="BP201" s="23"/>
      <c r="BQ201" s="23"/>
      <c r="BR201" s="23"/>
      <c r="BS201" s="23"/>
      <c r="BT201" s="23"/>
      <c r="BU201" s="23"/>
      <c r="BV201" s="23"/>
      <c r="BW201" s="23"/>
      <c r="BX201" s="23"/>
      <c r="BY201" s="23"/>
      <c r="BZ201" s="23"/>
      <c r="CA201" s="23"/>
      <c r="CB201" s="23"/>
      <c r="CC201" s="23"/>
      <c r="CD201" s="23"/>
      <c r="CE201" s="23"/>
      <c r="CF201" s="23"/>
      <c r="CG201" s="23"/>
      <c r="CH201" s="23"/>
      <c r="CI201" s="23"/>
      <c r="CJ201" s="23"/>
      <c r="CK201" s="23"/>
      <c r="CL201" s="23"/>
      <c r="CM201" s="23"/>
      <c r="CN201" s="23"/>
      <c r="CO201" s="23"/>
      <c r="CP201" s="23"/>
      <c r="CQ201" s="23"/>
      <c r="CR201" s="23"/>
      <c r="CS201" s="23"/>
      <c r="CT201" s="23"/>
      <c r="CU201" s="23"/>
      <c r="CV201" s="23"/>
      <c r="CW201" s="23"/>
      <c r="CX201" s="23"/>
      <c r="CY201" s="23"/>
      <c r="CZ201" s="23"/>
      <c r="DA201" s="23"/>
      <c r="DB201" s="23"/>
      <c r="DC201" s="23"/>
      <c r="DD201" s="23"/>
      <c r="DE201" s="23"/>
      <c r="DF201" s="23"/>
      <c r="DG201" s="23"/>
      <c r="DH201" s="23"/>
      <c r="DI201" s="23"/>
      <c r="DJ201" s="23"/>
      <c r="DK201" s="23"/>
      <c r="DL201" s="23"/>
      <c r="DM201" s="23"/>
      <c r="DN201" s="23"/>
      <c r="DO201" s="23"/>
      <c r="DP201" s="23"/>
      <c r="DQ201" s="23"/>
      <c r="DR201" s="23"/>
      <c r="DS201" s="23"/>
      <c r="DT201" s="23"/>
      <c r="DU201" s="23"/>
      <c r="DV201" s="23"/>
      <c r="DW201" s="23"/>
      <c r="DX201" s="23"/>
      <c r="DY201" s="23"/>
      <c r="DZ201" s="23"/>
      <c r="EA201" s="23"/>
      <c r="EB201" s="23"/>
      <c r="EC201" s="23"/>
      <c r="ED201" s="23"/>
      <c r="EE201" s="23"/>
      <c r="EF201" s="23"/>
      <c r="EG201" s="23"/>
      <c r="EH201" s="23"/>
      <c r="EI201" s="23"/>
      <c r="EJ201" s="23"/>
      <c r="EK201" s="23"/>
      <c r="EL201" s="23"/>
      <c r="EM201" s="23"/>
      <c r="EN201" s="23"/>
      <c r="EO201" s="23"/>
      <c r="EP201" s="23"/>
      <c r="EQ201" s="23"/>
      <c r="ER201" s="23"/>
      <c r="ES201" s="23"/>
      <c r="ET201" s="23"/>
      <c r="EU201" s="23"/>
      <c r="EV201" s="23"/>
      <c r="EW201" s="23"/>
      <c r="EX201" s="23"/>
      <c r="EY201" s="23"/>
      <c r="EZ201" s="23"/>
      <c r="FA201" s="23"/>
      <c r="FB201" s="23"/>
      <c r="FC201" s="23"/>
      <c r="FD201" s="23"/>
      <c r="FE201" s="23"/>
      <c r="FF201" s="23"/>
      <c r="FG201" s="23"/>
      <c r="FH201" s="23"/>
      <c r="FI201" s="23"/>
      <c r="FJ201" s="23"/>
      <c r="FK201" s="23"/>
      <c r="FL201" s="23"/>
      <c r="FM201" s="23"/>
      <c r="FN201" s="23"/>
      <c r="FO201" s="23"/>
      <c r="FP201" s="23"/>
      <c r="FQ201" s="23"/>
      <c r="FR201" s="23"/>
      <c r="FS201" s="23"/>
      <c r="FT201" s="23"/>
      <c r="FU201" s="23"/>
      <c r="FV201" s="23"/>
      <c r="FW201" s="23"/>
      <c r="FX201" s="23"/>
      <c r="FY201" s="23"/>
      <c r="FZ201" s="23"/>
      <c r="GA201" s="23"/>
      <c r="GB201" s="23"/>
      <c r="GC201" s="23"/>
      <c r="GD201" s="23"/>
      <c r="GE201" s="23"/>
      <c r="GF201" s="23"/>
      <c r="GG201" s="23"/>
      <c r="GH201" s="23"/>
      <c r="GI201" s="23"/>
      <c r="GJ201" s="23"/>
      <c r="GK201" s="23"/>
      <c r="GL201" s="23"/>
      <c r="GM201" s="23"/>
      <c r="GN201" s="23"/>
      <c r="GO201" s="23"/>
      <c r="GP201" s="23"/>
      <c r="GQ201" s="23"/>
      <c r="GR201" s="23"/>
      <c r="GS201" s="23"/>
      <c r="GT201" s="23"/>
      <c r="GU201" s="23"/>
      <c r="GV201" s="23"/>
      <c r="GW201" s="23"/>
      <c r="GX201" s="23"/>
      <c r="GY201" s="23"/>
      <c r="GZ201" s="23"/>
      <c r="HA201" s="23"/>
      <c r="HB201" s="23"/>
      <c r="HC201" s="23"/>
      <c r="HD201" s="23"/>
      <c r="HE201" s="23"/>
      <c r="HF201" s="23"/>
      <c r="HG201" s="23"/>
      <c r="HH201" s="23"/>
      <c r="HI201" s="23"/>
      <c r="HJ201" s="23"/>
      <c r="HK201" s="23"/>
      <c r="HL201" s="23"/>
      <c r="HM201" s="23"/>
      <c r="HN201" s="23"/>
      <c r="HO201" s="23"/>
      <c r="HP201" s="23"/>
      <c r="HQ201" s="23"/>
      <c r="HR201" s="23"/>
      <c r="HS201" s="23"/>
      <c r="HT201" s="23"/>
      <c r="HU201" s="23"/>
      <c r="HV201" s="23"/>
      <c r="HW201" s="23"/>
      <c r="HX201" s="23"/>
      <c r="HY201" s="23"/>
      <c r="HZ201" s="23"/>
      <c r="IA201" s="23"/>
      <c r="IB201" s="23"/>
      <c r="IC201" s="23"/>
      <c r="ID201" s="23"/>
      <c r="IE201" s="23"/>
      <c r="IF201" s="23"/>
      <c r="IG201" s="23"/>
      <c r="IH201" s="23"/>
      <c r="II201" s="23"/>
      <c r="IJ201" s="23"/>
      <c r="IK201" s="23"/>
      <c r="IL201" s="23"/>
      <c r="IM201" s="23"/>
      <c r="IN201" s="23"/>
      <c r="IO201" s="23"/>
      <c r="IP201" s="23"/>
      <c r="IQ201" s="23"/>
    </row>
    <row r="202" spans="1:251" s="50" customFormat="1" ht="18.75" customHeight="1">
      <c r="A202" s="34"/>
      <c r="B202" s="47"/>
      <c r="C202" s="130"/>
      <c r="D202" s="130"/>
      <c r="E202" s="130"/>
      <c r="F202" s="130"/>
      <c r="G202" s="130"/>
      <c r="H202" s="130"/>
      <c r="I202" s="130"/>
      <c r="J202" s="130"/>
      <c r="K202" s="130"/>
      <c r="L202" s="130"/>
      <c r="M202" s="130"/>
      <c r="N202" s="130"/>
      <c r="O202" s="130"/>
      <c r="P202" s="130"/>
      <c r="Q202" s="130"/>
      <c r="R202" s="130"/>
      <c r="S202" s="130"/>
      <c r="T202" s="130"/>
      <c r="U202" s="130"/>
      <c r="V202" s="130"/>
      <c r="W202" s="130"/>
      <c r="X202" s="130"/>
      <c r="Y202" s="130"/>
      <c r="Z202" s="131"/>
      <c r="AA202" s="132"/>
      <c r="AB202" s="200"/>
      <c r="AC202" s="200"/>
      <c r="AD202" s="200"/>
      <c r="AE202" s="200"/>
      <c r="AF202" s="200"/>
      <c r="AG202" s="200"/>
      <c r="AH202" s="200"/>
      <c r="AI202" s="201"/>
      <c r="AJ202" s="132"/>
      <c r="AK202" s="196"/>
      <c r="AL202" s="196"/>
      <c r="AM202" s="196"/>
      <c r="AN202" s="196"/>
      <c r="AO202" s="196"/>
      <c r="AP202" s="196"/>
      <c r="AQ202" s="196"/>
      <c r="AR202" s="197"/>
      <c r="AS202" s="132"/>
      <c r="AT202" s="196"/>
      <c r="AU202" s="196"/>
      <c r="AV202" s="196"/>
      <c r="AW202" s="196"/>
      <c r="AX202" s="202"/>
      <c r="AY202" s="23"/>
      <c r="AZ202" s="23"/>
      <c r="BA202" s="23"/>
      <c r="BB202" s="23"/>
      <c r="BC202" s="23"/>
      <c r="BD202" s="23"/>
      <c r="BE202" s="23"/>
      <c r="BF202" s="23"/>
      <c r="BG202" s="23"/>
      <c r="BH202" s="23"/>
      <c r="BI202" s="23"/>
      <c r="BJ202" s="23"/>
      <c r="BK202" s="23"/>
      <c r="BL202" s="23"/>
      <c r="BM202" s="23"/>
      <c r="BN202" s="23"/>
      <c r="BO202" s="23"/>
      <c r="BP202" s="23"/>
      <c r="BQ202" s="23"/>
      <c r="BR202" s="23"/>
      <c r="BS202" s="23"/>
      <c r="BT202" s="23"/>
      <c r="BU202" s="23"/>
      <c r="BV202" s="23"/>
      <c r="BW202" s="23"/>
      <c r="BX202" s="23"/>
      <c r="BY202" s="23"/>
      <c r="BZ202" s="23"/>
      <c r="CA202" s="23"/>
      <c r="CB202" s="23"/>
      <c r="CC202" s="23"/>
      <c r="CD202" s="23"/>
      <c r="CE202" s="23"/>
      <c r="CF202" s="23"/>
      <c r="CG202" s="23"/>
      <c r="CH202" s="23"/>
      <c r="CI202" s="23"/>
      <c r="CJ202" s="23"/>
      <c r="CK202" s="23"/>
      <c r="CL202" s="23"/>
      <c r="CM202" s="23"/>
      <c r="CN202" s="23"/>
      <c r="CO202" s="23"/>
      <c r="CP202" s="23"/>
      <c r="CQ202" s="23"/>
      <c r="CR202" s="23"/>
      <c r="CS202" s="23"/>
      <c r="CT202" s="23"/>
      <c r="CU202" s="23"/>
      <c r="CV202" s="23"/>
      <c r="CW202" s="23"/>
      <c r="CX202" s="23"/>
      <c r="CY202" s="23"/>
      <c r="CZ202" s="23"/>
      <c r="DA202" s="23"/>
      <c r="DB202" s="23"/>
      <c r="DC202" s="23"/>
      <c r="DD202" s="23"/>
      <c r="DE202" s="23"/>
      <c r="DF202" s="23"/>
      <c r="DG202" s="23"/>
      <c r="DH202" s="23"/>
      <c r="DI202" s="23"/>
      <c r="DJ202" s="23"/>
      <c r="DK202" s="23"/>
      <c r="DL202" s="23"/>
      <c r="DM202" s="23"/>
      <c r="DN202" s="23"/>
      <c r="DO202" s="23"/>
      <c r="DP202" s="23"/>
      <c r="DQ202" s="23"/>
      <c r="DR202" s="23"/>
      <c r="DS202" s="23"/>
      <c r="DT202" s="23"/>
      <c r="DU202" s="23"/>
      <c r="DV202" s="23"/>
      <c r="DW202" s="23"/>
      <c r="DX202" s="23"/>
      <c r="DY202" s="23"/>
      <c r="DZ202" s="23"/>
      <c r="EA202" s="23"/>
      <c r="EB202" s="23"/>
      <c r="EC202" s="23"/>
      <c r="ED202" s="23"/>
      <c r="EE202" s="23"/>
      <c r="EF202" s="23"/>
      <c r="EG202" s="23"/>
      <c r="EH202" s="23"/>
      <c r="EI202" s="23"/>
      <c r="EJ202" s="23"/>
      <c r="EK202" s="23"/>
      <c r="EL202" s="23"/>
      <c r="EM202" s="23"/>
      <c r="EN202" s="23"/>
      <c r="EO202" s="23"/>
      <c r="EP202" s="23"/>
      <c r="EQ202" s="23"/>
      <c r="ER202" s="23"/>
      <c r="ES202" s="23"/>
      <c r="ET202" s="23"/>
      <c r="EU202" s="23"/>
      <c r="EV202" s="23"/>
      <c r="EW202" s="23"/>
      <c r="EX202" s="23"/>
      <c r="EY202" s="23"/>
      <c r="EZ202" s="23"/>
      <c r="FA202" s="23"/>
      <c r="FB202" s="23"/>
      <c r="FC202" s="23"/>
      <c r="FD202" s="23"/>
      <c r="FE202" s="23"/>
      <c r="FF202" s="23"/>
      <c r="FG202" s="23"/>
      <c r="FH202" s="23"/>
      <c r="FI202" s="23"/>
      <c r="FJ202" s="23"/>
      <c r="FK202" s="23"/>
      <c r="FL202" s="23"/>
      <c r="FM202" s="23"/>
      <c r="FN202" s="23"/>
      <c r="FO202" s="23"/>
      <c r="FP202" s="23"/>
      <c r="FQ202" s="23"/>
      <c r="FR202" s="23"/>
      <c r="FS202" s="23"/>
      <c r="FT202" s="23"/>
      <c r="FU202" s="23"/>
      <c r="FV202" s="23"/>
      <c r="FW202" s="23"/>
      <c r="FX202" s="23"/>
      <c r="FY202" s="23"/>
      <c r="FZ202" s="23"/>
      <c r="GA202" s="23"/>
      <c r="GB202" s="23"/>
      <c r="GC202" s="23"/>
      <c r="GD202" s="23"/>
      <c r="GE202" s="23"/>
      <c r="GF202" s="23"/>
      <c r="GG202" s="23"/>
      <c r="GH202" s="23"/>
      <c r="GI202" s="23"/>
      <c r="GJ202" s="23"/>
      <c r="GK202" s="23"/>
      <c r="GL202" s="23"/>
      <c r="GM202" s="23"/>
      <c r="GN202" s="23"/>
      <c r="GO202" s="23"/>
      <c r="GP202" s="23"/>
      <c r="GQ202" s="23"/>
      <c r="GR202" s="23"/>
      <c r="GS202" s="23"/>
      <c r="GT202" s="23"/>
      <c r="GU202" s="23"/>
      <c r="GV202" s="23"/>
      <c r="GW202" s="23"/>
      <c r="GX202" s="23"/>
      <c r="GY202" s="23"/>
      <c r="GZ202" s="23"/>
      <c r="HA202" s="23"/>
      <c r="HB202" s="23"/>
      <c r="HC202" s="23"/>
      <c r="HD202" s="23"/>
      <c r="HE202" s="23"/>
      <c r="HF202" s="23"/>
      <c r="HG202" s="23"/>
      <c r="HH202" s="23"/>
      <c r="HI202" s="23"/>
      <c r="HJ202" s="23"/>
      <c r="HK202" s="23"/>
      <c r="HL202" s="23"/>
      <c r="HM202" s="23"/>
      <c r="HN202" s="23"/>
      <c r="HO202" s="23"/>
      <c r="HP202" s="23"/>
      <c r="HQ202" s="23"/>
      <c r="HR202" s="23"/>
      <c r="HS202" s="23"/>
      <c r="HT202" s="23"/>
      <c r="HU202" s="23"/>
      <c r="HV202" s="23"/>
      <c r="HW202" s="23"/>
      <c r="HX202" s="23"/>
      <c r="HY202" s="23"/>
      <c r="HZ202" s="23"/>
      <c r="IA202" s="23"/>
      <c r="IB202" s="23"/>
      <c r="IC202" s="23"/>
      <c r="ID202" s="23"/>
      <c r="IE202" s="23"/>
      <c r="IF202" s="23"/>
      <c r="IG202" s="23"/>
      <c r="IH202" s="23"/>
      <c r="II202" s="23"/>
      <c r="IJ202" s="23"/>
      <c r="IK202" s="23"/>
      <c r="IL202" s="23"/>
      <c r="IM202" s="23"/>
      <c r="IN202" s="23"/>
      <c r="IO202" s="23"/>
      <c r="IP202" s="23"/>
      <c r="IQ202" s="23"/>
    </row>
    <row r="203" spans="1:251" s="50" customFormat="1" ht="18.75" customHeight="1">
      <c r="A203" s="34"/>
      <c r="B203" s="47"/>
      <c r="C203" s="130"/>
      <c r="D203" s="130"/>
      <c r="E203" s="130"/>
      <c r="F203" s="130"/>
      <c r="G203" s="130"/>
      <c r="H203" s="130"/>
      <c r="I203" s="130"/>
      <c r="J203" s="130"/>
      <c r="K203" s="130"/>
      <c r="L203" s="130"/>
      <c r="M203" s="130"/>
      <c r="N203" s="130"/>
      <c r="O203" s="130"/>
      <c r="P203" s="130"/>
      <c r="Q203" s="130"/>
      <c r="R203" s="130"/>
      <c r="S203" s="130"/>
      <c r="T203" s="130"/>
      <c r="U203" s="130"/>
      <c r="V203" s="130"/>
      <c r="W203" s="130"/>
      <c r="X203" s="130"/>
      <c r="Y203" s="130"/>
      <c r="Z203" s="131"/>
      <c r="AA203" s="132"/>
      <c r="AB203" s="200"/>
      <c r="AC203" s="200"/>
      <c r="AD203" s="200"/>
      <c r="AE203" s="200"/>
      <c r="AF203" s="200"/>
      <c r="AG203" s="200"/>
      <c r="AH203" s="200"/>
      <c r="AI203" s="201"/>
      <c r="AJ203" s="132"/>
      <c r="AK203" s="196"/>
      <c r="AL203" s="196"/>
      <c r="AM203" s="196"/>
      <c r="AN203" s="196"/>
      <c r="AO203" s="196"/>
      <c r="AP203" s="196"/>
      <c r="AQ203" s="196"/>
      <c r="AR203" s="197"/>
      <c r="AS203" s="132"/>
      <c r="AT203" s="196"/>
      <c r="AU203" s="196"/>
      <c r="AV203" s="196"/>
      <c r="AW203" s="196"/>
      <c r="AX203" s="202"/>
      <c r="AY203" s="23"/>
      <c r="AZ203" s="23"/>
      <c r="BA203" s="23"/>
      <c r="BB203" s="23"/>
      <c r="BC203" s="23"/>
      <c r="BD203" s="23"/>
      <c r="BE203" s="23"/>
      <c r="BF203" s="23"/>
      <c r="BG203" s="23"/>
      <c r="BH203" s="23"/>
      <c r="BI203" s="23"/>
      <c r="BJ203" s="23"/>
      <c r="BK203" s="23"/>
      <c r="BL203" s="23"/>
      <c r="BM203" s="23"/>
      <c r="BN203" s="23"/>
      <c r="BO203" s="23"/>
      <c r="BP203" s="23"/>
      <c r="BQ203" s="23"/>
      <c r="BR203" s="23"/>
      <c r="BS203" s="23"/>
      <c r="BT203" s="23"/>
      <c r="BU203" s="23"/>
      <c r="BV203" s="23"/>
      <c r="BW203" s="23"/>
      <c r="BX203" s="23"/>
      <c r="BY203" s="23"/>
      <c r="BZ203" s="23"/>
      <c r="CA203" s="23"/>
      <c r="CB203" s="23"/>
      <c r="CC203" s="23"/>
      <c r="CD203" s="23"/>
      <c r="CE203" s="23"/>
      <c r="CF203" s="23"/>
      <c r="CG203" s="23"/>
      <c r="CH203" s="23"/>
      <c r="CI203" s="23"/>
      <c r="CJ203" s="23"/>
      <c r="CK203" s="23"/>
      <c r="CL203" s="23"/>
      <c r="CM203" s="23"/>
      <c r="CN203" s="23"/>
      <c r="CO203" s="23"/>
      <c r="CP203" s="23"/>
      <c r="CQ203" s="23"/>
      <c r="CR203" s="23"/>
      <c r="CS203" s="23"/>
      <c r="CT203" s="23"/>
      <c r="CU203" s="23"/>
      <c r="CV203" s="23"/>
      <c r="CW203" s="23"/>
      <c r="CX203" s="23"/>
      <c r="CY203" s="23"/>
      <c r="CZ203" s="23"/>
      <c r="DA203" s="23"/>
      <c r="DB203" s="23"/>
      <c r="DC203" s="23"/>
      <c r="DD203" s="23"/>
      <c r="DE203" s="23"/>
      <c r="DF203" s="23"/>
      <c r="DG203" s="23"/>
      <c r="DH203" s="23"/>
      <c r="DI203" s="23"/>
      <c r="DJ203" s="23"/>
      <c r="DK203" s="23"/>
      <c r="DL203" s="23"/>
      <c r="DM203" s="23"/>
      <c r="DN203" s="23"/>
      <c r="DO203" s="23"/>
      <c r="DP203" s="23"/>
      <c r="DQ203" s="23"/>
      <c r="DR203" s="23"/>
      <c r="DS203" s="23"/>
      <c r="DT203" s="23"/>
      <c r="DU203" s="23"/>
      <c r="DV203" s="23"/>
      <c r="DW203" s="23"/>
      <c r="DX203" s="23"/>
      <c r="DY203" s="23"/>
      <c r="DZ203" s="23"/>
      <c r="EA203" s="23"/>
      <c r="EB203" s="23"/>
      <c r="EC203" s="23"/>
      <c r="ED203" s="23"/>
      <c r="EE203" s="23"/>
      <c r="EF203" s="23"/>
      <c r="EG203" s="23"/>
      <c r="EH203" s="23"/>
      <c r="EI203" s="23"/>
      <c r="EJ203" s="23"/>
      <c r="EK203" s="23"/>
      <c r="EL203" s="23"/>
      <c r="EM203" s="23"/>
      <c r="EN203" s="23"/>
      <c r="EO203" s="23"/>
      <c r="EP203" s="23"/>
      <c r="EQ203" s="23"/>
      <c r="ER203" s="23"/>
      <c r="ES203" s="23"/>
      <c r="ET203" s="23"/>
      <c r="EU203" s="23"/>
      <c r="EV203" s="23"/>
      <c r="EW203" s="23"/>
      <c r="EX203" s="23"/>
      <c r="EY203" s="23"/>
      <c r="EZ203" s="23"/>
      <c r="FA203" s="23"/>
      <c r="FB203" s="23"/>
      <c r="FC203" s="23"/>
      <c r="FD203" s="23"/>
      <c r="FE203" s="23"/>
      <c r="FF203" s="23"/>
      <c r="FG203" s="23"/>
      <c r="FH203" s="23"/>
      <c r="FI203" s="23"/>
      <c r="FJ203" s="23"/>
      <c r="FK203" s="23"/>
      <c r="FL203" s="23"/>
      <c r="FM203" s="23"/>
      <c r="FN203" s="23"/>
      <c r="FO203" s="23"/>
      <c r="FP203" s="23"/>
      <c r="FQ203" s="23"/>
      <c r="FR203" s="23"/>
      <c r="FS203" s="23"/>
      <c r="FT203" s="23"/>
      <c r="FU203" s="23"/>
      <c r="FV203" s="23"/>
      <c r="FW203" s="23"/>
      <c r="FX203" s="23"/>
      <c r="FY203" s="23"/>
      <c r="FZ203" s="23"/>
      <c r="GA203" s="23"/>
      <c r="GB203" s="23"/>
      <c r="GC203" s="23"/>
      <c r="GD203" s="23"/>
      <c r="GE203" s="23"/>
      <c r="GF203" s="23"/>
      <c r="GG203" s="23"/>
      <c r="GH203" s="23"/>
      <c r="GI203" s="23"/>
      <c r="GJ203" s="23"/>
      <c r="GK203" s="23"/>
      <c r="GL203" s="23"/>
      <c r="GM203" s="23"/>
      <c r="GN203" s="23"/>
      <c r="GO203" s="23"/>
      <c r="GP203" s="23"/>
      <c r="GQ203" s="23"/>
      <c r="GR203" s="23"/>
      <c r="GS203" s="23"/>
      <c r="GT203" s="23"/>
      <c r="GU203" s="23"/>
      <c r="GV203" s="23"/>
      <c r="GW203" s="23"/>
      <c r="GX203" s="23"/>
      <c r="GY203" s="23"/>
      <c r="GZ203" s="23"/>
      <c r="HA203" s="23"/>
      <c r="HB203" s="23"/>
      <c r="HC203" s="23"/>
      <c r="HD203" s="23"/>
      <c r="HE203" s="23"/>
      <c r="HF203" s="23"/>
      <c r="HG203" s="23"/>
      <c r="HH203" s="23"/>
      <c r="HI203" s="23"/>
      <c r="HJ203" s="23"/>
      <c r="HK203" s="23"/>
      <c r="HL203" s="23"/>
      <c r="HM203" s="23"/>
      <c r="HN203" s="23"/>
      <c r="HO203" s="23"/>
      <c r="HP203" s="23"/>
      <c r="HQ203" s="23"/>
      <c r="HR203" s="23"/>
      <c r="HS203" s="23"/>
      <c r="HT203" s="23"/>
      <c r="HU203" s="23"/>
      <c r="HV203" s="23"/>
      <c r="HW203" s="23"/>
      <c r="HX203" s="23"/>
      <c r="HY203" s="23"/>
      <c r="HZ203" s="23"/>
      <c r="IA203" s="23"/>
      <c r="IB203" s="23"/>
      <c r="IC203" s="23"/>
      <c r="ID203" s="23"/>
      <c r="IE203" s="23"/>
      <c r="IF203" s="23"/>
      <c r="IG203" s="23"/>
      <c r="IH203" s="23"/>
      <c r="II203" s="23"/>
      <c r="IJ203" s="23"/>
      <c r="IK203" s="23"/>
      <c r="IL203" s="23"/>
      <c r="IM203" s="23"/>
      <c r="IN203" s="23"/>
      <c r="IO203" s="23"/>
      <c r="IP203" s="23"/>
      <c r="IQ203" s="23"/>
    </row>
    <row r="204" spans="1:251" s="50" customFormat="1" ht="18.75" customHeight="1">
      <c r="A204" s="34"/>
      <c r="B204" s="47"/>
      <c r="C204" s="130"/>
      <c r="D204" s="130"/>
      <c r="E204" s="130"/>
      <c r="F204" s="130"/>
      <c r="G204" s="130"/>
      <c r="H204" s="130"/>
      <c r="I204" s="130"/>
      <c r="J204" s="130"/>
      <c r="K204" s="130"/>
      <c r="L204" s="130"/>
      <c r="M204" s="130"/>
      <c r="N204" s="130"/>
      <c r="O204" s="130"/>
      <c r="P204" s="130"/>
      <c r="Q204" s="130"/>
      <c r="R204" s="130"/>
      <c r="S204" s="130"/>
      <c r="T204" s="130"/>
      <c r="U204" s="130"/>
      <c r="V204" s="130"/>
      <c r="W204" s="130"/>
      <c r="X204" s="130"/>
      <c r="Y204" s="130"/>
      <c r="Z204" s="131"/>
      <c r="AA204" s="132"/>
      <c r="AB204" s="200"/>
      <c r="AC204" s="200"/>
      <c r="AD204" s="200"/>
      <c r="AE204" s="200"/>
      <c r="AF204" s="200"/>
      <c r="AG204" s="200"/>
      <c r="AH204" s="200"/>
      <c r="AI204" s="201"/>
      <c r="AJ204" s="132"/>
      <c r="AK204" s="196"/>
      <c r="AL204" s="196"/>
      <c r="AM204" s="196"/>
      <c r="AN204" s="196"/>
      <c r="AO204" s="196"/>
      <c r="AP204" s="196"/>
      <c r="AQ204" s="196"/>
      <c r="AR204" s="197"/>
      <c r="AS204" s="132"/>
      <c r="AT204" s="196"/>
      <c r="AU204" s="196"/>
      <c r="AV204" s="196"/>
      <c r="AW204" s="196"/>
      <c r="AX204" s="202"/>
      <c r="AY204" s="23"/>
      <c r="AZ204" s="23"/>
      <c r="BA204" s="23"/>
      <c r="BB204" s="23"/>
      <c r="BC204" s="23"/>
      <c r="BD204" s="23"/>
      <c r="BE204" s="23"/>
      <c r="BF204" s="23"/>
      <c r="BG204" s="23"/>
      <c r="BH204" s="23"/>
      <c r="BI204" s="23"/>
      <c r="BJ204" s="23"/>
      <c r="BK204" s="23"/>
      <c r="BL204" s="23"/>
      <c r="BM204" s="23"/>
      <c r="BN204" s="23"/>
      <c r="BO204" s="23"/>
      <c r="BP204" s="23"/>
      <c r="BQ204" s="23"/>
      <c r="BR204" s="23"/>
      <c r="BS204" s="23"/>
      <c r="BT204" s="23"/>
      <c r="BU204" s="23"/>
      <c r="BV204" s="23"/>
      <c r="BW204" s="23"/>
      <c r="BX204" s="23"/>
      <c r="BY204" s="23"/>
      <c r="BZ204" s="23"/>
      <c r="CA204" s="23"/>
      <c r="CB204" s="23"/>
      <c r="CC204" s="23"/>
      <c r="CD204" s="23"/>
      <c r="CE204" s="23"/>
      <c r="CF204" s="23"/>
      <c r="CG204" s="23"/>
      <c r="CH204" s="23"/>
      <c r="CI204" s="23"/>
      <c r="CJ204" s="23"/>
      <c r="CK204" s="23"/>
      <c r="CL204" s="23"/>
      <c r="CM204" s="23"/>
      <c r="CN204" s="23"/>
      <c r="CO204" s="23"/>
      <c r="CP204" s="23"/>
      <c r="CQ204" s="23"/>
      <c r="CR204" s="23"/>
      <c r="CS204" s="23"/>
      <c r="CT204" s="23"/>
      <c r="CU204" s="23"/>
      <c r="CV204" s="23"/>
      <c r="CW204" s="23"/>
      <c r="CX204" s="23"/>
      <c r="CY204" s="23"/>
      <c r="CZ204" s="23"/>
      <c r="DA204" s="23"/>
      <c r="DB204" s="23"/>
      <c r="DC204" s="23"/>
      <c r="DD204" s="23"/>
      <c r="DE204" s="23"/>
      <c r="DF204" s="23"/>
      <c r="DG204" s="23"/>
      <c r="DH204" s="23"/>
      <c r="DI204" s="23"/>
      <c r="DJ204" s="23"/>
      <c r="DK204" s="23"/>
      <c r="DL204" s="23"/>
      <c r="DM204" s="23"/>
      <c r="DN204" s="23"/>
      <c r="DO204" s="23"/>
      <c r="DP204" s="23"/>
      <c r="DQ204" s="23"/>
      <c r="DR204" s="23"/>
      <c r="DS204" s="23"/>
      <c r="DT204" s="23"/>
      <c r="DU204" s="23"/>
      <c r="DV204" s="23"/>
      <c r="DW204" s="23"/>
      <c r="DX204" s="23"/>
      <c r="DY204" s="23"/>
      <c r="DZ204" s="23"/>
      <c r="EA204" s="23"/>
      <c r="EB204" s="23"/>
      <c r="EC204" s="23"/>
      <c r="ED204" s="23"/>
      <c r="EE204" s="23"/>
      <c r="EF204" s="23"/>
      <c r="EG204" s="23"/>
      <c r="EH204" s="23"/>
      <c r="EI204" s="23"/>
      <c r="EJ204" s="23"/>
      <c r="EK204" s="23"/>
      <c r="EL204" s="23"/>
      <c r="EM204" s="23"/>
      <c r="EN204" s="23"/>
      <c r="EO204" s="23"/>
      <c r="EP204" s="23"/>
      <c r="EQ204" s="23"/>
      <c r="ER204" s="23"/>
      <c r="ES204" s="23"/>
      <c r="ET204" s="23"/>
      <c r="EU204" s="23"/>
      <c r="EV204" s="23"/>
      <c r="EW204" s="23"/>
      <c r="EX204" s="23"/>
      <c r="EY204" s="23"/>
      <c r="EZ204" s="23"/>
      <c r="FA204" s="23"/>
      <c r="FB204" s="23"/>
      <c r="FC204" s="23"/>
      <c r="FD204" s="23"/>
      <c r="FE204" s="23"/>
      <c r="FF204" s="23"/>
      <c r="FG204" s="23"/>
      <c r="FH204" s="23"/>
      <c r="FI204" s="23"/>
      <c r="FJ204" s="23"/>
      <c r="FK204" s="23"/>
      <c r="FL204" s="23"/>
      <c r="FM204" s="23"/>
      <c r="FN204" s="23"/>
      <c r="FO204" s="23"/>
      <c r="FP204" s="23"/>
      <c r="FQ204" s="23"/>
      <c r="FR204" s="23"/>
      <c r="FS204" s="23"/>
      <c r="FT204" s="23"/>
      <c r="FU204" s="23"/>
      <c r="FV204" s="23"/>
      <c r="FW204" s="23"/>
      <c r="FX204" s="23"/>
      <c r="FY204" s="23"/>
      <c r="FZ204" s="23"/>
      <c r="GA204" s="23"/>
      <c r="GB204" s="23"/>
      <c r="GC204" s="23"/>
      <c r="GD204" s="23"/>
      <c r="GE204" s="23"/>
      <c r="GF204" s="23"/>
      <c r="GG204" s="23"/>
      <c r="GH204" s="23"/>
      <c r="GI204" s="23"/>
      <c r="GJ204" s="23"/>
      <c r="GK204" s="23"/>
      <c r="GL204" s="23"/>
      <c r="GM204" s="23"/>
      <c r="GN204" s="23"/>
      <c r="GO204" s="23"/>
      <c r="GP204" s="23"/>
      <c r="GQ204" s="23"/>
      <c r="GR204" s="23"/>
      <c r="GS204" s="23"/>
      <c r="GT204" s="23"/>
      <c r="GU204" s="23"/>
      <c r="GV204" s="23"/>
      <c r="GW204" s="23"/>
      <c r="GX204" s="23"/>
      <c r="GY204" s="23"/>
      <c r="GZ204" s="23"/>
      <c r="HA204" s="23"/>
      <c r="HB204" s="23"/>
      <c r="HC204" s="23"/>
      <c r="HD204" s="23"/>
      <c r="HE204" s="23"/>
      <c r="HF204" s="23"/>
      <c r="HG204" s="23"/>
      <c r="HH204" s="23"/>
      <c r="HI204" s="23"/>
      <c r="HJ204" s="23"/>
      <c r="HK204" s="23"/>
      <c r="HL204" s="23"/>
      <c r="HM204" s="23"/>
      <c r="HN204" s="23"/>
      <c r="HO204" s="23"/>
      <c r="HP204" s="23"/>
      <c r="HQ204" s="23"/>
      <c r="HR204" s="23"/>
      <c r="HS204" s="23"/>
      <c r="HT204" s="23"/>
      <c r="HU204" s="23"/>
      <c r="HV204" s="23"/>
      <c r="HW204" s="23"/>
      <c r="HX204" s="23"/>
      <c r="HY204" s="23"/>
      <c r="HZ204" s="23"/>
      <c r="IA204" s="23"/>
      <c r="IB204" s="23"/>
      <c r="IC204" s="23"/>
      <c r="ID204" s="23"/>
      <c r="IE204" s="23"/>
      <c r="IF204" s="23"/>
      <c r="IG204" s="23"/>
      <c r="IH204" s="23"/>
      <c r="II204" s="23"/>
      <c r="IJ204" s="23"/>
      <c r="IK204" s="23"/>
      <c r="IL204" s="23"/>
      <c r="IM204" s="23"/>
      <c r="IN204" s="23"/>
      <c r="IO204" s="23"/>
      <c r="IP204" s="23"/>
      <c r="IQ204" s="23"/>
    </row>
    <row r="205" spans="1:251" s="50" customFormat="1" ht="18.75" customHeight="1">
      <c r="A205" s="34"/>
      <c r="B205" s="48"/>
      <c r="C205" s="130"/>
      <c r="D205" s="130"/>
      <c r="E205" s="130"/>
      <c r="F205" s="130"/>
      <c r="G205" s="130"/>
      <c r="H205" s="130"/>
      <c r="I205" s="130"/>
      <c r="J205" s="130"/>
      <c r="K205" s="130"/>
      <c r="L205" s="130"/>
      <c r="M205" s="130"/>
      <c r="N205" s="130"/>
      <c r="O205" s="130"/>
      <c r="P205" s="130"/>
      <c r="Q205" s="130"/>
      <c r="R205" s="130"/>
      <c r="S205" s="130"/>
      <c r="T205" s="130"/>
      <c r="U205" s="130"/>
      <c r="V205" s="130"/>
      <c r="W205" s="130"/>
      <c r="X205" s="130"/>
      <c r="Y205" s="130"/>
      <c r="Z205" s="131"/>
      <c r="AA205" s="132"/>
      <c r="AB205" s="200"/>
      <c r="AC205" s="200"/>
      <c r="AD205" s="200"/>
      <c r="AE205" s="200"/>
      <c r="AF205" s="200"/>
      <c r="AG205" s="200"/>
      <c r="AH205" s="200"/>
      <c r="AI205" s="201"/>
      <c r="AJ205" s="132"/>
      <c r="AK205" s="196"/>
      <c r="AL205" s="196"/>
      <c r="AM205" s="196"/>
      <c r="AN205" s="196"/>
      <c r="AO205" s="196"/>
      <c r="AP205" s="196"/>
      <c r="AQ205" s="196"/>
      <c r="AR205" s="197"/>
      <c r="AS205" s="136"/>
      <c r="AT205" s="198"/>
      <c r="AU205" s="198"/>
      <c r="AV205" s="198"/>
      <c r="AW205" s="198"/>
      <c r="AX205" s="199"/>
      <c r="AY205" s="23"/>
      <c r="AZ205" s="23"/>
      <c r="BA205" s="23"/>
      <c r="BB205" s="23"/>
      <c r="BC205" s="23"/>
      <c r="BD205" s="23"/>
      <c r="BE205" s="23"/>
      <c r="BF205" s="23"/>
      <c r="BG205" s="23"/>
      <c r="BH205" s="23"/>
      <c r="BI205" s="23"/>
      <c r="BJ205" s="23"/>
      <c r="BK205" s="23"/>
      <c r="BL205" s="23"/>
      <c r="BM205" s="23"/>
      <c r="BN205" s="23"/>
      <c r="BO205" s="23"/>
      <c r="BP205" s="23"/>
      <c r="BQ205" s="23"/>
      <c r="BR205" s="23"/>
      <c r="BS205" s="23"/>
      <c r="BT205" s="23"/>
      <c r="BU205" s="23"/>
      <c r="BV205" s="23"/>
      <c r="BW205" s="23"/>
      <c r="BX205" s="23"/>
      <c r="BY205" s="23"/>
      <c r="BZ205" s="23"/>
      <c r="CA205" s="23"/>
      <c r="CB205" s="23"/>
      <c r="CC205" s="23"/>
      <c r="CD205" s="23"/>
      <c r="CE205" s="23"/>
      <c r="CF205" s="23"/>
      <c r="CG205" s="23"/>
      <c r="CH205" s="23"/>
      <c r="CI205" s="23"/>
      <c r="CJ205" s="23"/>
      <c r="CK205" s="23"/>
      <c r="CL205" s="23"/>
      <c r="CM205" s="23"/>
      <c r="CN205" s="23"/>
      <c r="CO205" s="23"/>
      <c r="CP205" s="23"/>
      <c r="CQ205" s="23"/>
      <c r="CR205" s="23"/>
      <c r="CS205" s="23"/>
      <c r="CT205" s="23"/>
      <c r="CU205" s="23"/>
      <c r="CV205" s="23"/>
      <c r="CW205" s="23"/>
      <c r="CX205" s="23"/>
      <c r="CY205" s="23"/>
      <c r="CZ205" s="23"/>
      <c r="DA205" s="23"/>
      <c r="DB205" s="23"/>
      <c r="DC205" s="23"/>
      <c r="DD205" s="23"/>
      <c r="DE205" s="23"/>
      <c r="DF205" s="23"/>
      <c r="DG205" s="23"/>
      <c r="DH205" s="23"/>
      <c r="DI205" s="23"/>
      <c r="DJ205" s="23"/>
      <c r="DK205" s="23"/>
      <c r="DL205" s="23"/>
      <c r="DM205" s="23"/>
      <c r="DN205" s="23"/>
      <c r="DO205" s="23"/>
      <c r="DP205" s="23"/>
      <c r="DQ205" s="23"/>
      <c r="DR205" s="23"/>
      <c r="DS205" s="23"/>
      <c r="DT205" s="23"/>
      <c r="DU205" s="23"/>
      <c r="DV205" s="23"/>
      <c r="DW205" s="23"/>
      <c r="DX205" s="23"/>
      <c r="DY205" s="23"/>
      <c r="DZ205" s="23"/>
      <c r="EA205" s="23"/>
      <c r="EB205" s="23"/>
      <c r="EC205" s="23"/>
      <c r="ED205" s="23"/>
      <c r="EE205" s="23"/>
      <c r="EF205" s="23"/>
      <c r="EG205" s="23"/>
      <c r="EH205" s="23"/>
      <c r="EI205" s="23"/>
      <c r="EJ205" s="23"/>
      <c r="EK205" s="23"/>
      <c r="EL205" s="23"/>
      <c r="EM205" s="23"/>
      <c r="EN205" s="23"/>
      <c r="EO205" s="23"/>
      <c r="EP205" s="23"/>
      <c r="EQ205" s="23"/>
      <c r="ER205" s="23"/>
      <c r="ES205" s="23"/>
      <c r="ET205" s="23"/>
      <c r="EU205" s="23"/>
      <c r="EV205" s="23"/>
      <c r="EW205" s="23"/>
      <c r="EX205" s="23"/>
      <c r="EY205" s="23"/>
      <c r="EZ205" s="23"/>
      <c r="FA205" s="23"/>
      <c r="FB205" s="23"/>
      <c r="FC205" s="23"/>
      <c r="FD205" s="23"/>
      <c r="FE205" s="23"/>
      <c r="FF205" s="23"/>
      <c r="FG205" s="23"/>
      <c r="FH205" s="23"/>
      <c r="FI205" s="23"/>
      <c r="FJ205" s="23"/>
      <c r="FK205" s="23"/>
      <c r="FL205" s="23"/>
      <c r="FM205" s="23"/>
      <c r="FN205" s="23"/>
      <c r="FO205" s="23"/>
      <c r="FP205" s="23"/>
      <c r="FQ205" s="23"/>
      <c r="FR205" s="23"/>
      <c r="FS205" s="23"/>
      <c r="FT205" s="23"/>
      <c r="FU205" s="23"/>
      <c r="FV205" s="23"/>
      <c r="FW205" s="23"/>
      <c r="FX205" s="23"/>
      <c r="FY205" s="23"/>
      <c r="FZ205" s="23"/>
      <c r="GA205" s="23"/>
      <c r="GB205" s="23"/>
      <c r="GC205" s="23"/>
      <c r="GD205" s="23"/>
      <c r="GE205" s="23"/>
      <c r="GF205" s="23"/>
      <c r="GG205" s="23"/>
      <c r="GH205" s="23"/>
      <c r="GI205" s="23"/>
      <c r="GJ205" s="23"/>
      <c r="GK205" s="23"/>
      <c r="GL205" s="23"/>
      <c r="GM205" s="23"/>
      <c r="GN205" s="23"/>
      <c r="GO205" s="23"/>
      <c r="GP205" s="23"/>
      <c r="GQ205" s="23"/>
      <c r="GR205" s="23"/>
      <c r="GS205" s="23"/>
      <c r="GT205" s="23"/>
      <c r="GU205" s="23"/>
      <c r="GV205" s="23"/>
      <c r="GW205" s="23"/>
      <c r="GX205" s="23"/>
      <c r="GY205" s="23"/>
      <c r="GZ205" s="23"/>
      <c r="HA205" s="23"/>
      <c r="HB205" s="23"/>
      <c r="HC205" s="23"/>
      <c r="HD205" s="23"/>
      <c r="HE205" s="23"/>
      <c r="HF205" s="23"/>
      <c r="HG205" s="23"/>
      <c r="HH205" s="23"/>
      <c r="HI205" s="23"/>
      <c r="HJ205" s="23"/>
      <c r="HK205" s="23"/>
      <c r="HL205" s="23"/>
      <c r="HM205" s="23"/>
      <c r="HN205" s="23"/>
      <c r="HO205" s="23"/>
      <c r="HP205" s="23"/>
      <c r="HQ205" s="23"/>
      <c r="HR205" s="23"/>
      <c r="HS205" s="23"/>
      <c r="HT205" s="23"/>
      <c r="HU205" s="23"/>
      <c r="HV205" s="23"/>
      <c r="HW205" s="23"/>
      <c r="HX205" s="23"/>
      <c r="HY205" s="23"/>
      <c r="HZ205" s="23"/>
      <c r="IA205" s="23"/>
      <c r="IB205" s="23"/>
      <c r="IC205" s="23"/>
      <c r="ID205" s="23"/>
      <c r="IE205" s="23"/>
      <c r="IF205" s="23"/>
      <c r="IG205" s="23"/>
      <c r="IH205" s="23"/>
      <c r="II205" s="23"/>
      <c r="IJ205" s="23"/>
      <c r="IK205" s="23"/>
      <c r="IL205" s="23"/>
      <c r="IM205" s="23"/>
      <c r="IN205" s="23"/>
      <c r="IO205" s="23"/>
      <c r="IP205" s="23"/>
      <c r="IQ205" s="23"/>
    </row>
    <row r="206" spans="1:251" s="50" customFormat="1" ht="18.75" customHeight="1">
      <c r="A206" s="34"/>
      <c r="B206" s="47"/>
      <c r="C206" s="130"/>
      <c r="D206" s="130"/>
      <c r="E206" s="130"/>
      <c r="F206" s="130"/>
      <c r="G206" s="130"/>
      <c r="H206" s="130"/>
      <c r="I206" s="130"/>
      <c r="J206" s="130"/>
      <c r="K206" s="130"/>
      <c r="L206" s="130"/>
      <c r="M206" s="130"/>
      <c r="N206" s="130"/>
      <c r="O206" s="130"/>
      <c r="P206" s="130"/>
      <c r="Q206" s="130"/>
      <c r="R206" s="130"/>
      <c r="S206" s="130"/>
      <c r="T206" s="130"/>
      <c r="U206" s="130"/>
      <c r="V206" s="130"/>
      <c r="W206" s="130"/>
      <c r="X206" s="130"/>
      <c r="Y206" s="130"/>
      <c r="Z206" s="131"/>
      <c r="AA206" s="132"/>
      <c r="AB206" s="200"/>
      <c r="AC206" s="200"/>
      <c r="AD206" s="200"/>
      <c r="AE206" s="200"/>
      <c r="AF206" s="200"/>
      <c r="AG206" s="200"/>
      <c r="AH206" s="200"/>
      <c r="AI206" s="201"/>
      <c r="AJ206" s="132"/>
      <c r="AK206" s="196"/>
      <c r="AL206" s="196"/>
      <c r="AM206" s="196"/>
      <c r="AN206" s="196"/>
      <c r="AO206" s="196"/>
      <c r="AP206" s="196"/>
      <c r="AQ206" s="196"/>
      <c r="AR206" s="197"/>
      <c r="AS206" s="132"/>
      <c r="AT206" s="196"/>
      <c r="AU206" s="196"/>
      <c r="AV206" s="196"/>
      <c r="AW206" s="196"/>
      <c r="AX206" s="202"/>
      <c r="AY206" s="23"/>
      <c r="AZ206" s="23"/>
      <c r="BA206" s="23"/>
      <c r="BB206" s="23"/>
      <c r="BC206" s="23"/>
      <c r="BD206" s="23"/>
      <c r="BE206" s="23"/>
      <c r="BF206" s="23"/>
      <c r="BG206" s="23"/>
      <c r="BH206" s="23"/>
      <c r="BI206" s="23"/>
      <c r="BJ206" s="23"/>
      <c r="BK206" s="23"/>
      <c r="BL206" s="23"/>
      <c r="BM206" s="23"/>
      <c r="BN206" s="23"/>
      <c r="BO206" s="23"/>
      <c r="BP206" s="23"/>
      <c r="BQ206" s="23"/>
      <c r="BR206" s="23"/>
      <c r="BS206" s="23"/>
      <c r="BT206" s="23"/>
      <c r="BU206" s="23"/>
      <c r="BV206" s="23"/>
      <c r="BW206" s="23"/>
      <c r="BX206" s="23"/>
      <c r="BY206" s="23"/>
      <c r="BZ206" s="23"/>
      <c r="CA206" s="23"/>
      <c r="CB206" s="23"/>
      <c r="CC206" s="23"/>
      <c r="CD206" s="23"/>
      <c r="CE206" s="23"/>
      <c r="CF206" s="23"/>
      <c r="CG206" s="23"/>
      <c r="CH206" s="23"/>
      <c r="CI206" s="23"/>
      <c r="CJ206" s="23"/>
      <c r="CK206" s="23"/>
      <c r="CL206" s="23"/>
      <c r="CM206" s="23"/>
      <c r="CN206" s="23"/>
      <c r="CO206" s="23"/>
      <c r="CP206" s="23"/>
      <c r="CQ206" s="23"/>
      <c r="CR206" s="23"/>
      <c r="CS206" s="23"/>
      <c r="CT206" s="23"/>
      <c r="CU206" s="23"/>
      <c r="CV206" s="23"/>
      <c r="CW206" s="23"/>
      <c r="CX206" s="23"/>
      <c r="CY206" s="23"/>
      <c r="CZ206" s="23"/>
      <c r="DA206" s="23"/>
      <c r="DB206" s="23"/>
      <c r="DC206" s="23"/>
      <c r="DD206" s="23"/>
      <c r="DE206" s="23"/>
      <c r="DF206" s="23"/>
      <c r="DG206" s="23"/>
      <c r="DH206" s="23"/>
      <c r="DI206" s="23"/>
      <c r="DJ206" s="23"/>
      <c r="DK206" s="23"/>
      <c r="DL206" s="23"/>
      <c r="DM206" s="23"/>
      <c r="DN206" s="23"/>
      <c r="DO206" s="23"/>
      <c r="DP206" s="23"/>
      <c r="DQ206" s="23"/>
      <c r="DR206" s="23"/>
      <c r="DS206" s="23"/>
      <c r="DT206" s="23"/>
      <c r="DU206" s="23"/>
      <c r="DV206" s="23"/>
      <c r="DW206" s="23"/>
      <c r="DX206" s="23"/>
      <c r="DY206" s="23"/>
      <c r="DZ206" s="23"/>
      <c r="EA206" s="23"/>
      <c r="EB206" s="23"/>
      <c r="EC206" s="23"/>
      <c r="ED206" s="23"/>
      <c r="EE206" s="23"/>
      <c r="EF206" s="23"/>
      <c r="EG206" s="23"/>
      <c r="EH206" s="23"/>
      <c r="EI206" s="23"/>
      <c r="EJ206" s="23"/>
      <c r="EK206" s="23"/>
      <c r="EL206" s="23"/>
      <c r="EM206" s="23"/>
      <c r="EN206" s="23"/>
      <c r="EO206" s="23"/>
      <c r="EP206" s="23"/>
      <c r="EQ206" s="23"/>
      <c r="ER206" s="23"/>
      <c r="ES206" s="23"/>
      <c r="ET206" s="23"/>
      <c r="EU206" s="23"/>
      <c r="EV206" s="23"/>
      <c r="EW206" s="23"/>
      <c r="EX206" s="23"/>
      <c r="EY206" s="23"/>
      <c r="EZ206" s="23"/>
      <c r="FA206" s="23"/>
      <c r="FB206" s="23"/>
      <c r="FC206" s="23"/>
      <c r="FD206" s="23"/>
      <c r="FE206" s="23"/>
      <c r="FF206" s="23"/>
      <c r="FG206" s="23"/>
      <c r="FH206" s="23"/>
      <c r="FI206" s="23"/>
      <c r="FJ206" s="23"/>
      <c r="FK206" s="23"/>
      <c r="FL206" s="23"/>
      <c r="FM206" s="23"/>
      <c r="FN206" s="23"/>
      <c r="FO206" s="23"/>
      <c r="FP206" s="23"/>
      <c r="FQ206" s="23"/>
      <c r="FR206" s="23"/>
      <c r="FS206" s="23"/>
      <c r="FT206" s="23"/>
      <c r="FU206" s="23"/>
      <c r="FV206" s="23"/>
      <c r="FW206" s="23"/>
      <c r="FX206" s="23"/>
      <c r="FY206" s="23"/>
      <c r="FZ206" s="23"/>
      <c r="GA206" s="23"/>
      <c r="GB206" s="23"/>
      <c r="GC206" s="23"/>
      <c r="GD206" s="23"/>
      <c r="GE206" s="23"/>
      <c r="GF206" s="23"/>
      <c r="GG206" s="23"/>
      <c r="GH206" s="23"/>
      <c r="GI206" s="23"/>
      <c r="GJ206" s="23"/>
      <c r="GK206" s="23"/>
      <c r="GL206" s="23"/>
      <c r="GM206" s="23"/>
      <c r="GN206" s="23"/>
      <c r="GO206" s="23"/>
      <c r="GP206" s="23"/>
      <c r="GQ206" s="23"/>
      <c r="GR206" s="23"/>
      <c r="GS206" s="23"/>
      <c r="GT206" s="23"/>
      <c r="GU206" s="23"/>
      <c r="GV206" s="23"/>
      <c r="GW206" s="23"/>
      <c r="GX206" s="23"/>
      <c r="GY206" s="23"/>
      <c r="GZ206" s="23"/>
      <c r="HA206" s="23"/>
      <c r="HB206" s="23"/>
      <c r="HC206" s="23"/>
      <c r="HD206" s="23"/>
      <c r="HE206" s="23"/>
      <c r="HF206" s="23"/>
      <c r="HG206" s="23"/>
      <c r="HH206" s="23"/>
      <c r="HI206" s="23"/>
      <c r="HJ206" s="23"/>
      <c r="HK206" s="23"/>
      <c r="HL206" s="23"/>
      <c r="HM206" s="23"/>
      <c r="HN206" s="23"/>
      <c r="HO206" s="23"/>
      <c r="HP206" s="23"/>
      <c r="HQ206" s="23"/>
      <c r="HR206" s="23"/>
      <c r="HS206" s="23"/>
      <c r="HT206" s="23"/>
      <c r="HU206" s="23"/>
      <c r="HV206" s="23"/>
      <c r="HW206" s="23"/>
      <c r="HX206" s="23"/>
      <c r="HY206" s="23"/>
      <c r="HZ206" s="23"/>
      <c r="IA206" s="23"/>
      <c r="IB206" s="23"/>
      <c r="IC206" s="23"/>
      <c r="ID206" s="23"/>
      <c r="IE206" s="23"/>
      <c r="IF206" s="23"/>
      <c r="IG206" s="23"/>
      <c r="IH206" s="23"/>
      <c r="II206" s="23"/>
      <c r="IJ206" s="23"/>
      <c r="IK206" s="23"/>
      <c r="IL206" s="23"/>
      <c r="IM206" s="23"/>
      <c r="IN206" s="23"/>
      <c r="IO206" s="23"/>
      <c r="IP206" s="23"/>
      <c r="IQ206" s="23"/>
    </row>
    <row r="207" spans="1:251" s="50" customFormat="1" ht="18.75" customHeight="1">
      <c r="A207" s="34"/>
      <c r="B207" s="48"/>
      <c r="C207" s="130"/>
      <c r="D207" s="130"/>
      <c r="E207" s="130"/>
      <c r="F207" s="130"/>
      <c r="G207" s="130"/>
      <c r="H207" s="130"/>
      <c r="I207" s="130"/>
      <c r="J207" s="130"/>
      <c r="K207" s="130"/>
      <c r="L207" s="130"/>
      <c r="M207" s="130"/>
      <c r="N207" s="130"/>
      <c r="O207" s="130"/>
      <c r="P207" s="130"/>
      <c r="Q207" s="130"/>
      <c r="R207" s="130"/>
      <c r="S207" s="130"/>
      <c r="T207" s="130"/>
      <c r="U207" s="130"/>
      <c r="V207" s="130"/>
      <c r="W207" s="130"/>
      <c r="X207" s="130"/>
      <c r="Y207" s="130"/>
      <c r="Z207" s="131"/>
      <c r="AA207" s="132"/>
      <c r="AB207" s="200"/>
      <c r="AC207" s="200"/>
      <c r="AD207" s="200"/>
      <c r="AE207" s="200"/>
      <c r="AF207" s="200"/>
      <c r="AG207" s="200"/>
      <c r="AH207" s="200"/>
      <c r="AI207" s="201"/>
      <c r="AJ207" s="132"/>
      <c r="AK207" s="133"/>
      <c r="AL207" s="133"/>
      <c r="AM207" s="133"/>
      <c r="AN207" s="133"/>
      <c r="AO207" s="133"/>
      <c r="AP207" s="133"/>
      <c r="AQ207" s="133"/>
      <c r="AR207" s="134"/>
      <c r="AS207" s="132"/>
      <c r="AT207" s="196"/>
      <c r="AU207" s="196"/>
      <c r="AV207" s="196"/>
      <c r="AW207" s="196"/>
      <c r="AX207" s="202"/>
      <c r="AY207" s="23"/>
      <c r="AZ207" s="23"/>
      <c r="BA207" s="23"/>
      <c r="BB207" s="23"/>
      <c r="BC207" s="23"/>
      <c r="BD207" s="23"/>
      <c r="BE207" s="23"/>
      <c r="BF207" s="23"/>
      <c r="BG207" s="23"/>
      <c r="BH207" s="23"/>
      <c r="BI207" s="23"/>
      <c r="BJ207" s="23"/>
      <c r="BK207" s="23"/>
      <c r="BL207" s="23"/>
      <c r="BM207" s="23"/>
      <c r="BN207" s="23"/>
      <c r="BO207" s="23"/>
      <c r="BP207" s="23"/>
      <c r="BQ207" s="23"/>
      <c r="BR207" s="23"/>
      <c r="BS207" s="23"/>
      <c r="BT207" s="23"/>
      <c r="BU207" s="23"/>
      <c r="BV207" s="23"/>
      <c r="BW207" s="23"/>
      <c r="BX207" s="23"/>
      <c r="BY207" s="23"/>
      <c r="BZ207" s="23"/>
      <c r="CA207" s="23"/>
      <c r="CB207" s="23"/>
      <c r="CC207" s="23"/>
      <c r="CD207" s="23"/>
      <c r="CE207" s="23"/>
      <c r="CF207" s="23"/>
      <c r="CG207" s="23"/>
      <c r="CH207" s="23"/>
      <c r="CI207" s="23"/>
      <c r="CJ207" s="23"/>
      <c r="CK207" s="23"/>
      <c r="CL207" s="23"/>
      <c r="CM207" s="23"/>
      <c r="CN207" s="23"/>
      <c r="CO207" s="23"/>
      <c r="CP207" s="23"/>
      <c r="CQ207" s="23"/>
      <c r="CR207" s="23"/>
      <c r="CS207" s="23"/>
      <c r="CT207" s="23"/>
      <c r="CU207" s="23"/>
      <c r="CV207" s="23"/>
      <c r="CW207" s="23"/>
      <c r="CX207" s="23"/>
      <c r="CY207" s="23"/>
      <c r="CZ207" s="23"/>
      <c r="DA207" s="23"/>
      <c r="DB207" s="23"/>
      <c r="DC207" s="23"/>
      <c r="DD207" s="23"/>
      <c r="DE207" s="23"/>
      <c r="DF207" s="23"/>
      <c r="DG207" s="23"/>
      <c r="DH207" s="23"/>
      <c r="DI207" s="23"/>
      <c r="DJ207" s="23"/>
      <c r="DK207" s="23"/>
      <c r="DL207" s="23"/>
      <c r="DM207" s="23"/>
      <c r="DN207" s="23"/>
      <c r="DO207" s="23"/>
      <c r="DP207" s="23"/>
      <c r="DQ207" s="23"/>
      <c r="DR207" s="23"/>
      <c r="DS207" s="23"/>
      <c r="DT207" s="23"/>
      <c r="DU207" s="23"/>
      <c r="DV207" s="23"/>
      <c r="DW207" s="23"/>
      <c r="DX207" s="23"/>
      <c r="DY207" s="23"/>
      <c r="DZ207" s="23"/>
      <c r="EA207" s="23"/>
      <c r="EB207" s="23"/>
      <c r="EC207" s="23"/>
      <c r="ED207" s="23"/>
      <c r="EE207" s="23"/>
      <c r="EF207" s="23"/>
      <c r="EG207" s="23"/>
      <c r="EH207" s="23"/>
      <c r="EI207" s="23"/>
      <c r="EJ207" s="23"/>
      <c r="EK207" s="23"/>
      <c r="EL207" s="23"/>
      <c r="EM207" s="23"/>
      <c r="EN207" s="23"/>
      <c r="EO207" s="23"/>
      <c r="EP207" s="23"/>
      <c r="EQ207" s="23"/>
      <c r="ER207" s="23"/>
      <c r="ES207" s="23"/>
      <c r="ET207" s="23"/>
      <c r="EU207" s="23"/>
      <c r="EV207" s="23"/>
      <c r="EW207" s="23"/>
      <c r="EX207" s="23"/>
      <c r="EY207" s="23"/>
      <c r="EZ207" s="23"/>
      <c r="FA207" s="23"/>
      <c r="FB207" s="23"/>
      <c r="FC207" s="23"/>
      <c r="FD207" s="23"/>
      <c r="FE207" s="23"/>
      <c r="FF207" s="23"/>
      <c r="FG207" s="23"/>
      <c r="FH207" s="23"/>
      <c r="FI207" s="23"/>
      <c r="FJ207" s="23"/>
      <c r="FK207" s="23"/>
      <c r="FL207" s="23"/>
      <c r="FM207" s="23"/>
      <c r="FN207" s="23"/>
      <c r="FO207" s="23"/>
      <c r="FP207" s="23"/>
      <c r="FQ207" s="23"/>
      <c r="FR207" s="23"/>
      <c r="FS207" s="23"/>
      <c r="FT207" s="23"/>
      <c r="FU207" s="23"/>
      <c r="FV207" s="23"/>
      <c r="FW207" s="23"/>
      <c r="FX207" s="23"/>
      <c r="FY207" s="23"/>
      <c r="FZ207" s="23"/>
      <c r="GA207" s="23"/>
      <c r="GB207" s="23"/>
      <c r="GC207" s="23"/>
      <c r="GD207" s="23"/>
      <c r="GE207" s="23"/>
      <c r="GF207" s="23"/>
      <c r="GG207" s="23"/>
      <c r="GH207" s="23"/>
      <c r="GI207" s="23"/>
      <c r="GJ207" s="23"/>
      <c r="GK207" s="23"/>
      <c r="GL207" s="23"/>
      <c r="GM207" s="23"/>
      <c r="GN207" s="23"/>
      <c r="GO207" s="23"/>
      <c r="GP207" s="23"/>
      <c r="GQ207" s="23"/>
      <c r="GR207" s="23"/>
      <c r="GS207" s="23"/>
      <c r="GT207" s="23"/>
      <c r="GU207" s="23"/>
      <c r="GV207" s="23"/>
      <c r="GW207" s="23"/>
      <c r="GX207" s="23"/>
      <c r="GY207" s="23"/>
      <c r="GZ207" s="23"/>
      <c r="HA207" s="23"/>
      <c r="HB207" s="23"/>
      <c r="HC207" s="23"/>
      <c r="HD207" s="23"/>
      <c r="HE207" s="23"/>
      <c r="HF207" s="23"/>
      <c r="HG207" s="23"/>
      <c r="HH207" s="23"/>
      <c r="HI207" s="23"/>
      <c r="HJ207" s="23"/>
      <c r="HK207" s="23"/>
      <c r="HL207" s="23"/>
      <c r="HM207" s="23"/>
      <c r="HN207" s="23"/>
      <c r="HO207" s="23"/>
      <c r="HP207" s="23"/>
      <c r="HQ207" s="23"/>
      <c r="HR207" s="23"/>
      <c r="HS207" s="23"/>
      <c r="HT207" s="23"/>
      <c r="HU207" s="23"/>
      <c r="HV207" s="23"/>
      <c r="HW207" s="23"/>
      <c r="HX207" s="23"/>
      <c r="HY207" s="23"/>
      <c r="HZ207" s="23"/>
      <c r="IA207" s="23"/>
      <c r="IB207" s="23"/>
      <c r="IC207" s="23"/>
      <c r="ID207" s="23"/>
      <c r="IE207" s="23"/>
      <c r="IF207" s="23"/>
      <c r="IG207" s="23"/>
      <c r="IH207" s="23"/>
      <c r="II207" s="23"/>
      <c r="IJ207" s="23"/>
      <c r="IK207" s="23"/>
      <c r="IL207" s="23"/>
      <c r="IM207" s="23"/>
      <c r="IN207" s="23"/>
      <c r="IO207" s="23"/>
      <c r="IP207" s="23"/>
      <c r="IQ207" s="23"/>
    </row>
    <row r="208" spans="1:251" s="50" customFormat="1" ht="18.75" customHeight="1" thickBot="1">
      <c r="A208" s="34"/>
      <c r="B208" s="49"/>
      <c r="C208" s="158"/>
      <c r="D208" s="158"/>
      <c r="E208" s="158"/>
      <c r="F208" s="158"/>
      <c r="G208" s="158"/>
      <c r="H208" s="158"/>
      <c r="I208" s="158"/>
      <c r="J208" s="158"/>
      <c r="K208" s="158"/>
      <c r="L208" s="158"/>
      <c r="M208" s="158"/>
      <c r="N208" s="158"/>
      <c r="O208" s="158"/>
      <c r="P208" s="158"/>
      <c r="Q208" s="158"/>
      <c r="R208" s="158"/>
      <c r="S208" s="158"/>
      <c r="T208" s="158"/>
      <c r="U208" s="158"/>
      <c r="V208" s="158"/>
      <c r="W208" s="158"/>
      <c r="X208" s="158"/>
      <c r="Y208" s="158"/>
      <c r="Z208" s="159"/>
      <c r="AA208" s="160"/>
      <c r="AB208" s="211"/>
      <c r="AC208" s="211"/>
      <c r="AD208" s="211"/>
      <c r="AE208" s="211"/>
      <c r="AF208" s="211"/>
      <c r="AG208" s="211"/>
      <c r="AH208" s="211"/>
      <c r="AI208" s="212"/>
      <c r="AJ208" s="160"/>
      <c r="AK208" s="161"/>
      <c r="AL208" s="161"/>
      <c r="AM208" s="161"/>
      <c r="AN208" s="161"/>
      <c r="AO208" s="161"/>
      <c r="AP208" s="161"/>
      <c r="AQ208" s="161"/>
      <c r="AR208" s="162"/>
      <c r="AS208" s="188"/>
      <c r="AT208" s="213"/>
      <c r="AU208" s="213"/>
      <c r="AV208" s="213"/>
      <c r="AW208" s="213"/>
      <c r="AX208" s="214"/>
      <c r="AY208" s="23"/>
      <c r="AZ208" s="23"/>
      <c r="BA208" s="23"/>
      <c r="BB208" s="23"/>
      <c r="BC208" s="23"/>
      <c r="BD208" s="23"/>
      <c r="BE208" s="23"/>
      <c r="BF208" s="23"/>
      <c r="BG208" s="23"/>
      <c r="BH208" s="23"/>
      <c r="BI208" s="23"/>
      <c r="BJ208" s="23"/>
      <c r="BK208" s="23"/>
      <c r="BL208" s="23"/>
      <c r="BM208" s="23"/>
      <c r="BN208" s="23"/>
      <c r="BO208" s="23"/>
      <c r="BP208" s="23"/>
      <c r="BQ208" s="23"/>
      <c r="BR208" s="23"/>
      <c r="BS208" s="23"/>
      <c r="BT208" s="23"/>
      <c r="BU208" s="23"/>
      <c r="BV208" s="23"/>
      <c r="BW208" s="23"/>
      <c r="BX208" s="23"/>
      <c r="BY208" s="23"/>
      <c r="BZ208" s="23"/>
      <c r="CA208" s="23"/>
      <c r="CB208" s="23"/>
      <c r="CC208" s="23"/>
      <c r="CD208" s="23"/>
      <c r="CE208" s="23"/>
      <c r="CF208" s="23"/>
      <c r="CG208" s="23"/>
      <c r="CH208" s="23"/>
      <c r="CI208" s="23"/>
      <c r="CJ208" s="23"/>
      <c r="CK208" s="23"/>
      <c r="CL208" s="23"/>
      <c r="CM208" s="23"/>
      <c r="CN208" s="23"/>
      <c r="CO208" s="23"/>
      <c r="CP208" s="23"/>
      <c r="CQ208" s="23"/>
      <c r="CR208" s="23"/>
      <c r="CS208" s="23"/>
      <c r="CT208" s="23"/>
      <c r="CU208" s="23"/>
      <c r="CV208" s="23"/>
      <c r="CW208" s="23"/>
      <c r="CX208" s="23"/>
      <c r="CY208" s="23"/>
      <c r="CZ208" s="23"/>
      <c r="DA208" s="23"/>
      <c r="DB208" s="23"/>
      <c r="DC208" s="23"/>
      <c r="DD208" s="23"/>
      <c r="DE208" s="23"/>
      <c r="DF208" s="23"/>
      <c r="DG208" s="23"/>
      <c r="DH208" s="23"/>
      <c r="DI208" s="23"/>
      <c r="DJ208" s="23"/>
      <c r="DK208" s="23"/>
      <c r="DL208" s="23"/>
      <c r="DM208" s="23"/>
      <c r="DN208" s="23"/>
      <c r="DO208" s="23"/>
      <c r="DP208" s="23"/>
      <c r="DQ208" s="23"/>
      <c r="DR208" s="23"/>
      <c r="DS208" s="23"/>
      <c r="DT208" s="23"/>
      <c r="DU208" s="23"/>
      <c r="DV208" s="23"/>
      <c r="DW208" s="23"/>
      <c r="DX208" s="23"/>
      <c r="DY208" s="23"/>
      <c r="DZ208" s="23"/>
      <c r="EA208" s="23"/>
      <c r="EB208" s="23"/>
      <c r="EC208" s="23"/>
      <c r="ED208" s="23"/>
      <c r="EE208" s="23"/>
      <c r="EF208" s="23"/>
      <c r="EG208" s="23"/>
      <c r="EH208" s="23"/>
      <c r="EI208" s="23"/>
      <c r="EJ208" s="23"/>
      <c r="EK208" s="23"/>
      <c r="EL208" s="23"/>
      <c r="EM208" s="23"/>
      <c r="EN208" s="23"/>
      <c r="EO208" s="23"/>
      <c r="EP208" s="23"/>
      <c r="EQ208" s="23"/>
      <c r="ER208" s="23"/>
      <c r="ES208" s="23"/>
      <c r="ET208" s="23"/>
      <c r="EU208" s="23"/>
      <c r="EV208" s="23"/>
      <c r="EW208" s="23"/>
      <c r="EX208" s="23"/>
      <c r="EY208" s="23"/>
      <c r="EZ208" s="23"/>
      <c r="FA208" s="23"/>
      <c r="FB208" s="23"/>
      <c r="FC208" s="23"/>
      <c r="FD208" s="23"/>
      <c r="FE208" s="23"/>
      <c r="FF208" s="23"/>
      <c r="FG208" s="23"/>
      <c r="FH208" s="23"/>
      <c r="FI208" s="23"/>
      <c r="FJ208" s="23"/>
      <c r="FK208" s="23"/>
      <c r="FL208" s="23"/>
      <c r="FM208" s="23"/>
      <c r="FN208" s="23"/>
      <c r="FO208" s="23"/>
      <c r="FP208" s="23"/>
      <c r="FQ208" s="23"/>
      <c r="FR208" s="23"/>
      <c r="FS208" s="23"/>
      <c r="FT208" s="23"/>
      <c r="FU208" s="23"/>
      <c r="FV208" s="23"/>
      <c r="FW208" s="23"/>
      <c r="FX208" s="23"/>
      <c r="FY208" s="23"/>
      <c r="FZ208" s="23"/>
      <c r="GA208" s="23"/>
      <c r="GB208" s="23"/>
      <c r="GC208" s="23"/>
      <c r="GD208" s="23"/>
      <c r="GE208" s="23"/>
      <c r="GF208" s="23"/>
      <c r="GG208" s="23"/>
      <c r="GH208" s="23"/>
      <c r="GI208" s="23"/>
      <c r="GJ208" s="23"/>
      <c r="GK208" s="23"/>
      <c r="GL208" s="23"/>
      <c r="GM208" s="23"/>
      <c r="GN208" s="23"/>
      <c r="GO208" s="23"/>
      <c r="GP208" s="23"/>
      <c r="GQ208" s="23"/>
      <c r="GR208" s="23"/>
      <c r="GS208" s="23"/>
      <c r="GT208" s="23"/>
      <c r="GU208" s="23"/>
      <c r="GV208" s="23"/>
      <c r="GW208" s="23"/>
      <c r="GX208" s="23"/>
      <c r="GY208" s="23"/>
      <c r="GZ208" s="23"/>
      <c r="HA208" s="23"/>
      <c r="HB208" s="23"/>
      <c r="HC208" s="23"/>
      <c r="HD208" s="23"/>
      <c r="HE208" s="23"/>
      <c r="HF208" s="23"/>
      <c r="HG208" s="23"/>
      <c r="HH208" s="23"/>
      <c r="HI208" s="23"/>
      <c r="HJ208" s="23"/>
      <c r="HK208" s="23"/>
      <c r="HL208" s="23"/>
      <c r="HM208" s="23"/>
      <c r="HN208" s="23"/>
      <c r="HO208" s="23"/>
      <c r="HP208" s="23"/>
      <c r="HQ208" s="23"/>
      <c r="HR208" s="23"/>
      <c r="HS208" s="23"/>
      <c r="HT208" s="23"/>
      <c r="HU208" s="23"/>
      <c r="HV208" s="23"/>
      <c r="HW208" s="23"/>
      <c r="HX208" s="23"/>
      <c r="HY208" s="23"/>
      <c r="HZ208" s="23"/>
      <c r="IA208" s="23"/>
      <c r="IB208" s="23"/>
      <c r="IC208" s="23"/>
      <c r="ID208" s="23"/>
      <c r="IE208" s="23"/>
      <c r="IF208" s="23"/>
      <c r="IG208" s="23"/>
      <c r="IH208" s="23"/>
      <c r="II208" s="23"/>
      <c r="IJ208" s="23"/>
      <c r="IK208" s="23"/>
      <c r="IL208" s="23"/>
      <c r="IM208" s="23"/>
      <c r="IN208" s="23"/>
      <c r="IO208" s="23"/>
      <c r="IP208" s="23"/>
      <c r="IQ208" s="23"/>
    </row>
    <row r="209" spans="1:251" s="50" customFormat="1" ht="18.75" customHeight="1" thickTop="1" thickBot="1">
      <c r="A209" s="38"/>
      <c r="B209" s="164" t="s">
        <v>105</v>
      </c>
      <c r="C209" s="191"/>
      <c r="D209" s="191"/>
      <c r="E209" s="191"/>
      <c r="F209" s="191"/>
      <c r="G209" s="191"/>
      <c r="H209" s="191"/>
      <c r="I209" s="191"/>
      <c r="J209" s="191"/>
      <c r="K209" s="191"/>
      <c r="L209" s="191"/>
      <c r="M209" s="191"/>
      <c r="N209" s="191"/>
      <c r="O209" s="191"/>
      <c r="P209" s="191"/>
      <c r="Q209" s="191"/>
      <c r="R209" s="191"/>
      <c r="S209" s="191"/>
      <c r="T209" s="191"/>
      <c r="U209" s="191"/>
      <c r="V209" s="191"/>
      <c r="W209" s="191"/>
      <c r="X209" s="191"/>
      <c r="Y209" s="191"/>
      <c r="Z209" s="192"/>
      <c r="AA209" s="167">
        <f>SUM(AA201:AA208)</f>
        <v>12887</v>
      </c>
      <c r="AB209" s="215"/>
      <c r="AC209" s="215"/>
      <c r="AD209" s="215"/>
      <c r="AE209" s="215"/>
      <c r="AF209" s="215"/>
      <c r="AG209" s="215"/>
      <c r="AH209" s="215"/>
      <c r="AI209" s="216"/>
      <c r="AJ209" s="167">
        <f>SUM(AJ201:AJ208)</f>
        <v>35410</v>
      </c>
      <c r="AK209" s="215"/>
      <c r="AL209" s="215"/>
      <c r="AM209" s="215"/>
      <c r="AN209" s="215"/>
      <c r="AO209" s="215"/>
      <c r="AP209" s="215"/>
      <c r="AQ209" s="215"/>
      <c r="AR209" s="216"/>
      <c r="AS209" s="167"/>
      <c r="AT209" s="215"/>
      <c r="AU209" s="215"/>
      <c r="AV209" s="215"/>
      <c r="AW209" s="215"/>
      <c r="AX209" s="217"/>
      <c r="AY209" s="23"/>
      <c r="AZ209" s="23"/>
      <c r="BA209" s="23"/>
      <c r="BB209" s="23"/>
      <c r="BC209" s="23"/>
      <c r="BD209" s="23"/>
      <c r="BE209" s="23"/>
      <c r="BF209" s="23"/>
      <c r="BG209" s="23"/>
      <c r="BH209" s="23"/>
      <c r="BI209" s="23"/>
      <c r="BJ209" s="23"/>
      <c r="BK209" s="23"/>
      <c r="BL209" s="23"/>
      <c r="BM209" s="23"/>
      <c r="BN209" s="23"/>
      <c r="BO209" s="23"/>
      <c r="BP209" s="23"/>
      <c r="BQ209" s="23"/>
      <c r="BR209" s="23"/>
      <c r="BS209" s="23"/>
      <c r="BT209" s="23"/>
      <c r="BU209" s="23"/>
      <c r="BV209" s="23"/>
      <c r="BW209" s="23"/>
      <c r="BX209" s="23"/>
      <c r="BY209" s="23"/>
      <c r="BZ209" s="23"/>
      <c r="CA209" s="23"/>
      <c r="CB209" s="23"/>
      <c r="CC209" s="23"/>
      <c r="CD209" s="23"/>
      <c r="CE209" s="23"/>
      <c r="CF209" s="23"/>
      <c r="CG209" s="23"/>
      <c r="CH209" s="23"/>
      <c r="CI209" s="23"/>
      <c r="CJ209" s="23"/>
      <c r="CK209" s="23"/>
      <c r="CL209" s="23"/>
      <c r="CM209" s="23"/>
      <c r="CN209" s="23"/>
      <c r="CO209" s="23"/>
      <c r="CP209" s="23"/>
      <c r="CQ209" s="23"/>
      <c r="CR209" s="23"/>
      <c r="CS209" s="23"/>
      <c r="CT209" s="23"/>
      <c r="CU209" s="23"/>
      <c r="CV209" s="23"/>
      <c r="CW209" s="23"/>
      <c r="CX209" s="23"/>
      <c r="CY209" s="23"/>
      <c r="CZ209" s="23"/>
      <c r="DA209" s="23"/>
      <c r="DB209" s="23"/>
      <c r="DC209" s="23"/>
      <c r="DD209" s="23"/>
      <c r="DE209" s="23"/>
      <c r="DF209" s="23"/>
      <c r="DG209" s="23"/>
      <c r="DH209" s="23"/>
      <c r="DI209" s="23"/>
      <c r="DJ209" s="23"/>
      <c r="DK209" s="23"/>
      <c r="DL209" s="23"/>
      <c r="DM209" s="23"/>
      <c r="DN209" s="23"/>
      <c r="DO209" s="23"/>
      <c r="DP209" s="23"/>
      <c r="DQ209" s="23"/>
      <c r="DR209" s="23"/>
      <c r="DS209" s="23"/>
      <c r="DT209" s="23"/>
      <c r="DU209" s="23"/>
      <c r="DV209" s="23"/>
      <c r="DW209" s="23"/>
      <c r="DX209" s="23"/>
      <c r="DY209" s="23"/>
      <c r="DZ209" s="23"/>
      <c r="EA209" s="23"/>
      <c r="EB209" s="23"/>
      <c r="EC209" s="23"/>
      <c r="ED209" s="23"/>
      <c r="EE209" s="23"/>
      <c r="EF209" s="23"/>
      <c r="EG209" s="23"/>
      <c r="EH209" s="23"/>
      <c r="EI209" s="23"/>
      <c r="EJ209" s="23"/>
      <c r="EK209" s="23"/>
      <c r="EL209" s="23"/>
      <c r="EM209" s="23"/>
      <c r="EN209" s="23"/>
      <c r="EO209" s="23"/>
      <c r="EP209" s="23"/>
      <c r="EQ209" s="23"/>
      <c r="ER209" s="23"/>
      <c r="ES209" s="23"/>
      <c r="ET209" s="23"/>
      <c r="EU209" s="23"/>
      <c r="EV209" s="23"/>
      <c r="EW209" s="23"/>
      <c r="EX209" s="23"/>
      <c r="EY209" s="23"/>
      <c r="EZ209" s="23"/>
      <c r="FA209" s="23"/>
      <c r="FB209" s="23"/>
      <c r="FC209" s="23"/>
      <c r="FD209" s="23"/>
      <c r="FE209" s="23"/>
      <c r="FF209" s="23"/>
      <c r="FG209" s="23"/>
      <c r="FH209" s="23"/>
      <c r="FI209" s="23"/>
      <c r="FJ209" s="23"/>
      <c r="FK209" s="23"/>
      <c r="FL209" s="23"/>
      <c r="FM209" s="23"/>
      <c r="FN209" s="23"/>
      <c r="FO209" s="23"/>
      <c r="FP209" s="23"/>
      <c r="FQ209" s="23"/>
      <c r="FR209" s="23"/>
      <c r="FS209" s="23"/>
      <c r="FT209" s="23"/>
      <c r="FU209" s="23"/>
      <c r="FV209" s="23"/>
      <c r="FW209" s="23"/>
      <c r="FX209" s="23"/>
      <c r="FY209" s="23"/>
      <c r="FZ209" s="23"/>
      <c r="GA209" s="23"/>
      <c r="GB209" s="23"/>
      <c r="GC209" s="23"/>
      <c r="GD209" s="23"/>
      <c r="GE209" s="23"/>
      <c r="GF209" s="23"/>
      <c r="GG209" s="23"/>
      <c r="GH209" s="23"/>
      <c r="GI209" s="23"/>
      <c r="GJ209" s="23"/>
      <c r="GK209" s="23"/>
      <c r="GL209" s="23"/>
      <c r="GM209" s="23"/>
      <c r="GN209" s="23"/>
      <c r="GO209" s="23"/>
      <c r="GP209" s="23"/>
      <c r="GQ209" s="23"/>
      <c r="GR209" s="23"/>
      <c r="GS209" s="23"/>
      <c r="GT209" s="23"/>
      <c r="GU209" s="23"/>
      <c r="GV209" s="23"/>
      <c r="GW209" s="23"/>
      <c r="GX209" s="23"/>
      <c r="GY209" s="23"/>
      <c r="GZ209" s="23"/>
      <c r="HA209" s="23"/>
      <c r="HB209" s="23"/>
      <c r="HC209" s="23"/>
      <c r="HD209" s="23"/>
      <c r="HE209" s="23"/>
      <c r="HF209" s="23"/>
      <c r="HG209" s="23"/>
      <c r="HH209" s="23"/>
      <c r="HI209" s="23"/>
      <c r="HJ209" s="23"/>
      <c r="HK209" s="23"/>
      <c r="HL209" s="23"/>
      <c r="HM209" s="23"/>
      <c r="HN209" s="23"/>
      <c r="HO209" s="23"/>
      <c r="HP209" s="23"/>
      <c r="HQ209" s="23"/>
      <c r="HR209" s="23"/>
      <c r="HS209" s="23"/>
      <c r="HT209" s="23"/>
      <c r="HU209" s="23"/>
      <c r="HV209" s="23"/>
      <c r="HW209" s="23"/>
      <c r="HX209" s="23"/>
      <c r="HY209" s="23"/>
      <c r="HZ209" s="23"/>
      <c r="IA209" s="23"/>
      <c r="IB209" s="23"/>
      <c r="IC209" s="23"/>
      <c r="ID209" s="23"/>
      <c r="IE209" s="23"/>
      <c r="IF209" s="23"/>
      <c r="IG209" s="23"/>
      <c r="IH209" s="23"/>
      <c r="II209" s="23"/>
      <c r="IJ209" s="23"/>
      <c r="IK209" s="23"/>
      <c r="IL209" s="23"/>
      <c r="IM209" s="23"/>
      <c r="IN209" s="23"/>
      <c r="IO209" s="23"/>
      <c r="IP209" s="23"/>
      <c r="IQ209" s="23"/>
    </row>
    <row r="211" spans="1:251" s="23" customFormat="1" ht="19.2">
      <c r="A211" s="22" t="s">
        <v>86</v>
      </c>
      <c r="AW211" s="24"/>
      <c r="AX211" s="25"/>
      <c r="AY211" s="24"/>
    </row>
    <row r="212" spans="1:251" s="23" customFormat="1" ht="13.2"/>
    <row r="213" spans="1:251" s="23" customFormat="1">
      <c r="A213" s="26"/>
      <c r="B213" s="115" t="s">
        <v>87</v>
      </c>
      <c r="C213" s="153"/>
      <c r="D213" s="153"/>
      <c r="E213" s="153"/>
      <c r="F213" s="153"/>
      <c r="G213" s="153"/>
      <c r="H213" s="153"/>
      <c r="I213" s="153"/>
      <c r="J213" s="153"/>
      <c r="K213" s="153"/>
      <c r="L213" s="153"/>
      <c r="M213" s="153"/>
      <c r="N213" s="153"/>
      <c r="O213" s="153"/>
      <c r="P213" s="153"/>
      <c r="Q213" s="153"/>
      <c r="R213" s="153"/>
      <c r="S213" s="153"/>
      <c r="T213" s="153"/>
      <c r="U213" s="153"/>
      <c r="V213" s="153"/>
      <c r="W213" s="153"/>
      <c r="X213" s="153"/>
      <c r="Y213" s="153"/>
      <c r="Z213" s="153"/>
      <c r="AA213" s="153"/>
      <c r="AB213" s="153"/>
      <c r="AC213" s="153"/>
      <c r="AD213" s="153"/>
      <c r="AE213" s="153"/>
      <c r="AF213" s="153"/>
      <c r="AG213" s="153"/>
      <c r="AH213" s="153"/>
      <c r="AI213" s="153"/>
      <c r="AJ213" s="153"/>
      <c r="AK213" s="153"/>
      <c r="AL213" s="153"/>
      <c r="AM213" s="153"/>
      <c r="AN213" s="153"/>
      <c r="AO213" s="153"/>
      <c r="AP213" s="153"/>
      <c r="AQ213" s="153"/>
      <c r="AR213" s="153"/>
      <c r="AS213" s="153"/>
      <c r="AT213" s="153"/>
      <c r="AU213" s="153"/>
      <c r="AV213" s="153"/>
      <c r="AW213" s="153"/>
      <c r="AX213" s="153"/>
      <c r="AY213" s="26"/>
    </row>
    <row r="214" spans="1:251" s="23" customFormat="1" ht="13.2">
      <c r="Z214" s="27"/>
      <c r="AD214" s="27"/>
      <c r="AE214" s="27"/>
      <c r="AF214" s="27"/>
      <c r="AG214" s="27"/>
      <c r="AH214" s="27"/>
      <c r="AI214" s="27"/>
      <c r="AO214" s="27"/>
    </row>
    <row r="215" spans="1:251" s="23" customFormat="1" ht="13.8" thickBot="1">
      <c r="Z215" s="27"/>
      <c r="AD215" s="27"/>
      <c r="AE215" s="27"/>
      <c r="AF215" s="27"/>
      <c r="AG215" s="27"/>
      <c r="AH215" s="27"/>
      <c r="AI215" s="27"/>
      <c r="AO215" s="27"/>
      <c r="DI215" s="28"/>
    </row>
    <row r="216" spans="1:251" s="23" customFormat="1" ht="24.6" customHeight="1" thickBot="1">
      <c r="A216" s="116" t="s">
        <v>88</v>
      </c>
      <c r="B216" s="117"/>
      <c r="C216" s="117"/>
      <c r="D216" s="117"/>
      <c r="E216" s="117"/>
      <c r="F216" s="117"/>
      <c r="G216" s="117"/>
      <c r="H216" s="117"/>
      <c r="I216" s="117"/>
      <c r="J216" s="117"/>
      <c r="K216" s="118"/>
      <c r="L216" s="154">
        <v>7</v>
      </c>
      <c r="M216" s="154"/>
      <c r="N216" s="154"/>
      <c r="O216" s="155"/>
      <c r="P216" s="122" t="s">
        <v>89</v>
      </c>
      <c r="Q216" s="120"/>
      <c r="R216" s="120"/>
      <c r="S216" s="120"/>
      <c r="T216" s="120"/>
      <c r="U216" s="123"/>
      <c r="V216" s="156" t="s">
        <v>129</v>
      </c>
      <c r="W216" s="156"/>
      <c r="X216" s="156"/>
      <c r="Y216" s="156"/>
      <c r="Z216" s="156"/>
      <c r="AA216" s="156"/>
      <c r="AB216" s="156"/>
      <c r="AC216" s="156"/>
      <c r="AD216" s="156"/>
      <c r="AE216" s="156"/>
      <c r="AF216" s="156"/>
      <c r="AG216" s="156"/>
      <c r="AH216" s="156"/>
      <c r="AI216" s="156"/>
      <c r="AJ216" s="156"/>
      <c r="AK216" s="156"/>
      <c r="AL216" s="156"/>
      <c r="AM216" s="156"/>
      <c r="AN216" s="156"/>
      <c r="AO216" s="156"/>
      <c r="AP216" s="156"/>
      <c r="AQ216" s="156"/>
      <c r="AR216" s="156"/>
      <c r="AS216" s="156"/>
      <c r="AT216" s="156"/>
      <c r="AU216" s="156"/>
      <c r="AV216" s="156"/>
      <c r="AW216" s="156"/>
      <c r="AX216" s="157"/>
      <c r="DI216" s="28"/>
    </row>
    <row r="217" spans="1:251" s="23" customFormat="1" ht="14.4">
      <c r="A217" s="29"/>
      <c r="B217" s="29"/>
      <c r="C217" s="29"/>
      <c r="D217" s="29"/>
      <c r="E217" s="29"/>
      <c r="F217" s="29"/>
      <c r="G217" s="29"/>
      <c r="H217" s="29"/>
      <c r="I217" s="29"/>
      <c r="J217" s="29"/>
      <c r="K217" s="29"/>
      <c r="L217" s="30"/>
      <c r="M217" s="30"/>
      <c r="N217" s="30"/>
      <c r="O217" s="30"/>
      <c r="P217" s="29"/>
      <c r="Q217" s="29"/>
      <c r="R217" s="29"/>
      <c r="S217" s="29"/>
      <c r="T217" s="29"/>
      <c r="U217" s="29"/>
      <c r="V217" s="31"/>
      <c r="W217" s="31"/>
      <c r="X217" s="31"/>
      <c r="Y217" s="31"/>
      <c r="Z217" s="31"/>
      <c r="AA217" s="31"/>
      <c r="AB217" s="31"/>
      <c r="AC217" s="31"/>
      <c r="AD217" s="31"/>
      <c r="AE217" s="31"/>
      <c r="AF217" s="31"/>
      <c r="AG217" s="31"/>
      <c r="AH217" s="31"/>
      <c r="AI217" s="31"/>
      <c r="AJ217" s="31"/>
      <c r="AK217" s="31"/>
      <c r="AL217" s="31"/>
      <c r="AM217" s="31"/>
      <c r="AN217" s="31"/>
      <c r="AO217" s="31"/>
      <c r="AP217" s="31"/>
      <c r="AQ217" s="31"/>
      <c r="AR217" s="31"/>
      <c r="AS217" s="31"/>
      <c r="AT217" s="31"/>
      <c r="AU217" s="31"/>
      <c r="AV217" s="31"/>
      <c r="AW217" s="31"/>
      <c r="AX217" s="31"/>
      <c r="DI217" s="28"/>
    </row>
    <row r="218" spans="1:251" s="23" customFormat="1" ht="15" thickBot="1">
      <c r="A218" s="32"/>
      <c r="B218" s="33" t="s">
        <v>91</v>
      </c>
      <c r="C218" s="34"/>
      <c r="D218" s="34"/>
      <c r="E218" s="34"/>
      <c r="F218" s="34"/>
      <c r="G218" s="34"/>
      <c r="H218" s="34"/>
      <c r="I218" s="34"/>
      <c r="J218" s="34"/>
      <c r="K218" s="34"/>
      <c r="L218" s="35"/>
      <c r="M218" s="35"/>
      <c r="N218" s="35"/>
      <c r="O218" s="35"/>
      <c r="P218" s="34"/>
      <c r="Q218" s="34"/>
      <c r="R218" s="34"/>
      <c r="S218" s="34"/>
      <c r="T218" s="34"/>
      <c r="U218" s="34"/>
      <c r="V218" s="33"/>
      <c r="W218" s="33"/>
      <c r="X218" s="33"/>
      <c r="Y218" s="33"/>
      <c r="Z218" s="33"/>
      <c r="AA218" s="33"/>
      <c r="AB218" s="33"/>
      <c r="AC218" s="33"/>
      <c r="AD218" s="33"/>
      <c r="AE218" s="33"/>
      <c r="AF218" s="33"/>
      <c r="AG218" s="33"/>
      <c r="AH218" s="33"/>
      <c r="AI218" s="33"/>
      <c r="AJ218" s="33"/>
      <c r="AK218" s="33"/>
      <c r="AL218" s="33"/>
      <c r="AM218" s="33"/>
      <c r="AN218" s="33"/>
      <c r="AO218" s="33"/>
      <c r="AP218" s="33"/>
      <c r="AQ218" s="33"/>
      <c r="AR218" s="33"/>
      <c r="AS218" s="33"/>
      <c r="AT218" s="33"/>
      <c r="AU218" s="33"/>
      <c r="AV218" s="33"/>
      <c r="AW218" s="33"/>
      <c r="AX218" s="33"/>
      <c r="DI218" s="28"/>
    </row>
    <row r="219" spans="1:251" s="23" customFormat="1" ht="14.4">
      <c r="A219" s="34"/>
      <c r="B219" s="36"/>
      <c r="C219" s="29"/>
      <c r="D219" s="29"/>
      <c r="E219" s="29"/>
      <c r="F219" s="29"/>
      <c r="G219" s="29"/>
      <c r="H219" s="29"/>
      <c r="I219" s="29"/>
      <c r="J219" s="29"/>
      <c r="K219" s="29"/>
      <c r="L219" s="30"/>
      <c r="M219" s="30"/>
      <c r="N219" s="30"/>
      <c r="O219" s="30"/>
      <c r="P219" s="29"/>
      <c r="Q219" s="29"/>
      <c r="R219" s="29"/>
      <c r="S219" s="29"/>
      <c r="T219" s="29"/>
      <c r="U219" s="29"/>
      <c r="V219" s="31"/>
      <c r="W219" s="31"/>
      <c r="X219" s="31"/>
      <c r="Y219" s="31"/>
      <c r="Z219" s="31"/>
      <c r="AA219" s="31"/>
      <c r="AB219" s="31"/>
      <c r="AC219" s="31"/>
      <c r="AD219" s="31"/>
      <c r="AE219" s="31"/>
      <c r="AF219" s="31"/>
      <c r="AG219" s="31"/>
      <c r="AH219" s="31"/>
      <c r="AI219" s="31"/>
      <c r="AJ219" s="31"/>
      <c r="AK219" s="31"/>
      <c r="AL219" s="31"/>
      <c r="AM219" s="31"/>
      <c r="AN219" s="31"/>
      <c r="AO219" s="31"/>
      <c r="AP219" s="31"/>
      <c r="AQ219" s="31"/>
      <c r="AR219" s="31"/>
      <c r="AS219" s="31"/>
      <c r="AT219" s="31"/>
      <c r="AU219" s="31"/>
      <c r="AV219" s="31"/>
      <c r="AW219" s="31"/>
      <c r="AX219" s="37"/>
    </row>
    <row r="220" spans="1:251" s="23" customFormat="1" ht="10.8" customHeight="1">
      <c r="A220" s="34"/>
      <c r="B220" s="127" t="s">
        <v>130</v>
      </c>
      <c r="C220" s="128"/>
      <c r="D220" s="128"/>
      <c r="E220" s="128"/>
      <c r="F220" s="128"/>
      <c r="G220" s="128"/>
      <c r="H220" s="128"/>
      <c r="I220" s="128"/>
      <c r="J220" s="128"/>
      <c r="K220" s="128"/>
      <c r="L220" s="128"/>
      <c r="M220" s="128"/>
      <c r="N220" s="128"/>
      <c r="O220" s="128"/>
      <c r="P220" s="128"/>
      <c r="Q220" s="128"/>
      <c r="R220" s="128"/>
      <c r="S220" s="128"/>
      <c r="T220" s="128"/>
      <c r="U220" s="128"/>
      <c r="V220" s="128"/>
      <c r="W220" s="128"/>
      <c r="X220" s="128"/>
      <c r="Y220" s="128"/>
      <c r="Z220" s="128"/>
      <c r="AA220" s="128"/>
      <c r="AB220" s="128"/>
      <c r="AC220" s="128"/>
      <c r="AD220" s="128"/>
      <c r="AE220" s="128"/>
      <c r="AF220" s="128"/>
      <c r="AG220" s="128"/>
      <c r="AH220" s="128"/>
      <c r="AI220" s="128"/>
      <c r="AJ220" s="128"/>
      <c r="AK220" s="128"/>
      <c r="AL220" s="128"/>
      <c r="AM220" s="128"/>
      <c r="AN220" s="128"/>
      <c r="AO220" s="128"/>
      <c r="AP220" s="128"/>
      <c r="AQ220" s="128"/>
      <c r="AR220" s="128"/>
      <c r="AS220" s="128"/>
      <c r="AT220" s="128"/>
      <c r="AU220" s="128"/>
      <c r="AV220" s="128"/>
      <c r="AW220" s="128"/>
      <c r="AX220" s="129"/>
    </row>
    <row r="221" spans="1:251" s="23" customFormat="1" ht="10.8" customHeight="1">
      <c r="A221" s="34"/>
      <c r="B221" s="127"/>
      <c r="C221" s="128"/>
      <c r="D221" s="128"/>
      <c r="E221" s="128"/>
      <c r="F221" s="128"/>
      <c r="G221" s="128"/>
      <c r="H221" s="128"/>
      <c r="I221" s="128"/>
      <c r="J221" s="128"/>
      <c r="K221" s="128"/>
      <c r="L221" s="128"/>
      <c r="M221" s="128"/>
      <c r="N221" s="128"/>
      <c r="O221" s="128"/>
      <c r="P221" s="128"/>
      <c r="Q221" s="128"/>
      <c r="R221" s="128"/>
      <c r="S221" s="128"/>
      <c r="T221" s="128"/>
      <c r="U221" s="128"/>
      <c r="V221" s="128"/>
      <c r="W221" s="128"/>
      <c r="X221" s="128"/>
      <c r="Y221" s="128"/>
      <c r="Z221" s="128"/>
      <c r="AA221" s="128"/>
      <c r="AB221" s="128"/>
      <c r="AC221" s="128"/>
      <c r="AD221" s="128"/>
      <c r="AE221" s="128"/>
      <c r="AF221" s="128"/>
      <c r="AG221" s="128"/>
      <c r="AH221" s="128"/>
      <c r="AI221" s="128"/>
      <c r="AJ221" s="128"/>
      <c r="AK221" s="128"/>
      <c r="AL221" s="128"/>
      <c r="AM221" s="128"/>
      <c r="AN221" s="128"/>
      <c r="AO221" s="128"/>
      <c r="AP221" s="128"/>
      <c r="AQ221" s="128"/>
      <c r="AR221" s="128"/>
      <c r="AS221" s="128"/>
      <c r="AT221" s="128"/>
      <c r="AU221" s="128"/>
      <c r="AV221" s="128"/>
      <c r="AW221" s="128"/>
      <c r="AX221" s="129"/>
      <c r="BC221" s="17"/>
    </row>
    <row r="222" spans="1:251" s="23" customFormat="1" ht="10.8" customHeight="1">
      <c r="A222" s="34"/>
      <c r="B222" s="127"/>
      <c r="C222" s="128"/>
      <c r="D222" s="128"/>
      <c r="E222" s="128"/>
      <c r="F222" s="128"/>
      <c r="G222" s="128"/>
      <c r="H222" s="128"/>
      <c r="I222" s="128"/>
      <c r="J222" s="128"/>
      <c r="K222" s="128"/>
      <c r="L222" s="128"/>
      <c r="M222" s="128"/>
      <c r="N222" s="128"/>
      <c r="O222" s="128"/>
      <c r="P222" s="128"/>
      <c r="Q222" s="128"/>
      <c r="R222" s="128"/>
      <c r="S222" s="128"/>
      <c r="T222" s="128"/>
      <c r="U222" s="128"/>
      <c r="V222" s="128"/>
      <c r="W222" s="128"/>
      <c r="X222" s="128"/>
      <c r="Y222" s="128"/>
      <c r="Z222" s="128"/>
      <c r="AA222" s="128"/>
      <c r="AB222" s="128"/>
      <c r="AC222" s="128"/>
      <c r="AD222" s="128"/>
      <c r="AE222" s="128"/>
      <c r="AF222" s="128"/>
      <c r="AG222" s="128"/>
      <c r="AH222" s="128"/>
      <c r="AI222" s="128"/>
      <c r="AJ222" s="128"/>
      <c r="AK222" s="128"/>
      <c r="AL222" s="128"/>
      <c r="AM222" s="128"/>
      <c r="AN222" s="128"/>
      <c r="AO222" s="128"/>
      <c r="AP222" s="128"/>
      <c r="AQ222" s="128"/>
      <c r="AR222" s="128"/>
      <c r="AS222" s="128"/>
      <c r="AT222" s="128"/>
      <c r="AU222" s="128"/>
      <c r="AV222" s="128"/>
      <c r="AW222" s="128"/>
      <c r="AX222" s="129"/>
    </row>
    <row r="223" spans="1:251" s="23" customFormat="1" ht="10.8" customHeight="1">
      <c r="A223" s="34"/>
      <c r="B223" s="127"/>
      <c r="C223" s="128"/>
      <c r="D223" s="128"/>
      <c r="E223" s="128"/>
      <c r="F223" s="128"/>
      <c r="G223" s="128"/>
      <c r="H223" s="128"/>
      <c r="I223" s="128"/>
      <c r="J223" s="128"/>
      <c r="K223" s="128"/>
      <c r="L223" s="128"/>
      <c r="M223" s="128"/>
      <c r="N223" s="128"/>
      <c r="O223" s="128"/>
      <c r="P223" s="128"/>
      <c r="Q223" s="128"/>
      <c r="R223" s="128"/>
      <c r="S223" s="128"/>
      <c r="T223" s="128"/>
      <c r="U223" s="128"/>
      <c r="V223" s="128"/>
      <c r="W223" s="128"/>
      <c r="X223" s="128"/>
      <c r="Y223" s="128"/>
      <c r="Z223" s="128"/>
      <c r="AA223" s="128"/>
      <c r="AB223" s="128"/>
      <c r="AC223" s="128"/>
      <c r="AD223" s="128"/>
      <c r="AE223" s="128"/>
      <c r="AF223" s="128"/>
      <c r="AG223" s="128"/>
      <c r="AH223" s="128"/>
      <c r="AI223" s="128"/>
      <c r="AJ223" s="128"/>
      <c r="AK223" s="128"/>
      <c r="AL223" s="128"/>
      <c r="AM223" s="128"/>
      <c r="AN223" s="128"/>
      <c r="AO223" s="128"/>
      <c r="AP223" s="128"/>
      <c r="AQ223" s="128"/>
      <c r="AR223" s="128"/>
      <c r="AS223" s="128"/>
      <c r="AT223" s="128"/>
      <c r="AU223" s="128"/>
      <c r="AV223" s="128"/>
      <c r="AW223" s="128"/>
      <c r="AX223" s="129"/>
    </row>
    <row r="224" spans="1:251" s="23" customFormat="1" ht="10.8" customHeight="1">
      <c r="A224" s="34"/>
      <c r="B224" s="127"/>
      <c r="C224" s="128"/>
      <c r="D224" s="128"/>
      <c r="E224" s="128"/>
      <c r="F224" s="128"/>
      <c r="G224" s="128"/>
      <c r="H224" s="128"/>
      <c r="I224" s="128"/>
      <c r="J224" s="128"/>
      <c r="K224" s="128"/>
      <c r="L224" s="128"/>
      <c r="M224" s="128"/>
      <c r="N224" s="128"/>
      <c r="O224" s="128"/>
      <c r="P224" s="128"/>
      <c r="Q224" s="128"/>
      <c r="R224" s="128"/>
      <c r="S224" s="128"/>
      <c r="T224" s="128"/>
      <c r="U224" s="128"/>
      <c r="V224" s="128"/>
      <c r="W224" s="128"/>
      <c r="X224" s="128"/>
      <c r="Y224" s="128"/>
      <c r="Z224" s="128"/>
      <c r="AA224" s="128"/>
      <c r="AB224" s="128"/>
      <c r="AC224" s="128"/>
      <c r="AD224" s="128"/>
      <c r="AE224" s="128"/>
      <c r="AF224" s="128"/>
      <c r="AG224" s="128"/>
      <c r="AH224" s="128"/>
      <c r="AI224" s="128"/>
      <c r="AJ224" s="128"/>
      <c r="AK224" s="128"/>
      <c r="AL224" s="128"/>
      <c r="AM224" s="128"/>
      <c r="AN224" s="128"/>
      <c r="AO224" s="128"/>
      <c r="AP224" s="128"/>
      <c r="AQ224" s="128"/>
      <c r="AR224" s="128"/>
      <c r="AS224" s="128"/>
      <c r="AT224" s="128"/>
      <c r="AU224" s="128"/>
      <c r="AV224" s="128"/>
      <c r="AW224" s="128"/>
      <c r="AX224" s="129"/>
    </row>
    <row r="225" spans="1:251" s="23" customFormat="1" ht="10.8" customHeight="1">
      <c r="A225" s="34"/>
      <c r="B225" s="127"/>
      <c r="C225" s="128"/>
      <c r="D225" s="128"/>
      <c r="E225" s="128"/>
      <c r="F225" s="128"/>
      <c r="G225" s="128"/>
      <c r="H225" s="128"/>
      <c r="I225" s="128"/>
      <c r="J225" s="128"/>
      <c r="K225" s="128"/>
      <c r="L225" s="128"/>
      <c r="M225" s="128"/>
      <c r="N225" s="128"/>
      <c r="O225" s="128"/>
      <c r="P225" s="128"/>
      <c r="Q225" s="128"/>
      <c r="R225" s="128"/>
      <c r="S225" s="128"/>
      <c r="T225" s="128"/>
      <c r="U225" s="128"/>
      <c r="V225" s="128"/>
      <c r="W225" s="128"/>
      <c r="X225" s="128"/>
      <c r="Y225" s="128"/>
      <c r="Z225" s="128"/>
      <c r="AA225" s="128"/>
      <c r="AB225" s="128"/>
      <c r="AC225" s="128"/>
      <c r="AD225" s="128"/>
      <c r="AE225" s="128"/>
      <c r="AF225" s="128"/>
      <c r="AG225" s="128"/>
      <c r="AH225" s="128"/>
      <c r="AI225" s="128"/>
      <c r="AJ225" s="128"/>
      <c r="AK225" s="128"/>
      <c r="AL225" s="128"/>
      <c r="AM225" s="128"/>
      <c r="AN225" s="128"/>
      <c r="AO225" s="128"/>
      <c r="AP225" s="128"/>
      <c r="AQ225" s="128"/>
      <c r="AR225" s="128"/>
      <c r="AS225" s="128"/>
      <c r="AT225" s="128"/>
      <c r="AU225" s="128"/>
      <c r="AV225" s="128"/>
      <c r="AW225" s="128"/>
      <c r="AX225" s="129"/>
    </row>
    <row r="226" spans="1:251" s="23" customFormat="1" ht="10.8" customHeight="1">
      <c r="A226" s="34"/>
      <c r="B226" s="127"/>
      <c r="C226" s="128"/>
      <c r="D226" s="128"/>
      <c r="E226" s="128"/>
      <c r="F226" s="128"/>
      <c r="G226" s="128"/>
      <c r="H226" s="128"/>
      <c r="I226" s="128"/>
      <c r="J226" s="128"/>
      <c r="K226" s="128"/>
      <c r="L226" s="128"/>
      <c r="M226" s="128"/>
      <c r="N226" s="128"/>
      <c r="O226" s="128"/>
      <c r="P226" s="128"/>
      <c r="Q226" s="128"/>
      <c r="R226" s="128"/>
      <c r="S226" s="128"/>
      <c r="T226" s="128"/>
      <c r="U226" s="128"/>
      <c r="V226" s="128"/>
      <c r="W226" s="128"/>
      <c r="X226" s="128"/>
      <c r="Y226" s="128"/>
      <c r="Z226" s="128"/>
      <c r="AA226" s="128"/>
      <c r="AB226" s="128"/>
      <c r="AC226" s="128"/>
      <c r="AD226" s="128"/>
      <c r="AE226" s="128"/>
      <c r="AF226" s="128"/>
      <c r="AG226" s="128"/>
      <c r="AH226" s="128"/>
      <c r="AI226" s="128"/>
      <c r="AJ226" s="128"/>
      <c r="AK226" s="128"/>
      <c r="AL226" s="128"/>
      <c r="AM226" s="128"/>
      <c r="AN226" s="128"/>
      <c r="AO226" s="128"/>
      <c r="AP226" s="128"/>
      <c r="AQ226" s="128"/>
      <c r="AR226" s="128"/>
      <c r="AS226" s="128"/>
      <c r="AT226" s="128"/>
      <c r="AU226" s="128"/>
      <c r="AV226" s="128"/>
      <c r="AW226" s="128"/>
      <c r="AX226" s="129"/>
    </row>
    <row r="227" spans="1:251" s="23" customFormat="1" ht="10.8" customHeight="1">
      <c r="A227" s="34"/>
      <c r="B227" s="127"/>
      <c r="C227" s="128"/>
      <c r="D227" s="128"/>
      <c r="E227" s="128"/>
      <c r="F227" s="128"/>
      <c r="G227" s="128"/>
      <c r="H227" s="128"/>
      <c r="I227" s="128"/>
      <c r="J227" s="128"/>
      <c r="K227" s="128"/>
      <c r="L227" s="128"/>
      <c r="M227" s="128"/>
      <c r="N227" s="128"/>
      <c r="O227" s="128"/>
      <c r="P227" s="128"/>
      <c r="Q227" s="128"/>
      <c r="R227" s="128"/>
      <c r="S227" s="128"/>
      <c r="T227" s="128"/>
      <c r="U227" s="128"/>
      <c r="V227" s="128"/>
      <c r="W227" s="128"/>
      <c r="X227" s="128"/>
      <c r="Y227" s="128"/>
      <c r="Z227" s="128"/>
      <c r="AA227" s="128"/>
      <c r="AB227" s="128"/>
      <c r="AC227" s="128"/>
      <c r="AD227" s="128"/>
      <c r="AE227" s="128"/>
      <c r="AF227" s="128"/>
      <c r="AG227" s="128"/>
      <c r="AH227" s="128"/>
      <c r="AI227" s="128"/>
      <c r="AJ227" s="128"/>
      <c r="AK227" s="128"/>
      <c r="AL227" s="128"/>
      <c r="AM227" s="128"/>
      <c r="AN227" s="128"/>
      <c r="AO227" s="128"/>
      <c r="AP227" s="128"/>
      <c r="AQ227" s="128"/>
      <c r="AR227" s="128"/>
      <c r="AS227" s="128"/>
      <c r="AT227" s="128"/>
      <c r="AU227" s="128"/>
      <c r="AV227" s="128"/>
      <c r="AW227" s="128"/>
      <c r="AX227" s="129"/>
    </row>
    <row r="228" spans="1:251" s="23" customFormat="1" ht="10.8" customHeight="1">
      <c r="A228" s="34"/>
      <c r="B228" s="127"/>
      <c r="C228" s="128"/>
      <c r="D228" s="128"/>
      <c r="E228" s="128"/>
      <c r="F228" s="128"/>
      <c r="G228" s="128"/>
      <c r="H228" s="128"/>
      <c r="I228" s="128"/>
      <c r="J228" s="128"/>
      <c r="K228" s="128"/>
      <c r="L228" s="128"/>
      <c r="M228" s="128"/>
      <c r="N228" s="128"/>
      <c r="O228" s="128"/>
      <c r="P228" s="128"/>
      <c r="Q228" s="128"/>
      <c r="R228" s="128"/>
      <c r="S228" s="128"/>
      <c r="T228" s="128"/>
      <c r="U228" s="128"/>
      <c r="V228" s="128"/>
      <c r="W228" s="128"/>
      <c r="X228" s="128"/>
      <c r="Y228" s="128"/>
      <c r="Z228" s="128"/>
      <c r="AA228" s="128"/>
      <c r="AB228" s="128"/>
      <c r="AC228" s="128"/>
      <c r="AD228" s="128"/>
      <c r="AE228" s="128"/>
      <c r="AF228" s="128"/>
      <c r="AG228" s="128"/>
      <c r="AH228" s="128"/>
      <c r="AI228" s="128"/>
      <c r="AJ228" s="128"/>
      <c r="AK228" s="128"/>
      <c r="AL228" s="128"/>
      <c r="AM228" s="128"/>
      <c r="AN228" s="128"/>
      <c r="AO228" s="128"/>
      <c r="AP228" s="128"/>
      <c r="AQ228" s="128"/>
      <c r="AR228" s="128"/>
      <c r="AS228" s="128"/>
      <c r="AT228" s="128"/>
      <c r="AU228" s="128"/>
      <c r="AV228" s="128"/>
      <c r="AW228" s="128"/>
      <c r="AX228" s="129"/>
    </row>
    <row r="229" spans="1:251" s="23" customFormat="1" ht="10.8" customHeight="1">
      <c r="A229" s="34"/>
      <c r="B229" s="127"/>
      <c r="C229" s="128"/>
      <c r="D229" s="128"/>
      <c r="E229" s="128"/>
      <c r="F229" s="128"/>
      <c r="G229" s="128"/>
      <c r="H229" s="128"/>
      <c r="I229" s="128"/>
      <c r="J229" s="128"/>
      <c r="K229" s="128"/>
      <c r="L229" s="128"/>
      <c r="M229" s="128"/>
      <c r="N229" s="128"/>
      <c r="O229" s="128"/>
      <c r="P229" s="128"/>
      <c r="Q229" s="128"/>
      <c r="R229" s="128"/>
      <c r="S229" s="128"/>
      <c r="T229" s="128"/>
      <c r="U229" s="128"/>
      <c r="V229" s="128"/>
      <c r="W229" s="128"/>
      <c r="X229" s="128"/>
      <c r="Y229" s="128"/>
      <c r="Z229" s="128"/>
      <c r="AA229" s="128"/>
      <c r="AB229" s="128"/>
      <c r="AC229" s="128"/>
      <c r="AD229" s="128"/>
      <c r="AE229" s="128"/>
      <c r="AF229" s="128"/>
      <c r="AG229" s="128"/>
      <c r="AH229" s="128"/>
      <c r="AI229" s="128"/>
      <c r="AJ229" s="128"/>
      <c r="AK229" s="128"/>
      <c r="AL229" s="128"/>
      <c r="AM229" s="128"/>
      <c r="AN229" s="128"/>
      <c r="AO229" s="128"/>
      <c r="AP229" s="128"/>
      <c r="AQ229" s="128"/>
      <c r="AR229" s="128"/>
      <c r="AS229" s="128"/>
      <c r="AT229" s="128"/>
      <c r="AU229" s="128"/>
      <c r="AV229" s="128"/>
      <c r="AW229" s="128"/>
      <c r="AX229" s="129"/>
    </row>
    <row r="230" spans="1:251" s="23" customFormat="1" ht="15" thickBot="1">
      <c r="A230" s="38"/>
      <c r="B230" s="39"/>
      <c r="C230" s="40"/>
      <c r="D230" s="40"/>
      <c r="E230" s="40"/>
      <c r="F230" s="40"/>
      <c r="G230" s="40"/>
      <c r="H230" s="40"/>
      <c r="I230" s="40"/>
      <c r="J230" s="40"/>
      <c r="K230" s="40"/>
      <c r="L230" s="40"/>
      <c r="M230" s="40"/>
      <c r="N230" s="40"/>
      <c r="O230" s="40"/>
      <c r="P230" s="40"/>
      <c r="Q230" s="40"/>
      <c r="R230" s="40"/>
      <c r="S230" s="40"/>
      <c r="T230" s="40"/>
      <c r="U230" s="40"/>
      <c r="V230" s="40"/>
      <c r="W230" s="40"/>
      <c r="X230" s="40"/>
      <c r="Y230" s="40"/>
      <c r="Z230" s="40"/>
      <c r="AA230" s="40"/>
      <c r="AB230" s="40"/>
      <c r="AC230" s="40"/>
      <c r="AD230" s="40"/>
      <c r="AE230" s="40"/>
      <c r="AF230" s="40"/>
      <c r="AG230" s="40"/>
      <c r="AH230" s="40"/>
      <c r="AI230" s="40"/>
      <c r="AJ230" s="40"/>
      <c r="AK230" s="40"/>
      <c r="AL230" s="40"/>
      <c r="AM230" s="40"/>
      <c r="AN230" s="40"/>
      <c r="AO230" s="40"/>
      <c r="AP230" s="40"/>
      <c r="AQ230" s="40"/>
      <c r="AR230" s="40"/>
      <c r="AS230" s="40"/>
      <c r="AT230" s="40"/>
      <c r="AU230" s="40"/>
      <c r="AV230" s="40"/>
      <c r="AW230" s="40"/>
      <c r="AX230" s="41"/>
    </row>
    <row r="231" spans="1:251" s="23" customFormat="1" ht="13.2">
      <c r="B231" s="42"/>
    </row>
    <row r="232" spans="1:251" s="23" customFormat="1" ht="14.4">
      <c r="B232" s="33" t="s">
        <v>93</v>
      </c>
      <c r="C232" s="34"/>
      <c r="D232" s="34"/>
      <c r="E232" s="34"/>
      <c r="F232" s="34"/>
      <c r="G232" s="34"/>
      <c r="H232" s="34"/>
      <c r="I232" s="34"/>
      <c r="J232" s="34"/>
      <c r="K232" s="34"/>
      <c r="L232" s="35"/>
      <c r="M232" s="35"/>
      <c r="N232" s="35"/>
      <c r="O232" s="35"/>
      <c r="P232" s="34"/>
      <c r="Q232" s="34"/>
      <c r="R232" s="34"/>
      <c r="S232" s="34"/>
      <c r="T232" s="34"/>
      <c r="U232" s="34"/>
      <c r="V232" s="33"/>
      <c r="W232" s="33"/>
      <c r="X232" s="33"/>
      <c r="Y232" s="33"/>
      <c r="Z232" s="33"/>
      <c r="AA232" s="33"/>
      <c r="AB232" s="33"/>
      <c r="AC232" s="33"/>
      <c r="AD232" s="33"/>
      <c r="AE232" s="33"/>
      <c r="AF232" s="33"/>
      <c r="AG232" s="33"/>
      <c r="AH232" s="33"/>
      <c r="AI232" s="33"/>
      <c r="AJ232" s="33"/>
      <c r="AK232" s="33"/>
      <c r="AL232" s="33"/>
      <c r="AM232" s="33"/>
      <c r="AN232" s="33"/>
      <c r="AO232" s="33"/>
      <c r="AP232" s="33"/>
      <c r="AQ232" s="33"/>
      <c r="AR232" s="33"/>
      <c r="AS232" s="33"/>
      <c r="AT232" s="33"/>
      <c r="AU232" s="33"/>
      <c r="AV232" s="33"/>
      <c r="AW232" s="33"/>
      <c r="AX232" s="33"/>
    </row>
    <row r="233" spans="1:251" s="23" customFormat="1" ht="15" thickBot="1">
      <c r="B233" s="33"/>
      <c r="C233" s="34"/>
      <c r="D233" s="34"/>
      <c r="E233" s="34"/>
      <c r="F233" s="34"/>
      <c r="G233" s="34"/>
      <c r="H233" s="34"/>
      <c r="I233" s="34"/>
      <c r="J233" s="34"/>
      <c r="K233" s="34"/>
      <c r="L233" s="35"/>
      <c r="M233" s="35"/>
      <c r="N233" s="35"/>
      <c r="O233" s="35"/>
      <c r="P233" s="34"/>
      <c r="Q233" s="34"/>
      <c r="R233" s="34"/>
      <c r="S233" s="34"/>
      <c r="T233" s="34"/>
      <c r="U233" s="34"/>
      <c r="V233" s="33"/>
      <c r="W233" s="33"/>
      <c r="X233" s="33"/>
      <c r="Y233" s="33"/>
      <c r="Z233" s="33"/>
      <c r="AA233" s="33"/>
      <c r="AB233" s="33"/>
      <c r="AC233" s="33"/>
      <c r="AD233" s="33"/>
      <c r="AE233" s="33"/>
      <c r="AF233" s="33"/>
      <c r="AG233" s="33"/>
      <c r="AH233" s="33"/>
      <c r="AI233" s="33"/>
      <c r="AJ233" s="33"/>
      <c r="AK233" s="33"/>
      <c r="AL233" s="33"/>
      <c r="AM233" s="33"/>
      <c r="AN233" s="33"/>
      <c r="AO233" s="33"/>
      <c r="AP233" s="33"/>
      <c r="AQ233" s="33"/>
      <c r="AR233" s="33"/>
      <c r="AS233" s="33"/>
      <c r="AT233" s="33"/>
      <c r="AU233" s="33"/>
      <c r="AV233" s="33"/>
      <c r="AW233" s="33"/>
      <c r="AX233" s="43" t="s">
        <v>94</v>
      </c>
    </row>
    <row r="234" spans="1:251" s="50" customFormat="1" ht="13.5" customHeight="1">
      <c r="A234" s="34"/>
      <c r="B234" s="139" t="s">
        <v>95</v>
      </c>
      <c r="C234" s="203"/>
      <c r="D234" s="203"/>
      <c r="E234" s="203"/>
      <c r="F234" s="203"/>
      <c r="G234" s="203"/>
      <c r="H234" s="203"/>
      <c r="I234" s="203"/>
      <c r="J234" s="203"/>
      <c r="K234" s="203"/>
      <c r="L234" s="203"/>
      <c r="M234" s="203"/>
      <c r="N234" s="203"/>
      <c r="O234" s="203"/>
      <c r="P234" s="203"/>
      <c r="Q234" s="203"/>
      <c r="R234" s="203"/>
      <c r="S234" s="203"/>
      <c r="T234" s="203"/>
      <c r="U234" s="203"/>
      <c r="V234" s="203"/>
      <c r="W234" s="203"/>
      <c r="X234" s="203"/>
      <c r="Y234" s="203"/>
      <c r="Z234" s="204"/>
      <c r="AA234" s="145" t="s">
        <v>116</v>
      </c>
      <c r="AB234" s="203"/>
      <c r="AC234" s="203"/>
      <c r="AD234" s="203"/>
      <c r="AE234" s="203"/>
      <c r="AF234" s="203"/>
      <c r="AG234" s="203"/>
      <c r="AH234" s="203"/>
      <c r="AI234" s="204"/>
      <c r="AJ234" s="145" t="s">
        <v>117</v>
      </c>
      <c r="AK234" s="203"/>
      <c r="AL234" s="203"/>
      <c r="AM234" s="203"/>
      <c r="AN234" s="203"/>
      <c r="AO234" s="203"/>
      <c r="AP234" s="203"/>
      <c r="AQ234" s="203"/>
      <c r="AR234" s="204"/>
      <c r="AS234" s="145" t="s">
        <v>98</v>
      </c>
      <c r="AT234" s="203"/>
      <c r="AU234" s="203"/>
      <c r="AV234" s="203"/>
      <c r="AW234" s="203"/>
      <c r="AX234" s="209"/>
      <c r="AY234" s="23"/>
      <c r="AZ234" s="23"/>
      <c r="BA234" s="23"/>
      <c r="BB234" s="23"/>
      <c r="BC234" s="23"/>
      <c r="BD234" s="23"/>
      <c r="BE234" s="23"/>
      <c r="BF234" s="23"/>
      <c r="BG234" s="23"/>
      <c r="BH234" s="23"/>
      <c r="BI234" s="23"/>
      <c r="BJ234" s="23"/>
      <c r="BK234" s="23"/>
      <c r="BL234" s="23"/>
      <c r="BM234" s="23"/>
      <c r="BN234" s="23"/>
      <c r="BO234" s="23"/>
      <c r="BP234" s="23"/>
      <c r="BQ234" s="23"/>
      <c r="BR234" s="23"/>
      <c r="BS234" s="23"/>
      <c r="BT234" s="23"/>
      <c r="BU234" s="23"/>
      <c r="BV234" s="23"/>
      <c r="BW234" s="23"/>
      <c r="BX234" s="23"/>
      <c r="BY234" s="23"/>
      <c r="BZ234" s="23"/>
      <c r="CA234" s="23"/>
      <c r="CB234" s="23"/>
      <c r="CC234" s="23"/>
      <c r="CD234" s="23"/>
      <c r="CE234" s="23"/>
      <c r="CF234" s="23"/>
      <c r="CG234" s="23"/>
      <c r="CH234" s="23"/>
      <c r="CI234" s="23"/>
      <c r="CJ234" s="23"/>
      <c r="CK234" s="23"/>
      <c r="CL234" s="23"/>
      <c r="CM234" s="23"/>
      <c r="CN234" s="23"/>
      <c r="CO234" s="23"/>
      <c r="CP234" s="23"/>
      <c r="CQ234" s="23"/>
      <c r="CR234" s="23"/>
      <c r="CS234" s="23"/>
      <c r="CT234" s="23"/>
      <c r="CU234" s="23"/>
      <c r="CV234" s="23"/>
      <c r="CW234" s="23"/>
      <c r="CX234" s="23"/>
      <c r="CY234" s="23"/>
      <c r="CZ234" s="23"/>
      <c r="DA234" s="23"/>
      <c r="DB234" s="23"/>
      <c r="DC234" s="23"/>
      <c r="DD234" s="23"/>
      <c r="DE234" s="23"/>
      <c r="DF234" s="23"/>
      <c r="DG234" s="23"/>
      <c r="DH234" s="23"/>
      <c r="DI234" s="23"/>
      <c r="DJ234" s="23"/>
      <c r="DK234" s="23"/>
      <c r="DL234" s="23"/>
      <c r="DM234" s="23"/>
      <c r="DN234" s="23"/>
      <c r="DO234" s="23"/>
      <c r="DP234" s="23"/>
      <c r="DQ234" s="23"/>
      <c r="DR234" s="23"/>
      <c r="DS234" s="23"/>
      <c r="DT234" s="23"/>
      <c r="DU234" s="23"/>
      <c r="DV234" s="23"/>
      <c r="DW234" s="23"/>
      <c r="DX234" s="23"/>
      <c r="DY234" s="23"/>
      <c r="DZ234" s="23"/>
      <c r="EA234" s="23"/>
      <c r="EB234" s="23"/>
      <c r="EC234" s="23"/>
      <c r="ED234" s="23"/>
      <c r="EE234" s="23"/>
      <c r="EF234" s="23"/>
      <c r="EG234" s="23"/>
      <c r="EH234" s="23"/>
      <c r="EI234" s="23"/>
      <c r="EJ234" s="23"/>
      <c r="EK234" s="23"/>
      <c r="EL234" s="23"/>
      <c r="EM234" s="23"/>
      <c r="EN234" s="23"/>
      <c r="EO234" s="23"/>
      <c r="EP234" s="23"/>
      <c r="EQ234" s="23"/>
      <c r="ER234" s="23"/>
      <c r="ES234" s="23"/>
      <c r="ET234" s="23"/>
      <c r="EU234" s="23"/>
      <c r="EV234" s="23"/>
      <c r="EW234" s="23"/>
      <c r="EX234" s="23"/>
      <c r="EY234" s="23"/>
      <c r="EZ234" s="23"/>
      <c r="FA234" s="23"/>
      <c r="FB234" s="23"/>
      <c r="FC234" s="23"/>
      <c r="FD234" s="23"/>
      <c r="FE234" s="23"/>
      <c r="FF234" s="23"/>
      <c r="FG234" s="23"/>
      <c r="FH234" s="23"/>
      <c r="FI234" s="23"/>
      <c r="FJ234" s="23"/>
      <c r="FK234" s="23"/>
      <c r="FL234" s="23"/>
      <c r="FM234" s="23"/>
      <c r="FN234" s="23"/>
      <c r="FO234" s="23"/>
      <c r="FP234" s="23"/>
      <c r="FQ234" s="23"/>
      <c r="FR234" s="23"/>
      <c r="FS234" s="23"/>
      <c r="FT234" s="23"/>
      <c r="FU234" s="23"/>
      <c r="FV234" s="23"/>
      <c r="FW234" s="23"/>
      <c r="FX234" s="23"/>
      <c r="FY234" s="23"/>
      <c r="FZ234" s="23"/>
      <c r="GA234" s="23"/>
      <c r="GB234" s="23"/>
      <c r="GC234" s="23"/>
      <c r="GD234" s="23"/>
      <c r="GE234" s="23"/>
      <c r="GF234" s="23"/>
      <c r="GG234" s="23"/>
      <c r="GH234" s="23"/>
      <c r="GI234" s="23"/>
      <c r="GJ234" s="23"/>
      <c r="GK234" s="23"/>
      <c r="GL234" s="23"/>
      <c r="GM234" s="23"/>
      <c r="GN234" s="23"/>
      <c r="GO234" s="23"/>
      <c r="GP234" s="23"/>
      <c r="GQ234" s="23"/>
      <c r="GR234" s="23"/>
      <c r="GS234" s="23"/>
      <c r="GT234" s="23"/>
      <c r="GU234" s="23"/>
      <c r="GV234" s="23"/>
      <c r="GW234" s="23"/>
      <c r="GX234" s="23"/>
      <c r="GY234" s="23"/>
      <c r="GZ234" s="23"/>
      <c r="HA234" s="23"/>
      <c r="HB234" s="23"/>
      <c r="HC234" s="23"/>
      <c r="HD234" s="23"/>
      <c r="HE234" s="23"/>
      <c r="HF234" s="23"/>
      <c r="HG234" s="23"/>
      <c r="HH234" s="23"/>
      <c r="HI234" s="23"/>
      <c r="HJ234" s="23"/>
      <c r="HK234" s="23"/>
      <c r="HL234" s="23"/>
      <c r="HM234" s="23"/>
      <c r="HN234" s="23"/>
      <c r="HO234" s="23"/>
      <c r="HP234" s="23"/>
      <c r="HQ234" s="23"/>
      <c r="HR234" s="23"/>
      <c r="HS234" s="23"/>
      <c r="HT234" s="23"/>
      <c r="HU234" s="23"/>
      <c r="HV234" s="23"/>
      <c r="HW234" s="23"/>
      <c r="HX234" s="23"/>
      <c r="HY234" s="23"/>
      <c r="HZ234" s="23"/>
      <c r="IA234" s="23"/>
      <c r="IB234" s="23"/>
      <c r="IC234" s="23"/>
      <c r="ID234" s="23"/>
      <c r="IE234" s="23"/>
      <c r="IF234" s="23"/>
      <c r="IG234" s="23"/>
      <c r="IH234" s="23"/>
      <c r="II234" s="23"/>
      <c r="IJ234" s="23"/>
      <c r="IK234" s="23"/>
      <c r="IL234" s="23"/>
      <c r="IM234" s="23"/>
      <c r="IN234" s="23"/>
      <c r="IO234" s="23"/>
      <c r="IP234" s="23"/>
      <c r="IQ234" s="23"/>
    </row>
    <row r="235" spans="1:251" s="50" customFormat="1">
      <c r="A235" s="34"/>
      <c r="B235" s="205"/>
      <c r="C235" s="206"/>
      <c r="D235" s="206"/>
      <c r="E235" s="206"/>
      <c r="F235" s="206"/>
      <c r="G235" s="206"/>
      <c r="H235" s="206"/>
      <c r="I235" s="206"/>
      <c r="J235" s="206"/>
      <c r="K235" s="206"/>
      <c r="L235" s="206"/>
      <c r="M235" s="206"/>
      <c r="N235" s="206"/>
      <c r="O235" s="206"/>
      <c r="P235" s="206"/>
      <c r="Q235" s="206"/>
      <c r="R235" s="206"/>
      <c r="S235" s="206"/>
      <c r="T235" s="206"/>
      <c r="U235" s="206"/>
      <c r="V235" s="206"/>
      <c r="W235" s="206"/>
      <c r="X235" s="206"/>
      <c r="Y235" s="206"/>
      <c r="Z235" s="207"/>
      <c r="AA235" s="208"/>
      <c r="AB235" s="206"/>
      <c r="AC235" s="206"/>
      <c r="AD235" s="206"/>
      <c r="AE235" s="206"/>
      <c r="AF235" s="206"/>
      <c r="AG235" s="206"/>
      <c r="AH235" s="206"/>
      <c r="AI235" s="207"/>
      <c r="AJ235" s="208"/>
      <c r="AK235" s="206"/>
      <c r="AL235" s="206"/>
      <c r="AM235" s="206"/>
      <c r="AN235" s="206"/>
      <c r="AO235" s="206"/>
      <c r="AP235" s="206"/>
      <c r="AQ235" s="206"/>
      <c r="AR235" s="207"/>
      <c r="AS235" s="208"/>
      <c r="AT235" s="206"/>
      <c r="AU235" s="206"/>
      <c r="AV235" s="206"/>
      <c r="AW235" s="206"/>
      <c r="AX235" s="210"/>
      <c r="AY235" s="23"/>
      <c r="AZ235" s="23"/>
      <c r="BA235" s="23"/>
      <c r="BB235"/>
      <c r="BC235" s="45"/>
      <c r="BE235" s="23"/>
      <c r="BF235" s="23"/>
      <c r="BG235" s="23"/>
      <c r="BH235" s="23"/>
      <c r="BI235" s="23"/>
      <c r="BJ235" s="23"/>
      <c r="BK235" s="23"/>
      <c r="BL235" s="23"/>
      <c r="BM235" s="23"/>
      <c r="BN235" s="23"/>
      <c r="BO235" s="23"/>
      <c r="BP235" s="23"/>
      <c r="BQ235" s="23"/>
      <c r="BR235" s="23"/>
      <c r="BS235" s="23"/>
      <c r="BT235" s="23"/>
      <c r="BU235" s="23"/>
      <c r="BV235" s="23"/>
      <c r="BW235" s="23"/>
      <c r="BX235" s="23"/>
      <c r="BY235" s="23"/>
      <c r="BZ235" s="23"/>
      <c r="CA235" s="23"/>
      <c r="CB235" s="23"/>
      <c r="CC235" s="23"/>
      <c r="CD235" s="23"/>
      <c r="CE235" s="23"/>
      <c r="CF235" s="23"/>
      <c r="CG235" s="23"/>
      <c r="CH235" s="23"/>
      <c r="CI235" s="23"/>
      <c r="CJ235" s="23"/>
      <c r="CK235" s="23"/>
      <c r="CL235" s="23"/>
      <c r="CM235" s="23"/>
      <c r="CN235" s="23"/>
      <c r="CO235" s="23"/>
      <c r="CP235" s="23"/>
      <c r="CQ235" s="23"/>
      <c r="CR235" s="23"/>
      <c r="CS235" s="23"/>
      <c r="CT235" s="23"/>
      <c r="CU235" s="23"/>
      <c r="CV235" s="23"/>
      <c r="CW235" s="23"/>
      <c r="CX235" s="23"/>
      <c r="CY235" s="23"/>
      <c r="CZ235" s="23"/>
      <c r="DA235" s="23"/>
      <c r="DB235" s="23"/>
      <c r="DC235" s="23"/>
      <c r="DD235" s="23"/>
      <c r="DE235" s="23"/>
      <c r="DF235" s="23"/>
      <c r="DG235" s="23"/>
      <c r="DH235" s="23"/>
      <c r="DI235" s="23"/>
      <c r="DJ235" s="23"/>
      <c r="DK235" s="23"/>
      <c r="DL235" s="23"/>
      <c r="DM235" s="23"/>
      <c r="DN235" s="23"/>
      <c r="DO235" s="23"/>
      <c r="DP235" s="23"/>
      <c r="DQ235" s="23"/>
      <c r="DR235" s="23"/>
      <c r="DS235" s="23"/>
      <c r="DT235" s="23"/>
      <c r="DU235" s="23"/>
      <c r="DV235" s="23"/>
      <c r="DW235" s="23"/>
      <c r="DX235" s="23"/>
      <c r="DY235" s="23"/>
      <c r="DZ235" s="23"/>
      <c r="EA235" s="23"/>
      <c r="EB235" s="23"/>
      <c r="EC235" s="23"/>
      <c r="ED235" s="23"/>
      <c r="EE235" s="23"/>
      <c r="EF235" s="23"/>
      <c r="EG235" s="23"/>
      <c r="EH235" s="23"/>
      <c r="EI235" s="23"/>
      <c r="EJ235" s="23"/>
      <c r="EK235" s="23"/>
      <c r="EL235" s="23"/>
      <c r="EM235" s="23"/>
      <c r="EN235" s="23"/>
      <c r="EO235" s="23"/>
      <c r="EP235" s="23"/>
      <c r="EQ235" s="23"/>
      <c r="ER235" s="23"/>
      <c r="ES235" s="23"/>
      <c r="ET235" s="23"/>
      <c r="EU235" s="23"/>
      <c r="EV235" s="23"/>
      <c r="EW235" s="23"/>
      <c r="EX235" s="23"/>
      <c r="EY235" s="23"/>
      <c r="EZ235" s="23"/>
      <c r="FA235" s="23"/>
      <c r="FB235" s="23"/>
      <c r="FC235" s="23"/>
      <c r="FD235" s="23"/>
      <c r="FE235" s="23"/>
      <c r="FF235" s="23"/>
      <c r="FG235" s="23"/>
      <c r="FH235" s="23"/>
      <c r="FI235" s="23"/>
      <c r="FJ235" s="23"/>
      <c r="FK235" s="23"/>
      <c r="FL235" s="23"/>
      <c r="FM235" s="23"/>
      <c r="FN235" s="23"/>
      <c r="FO235" s="23"/>
      <c r="FP235" s="23"/>
      <c r="FQ235" s="23"/>
      <c r="FR235" s="23"/>
      <c r="FS235" s="23"/>
      <c r="FT235" s="23"/>
      <c r="FU235" s="23"/>
      <c r="FV235" s="23"/>
      <c r="FW235" s="23"/>
      <c r="FX235" s="23"/>
      <c r="FY235" s="23"/>
      <c r="FZ235" s="23"/>
      <c r="GA235" s="23"/>
      <c r="GB235" s="23"/>
      <c r="GC235" s="23"/>
      <c r="GD235" s="23"/>
      <c r="GE235" s="23"/>
      <c r="GF235" s="23"/>
      <c r="GG235" s="23"/>
      <c r="GH235" s="23"/>
      <c r="GI235" s="23"/>
      <c r="GJ235" s="23"/>
      <c r="GK235" s="23"/>
      <c r="GL235" s="23"/>
      <c r="GM235" s="23"/>
      <c r="GN235" s="23"/>
      <c r="GO235" s="23"/>
      <c r="GP235" s="23"/>
      <c r="GQ235" s="23"/>
      <c r="GR235" s="23"/>
      <c r="GS235" s="23"/>
      <c r="GT235" s="23"/>
      <c r="GU235" s="23"/>
      <c r="GV235" s="23"/>
      <c r="GW235" s="23"/>
      <c r="GX235" s="23"/>
      <c r="GY235" s="23"/>
      <c r="GZ235" s="23"/>
      <c r="HA235" s="23"/>
      <c r="HB235" s="23"/>
      <c r="HC235" s="23"/>
      <c r="HD235" s="23"/>
      <c r="HE235" s="23"/>
      <c r="HF235" s="23"/>
      <c r="HG235" s="23"/>
      <c r="HH235" s="23"/>
      <c r="HI235" s="23"/>
      <c r="HJ235" s="23"/>
      <c r="HK235" s="23"/>
      <c r="HL235" s="23"/>
      <c r="HM235" s="23"/>
      <c r="HN235" s="23"/>
      <c r="HO235" s="23"/>
      <c r="HP235" s="23"/>
      <c r="HQ235" s="23"/>
      <c r="HR235" s="23"/>
      <c r="HS235" s="23"/>
      <c r="HT235" s="23"/>
      <c r="HU235" s="23"/>
      <c r="HV235" s="23"/>
      <c r="HW235" s="23"/>
      <c r="HX235" s="23"/>
      <c r="HY235" s="23"/>
      <c r="HZ235" s="23"/>
      <c r="IA235" s="23"/>
      <c r="IB235" s="23"/>
      <c r="IC235" s="23"/>
      <c r="ID235" s="23"/>
      <c r="IE235" s="23"/>
      <c r="IF235" s="23"/>
      <c r="IG235" s="23"/>
      <c r="IH235" s="23"/>
      <c r="II235" s="23"/>
      <c r="IJ235" s="23"/>
      <c r="IK235" s="23"/>
      <c r="IL235" s="23"/>
      <c r="IM235" s="23"/>
      <c r="IN235" s="23"/>
      <c r="IO235" s="23"/>
      <c r="IP235" s="23"/>
      <c r="IQ235" s="23"/>
    </row>
    <row r="236" spans="1:251" s="50" customFormat="1" ht="18.75" customHeight="1">
      <c r="A236" s="34"/>
      <c r="B236" s="46"/>
      <c r="C236" s="130" t="s">
        <v>131</v>
      </c>
      <c r="D236" s="130"/>
      <c r="E236" s="130"/>
      <c r="F236" s="130"/>
      <c r="G236" s="130"/>
      <c r="H236" s="130"/>
      <c r="I236" s="130"/>
      <c r="J236" s="130"/>
      <c r="K236" s="130"/>
      <c r="L236" s="130"/>
      <c r="M236" s="130"/>
      <c r="N236" s="130"/>
      <c r="O236" s="130"/>
      <c r="P236" s="130"/>
      <c r="Q236" s="130"/>
      <c r="R236" s="130"/>
      <c r="S236" s="130"/>
      <c r="T236" s="130"/>
      <c r="U236" s="130"/>
      <c r="V236" s="130"/>
      <c r="W236" s="130"/>
      <c r="X236" s="130"/>
      <c r="Y236" s="130"/>
      <c r="Z236" s="131"/>
      <c r="AA236" s="132">
        <v>80052</v>
      </c>
      <c r="AB236" s="196"/>
      <c r="AC236" s="196"/>
      <c r="AD236" s="196"/>
      <c r="AE236" s="196"/>
      <c r="AF236" s="196"/>
      <c r="AG236" s="196"/>
      <c r="AH236" s="196"/>
      <c r="AI236" s="197"/>
      <c r="AJ236" s="132">
        <v>93041</v>
      </c>
      <c r="AK236" s="196"/>
      <c r="AL236" s="196"/>
      <c r="AM236" s="196"/>
      <c r="AN236" s="196"/>
      <c r="AO236" s="196"/>
      <c r="AP236" s="196"/>
      <c r="AQ236" s="196"/>
      <c r="AR236" s="197"/>
      <c r="AS236" s="132"/>
      <c r="AT236" s="196"/>
      <c r="AU236" s="196"/>
      <c r="AV236" s="196"/>
      <c r="AW236" s="196"/>
      <c r="AX236" s="202"/>
      <c r="AY236" s="23"/>
      <c r="AZ236" s="23"/>
      <c r="BA236" s="23"/>
      <c r="BB236" s="23"/>
      <c r="BC236" s="23"/>
      <c r="BD236" s="23"/>
      <c r="BE236" s="23"/>
      <c r="BF236" s="23"/>
      <c r="BG236" s="23"/>
      <c r="BH236" s="23"/>
      <c r="BI236" s="23"/>
      <c r="BJ236" s="23"/>
      <c r="BK236" s="23"/>
      <c r="BL236" s="23"/>
      <c r="BM236" s="23"/>
      <c r="BN236" s="23"/>
      <c r="BO236" s="23"/>
      <c r="BP236" s="23"/>
      <c r="BQ236" s="23"/>
      <c r="BR236" s="23"/>
      <c r="BS236" s="23"/>
      <c r="BT236" s="23"/>
      <c r="BU236" s="23"/>
      <c r="BV236" s="23"/>
      <c r="BW236" s="23"/>
      <c r="BX236" s="23"/>
      <c r="BY236" s="23"/>
      <c r="BZ236" s="23"/>
      <c r="CA236" s="23"/>
      <c r="CB236" s="23"/>
      <c r="CC236" s="23"/>
      <c r="CD236" s="23"/>
      <c r="CE236" s="23"/>
      <c r="CF236" s="23"/>
      <c r="CG236" s="23"/>
      <c r="CH236" s="23"/>
      <c r="CI236" s="23"/>
      <c r="CJ236" s="23"/>
      <c r="CK236" s="23"/>
      <c r="CL236" s="23"/>
      <c r="CM236" s="23"/>
      <c r="CN236" s="23"/>
      <c r="CO236" s="23"/>
      <c r="CP236" s="23"/>
      <c r="CQ236" s="23"/>
      <c r="CR236" s="23"/>
      <c r="CS236" s="23"/>
      <c r="CT236" s="23"/>
      <c r="CU236" s="23"/>
      <c r="CV236" s="23"/>
      <c r="CW236" s="23"/>
      <c r="CX236" s="23"/>
      <c r="CY236" s="23"/>
      <c r="CZ236" s="23"/>
      <c r="DA236" s="23"/>
      <c r="DB236" s="23"/>
      <c r="DC236" s="23"/>
      <c r="DD236" s="23"/>
      <c r="DE236" s="23"/>
      <c r="DF236" s="23"/>
      <c r="DG236" s="23"/>
      <c r="DH236" s="23"/>
      <c r="DI236" s="23"/>
      <c r="DJ236" s="23"/>
      <c r="DK236" s="23"/>
      <c r="DL236" s="23"/>
      <c r="DM236" s="23"/>
      <c r="DN236" s="23"/>
      <c r="DO236" s="23"/>
      <c r="DP236" s="23"/>
      <c r="DQ236" s="23"/>
      <c r="DR236" s="23"/>
      <c r="DS236" s="23"/>
      <c r="DT236" s="23"/>
      <c r="DU236" s="23"/>
      <c r="DV236" s="23"/>
      <c r="DW236" s="23"/>
      <c r="DX236" s="23"/>
      <c r="DY236" s="23"/>
      <c r="DZ236" s="23"/>
      <c r="EA236" s="23"/>
      <c r="EB236" s="23"/>
      <c r="EC236" s="23"/>
      <c r="ED236" s="23"/>
      <c r="EE236" s="23"/>
      <c r="EF236" s="23"/>
      <c r="EG236" s="23"/>
      <c r="EH236" s="23"/>
      <c r="EI236" s="23"/>
      <c r="EJ236" s="23"/>
      <c r="EK236" s="23"/>
      <c r="EL236" s="23"/>
      <c r="EM236" s="23"/>
      <c r="EN236" s="23"/>
      <c r="EO236" s="23"/>
      <c r="EP236" s="23"/>
      <c r="EQ236" s="23"/>
      <c r="ER236" s="23"/>
      <c r="ES236" s="23"/>
      <c r="ET236" s="23"/>
      <c r="EU236" s="23"/>
      <c r="EV236" s="23"/>
      <c r="EW236" s="23"/>
      <c r="EX236" s="23"/>
      <c r="EY236" s="23"/>
      <c r="EZ236" s="23"/>
      <c r="FA236" s="23"/>
      <c r="FB236" s="23"/>
      <c r="FC236" s="23"/>
      <c r="FD236" s="23"/>
      <c r="FE236" s="23"/>
      <c r="FF236" s="23"/>
      <c r="FG236" s="23"/>
      <c r="FH236" s="23"/>
      <c r="FI236" s="23"/>
      <c r="FJ236" s="23"/>
      <c r="FK236" s="23"/>
      <c r="FL236" s="23"/>
      <c r="FM236" s="23"/>
      <c r="FN236" s="23"/>
      <c r="FO236" s="23"/>
      <c r="FP236" s="23"/>
      <c r="FQ236" s="23"/>
      <c r="FR236" s="23"/>
      <c r="FS236" s="23"/>
      <c r="FT236" s="23"/>
      <c r="FU236" s="23"/>
      <c r="FV236" s="23"/>
      <c r="FW236" s="23"/>
      <c r="FX236" s="23"/>
      <c r="FY236" s="23"/>
      <c r="FZ236" s="23"/>
      <c r="GA236" s="23"/>
      <c r="GB236" s="23"/>
      <c r="GC236" s="23"/>
      <c r="GD236" s="23"/>
      <c r="GE236" s="23"/>
      <c r="GF236" s="23"/>
      <c r="GG236" s="23"/>
      <c r="GH236" s="23"/>
      <c r="GI236" s="23"/>
      <c r="GJ236" s="23"/>
      <c r="GK236" s="23"/>
      <c r="GL236" s="23"/>
      <c r="GM236" s="23"/>
      <c r="GN236" s="23"/>
      <c r="GO236" s="23"/>
      <c r="GP236" s="23"/>
      <c r="GQ236" s="23"/>
      <c r="GR236" s="23"/>
      <c r="GS236" s="23"/>
      <c r="GT236" s="23"/>
      <c r="GU236" s="23"/>
      <c r="GV236" s="23"/>
      <c r="GW236" s="23"/>
      <c r="GX236" s="23"/>
      <c r="GY236" s="23"/>
      <c r="GZ236" s="23"/>
      <c r="HA236" s="23"/>
      <c r="HB236" s="23"/>
      <c r="HC236" s="23"/>
      <c r="HD236" s="23"/>
      <c r="HE236" s="23"/>
      <c r="HF236" s="23"/>
      <c r="HG236" s="23"/>
      <c r="HH236" s="23"/>
      <c r="HI236" s="23"/>
      <c r="HJ236" s="23"/>
      <c r="HK236" s="23"/>
      <c r="HL236" s="23"/>
      <c r="HM236" s="23"/>
      <c r="HN236" s="23"/>
      <c r="HO236" s="23"/>
      <c r="HP236" s="23"/>
      <c r="HQ236" s="23"/>
      <c r="HR236" s="23"/>
      <c r="HS236" s="23"/>
      <c r="HT236" s="23"/>
      <c r="HU236" s="23"/>
      <c r="HV236" s="23"/>
      <c r="HW236" s="23"/>
      <c r="HX236" s="23"/>
      <c r="HY236" s="23"/>
      <c r="HZ236" s="23"/>
      <c r="IA236" s="23"/>
      <c r="IB236" s="23"/>
      <c r="IC236" s="23"/>
      <c r="ID236" s="23"/>
      <c r="IE236" s="23"/>
      <c r="IF236" s="23"/>
      <c r="IG236" s="23"/>
      <c r="IH236" s="23"/>
      <c r="II236" s="23"/>
      <c r="IJ236" s="23"/>
      <c r="IK236" s="23"/>
      <c r="IL236" s="23"/>
      <c r="IM236" s="23"/>
      <c r="IN236" s="23"/>
      <c r="IO236" s="23"/>
      <c r="IP236" s="23"/>
      <c r="IQ236" s="23"/>
    </row>
    <row r="237" spans="1:251" s="50" customFormat="1" ht="18.75" customHeight="1">
      <c r="A237" s="34"/>
      <c r="B237" s="47"/>
      <c r="C237" s="130" t="s">
        <v>132</v>
      </c>
      <c r="D237" s="130"/>
      <c r="E237" s="130"/>
      <c r="F237" s="130"/>
      <c r="G237" s="130"/>
      <c r="H237" s="130"/>
      <c r="I237" s="130"/>
      <c r="J237" s="130"/>
      <c r="K237" s="130"/>
      <c r="L237" s="130"/>
      <c r="M237" s="130"/>
      <c r="N237" s="130"/>
      <c r="O237" s="130"/>
      <c r="P237" s="130"/>
      <c r="Q237" s="130"/>
      <c r="R237" s="130"/>
      <c r="S237" s="130"/>
      <c r="T237" s="130"/>
      <c r="U237" s="130"/>
      <c r="V237" s="130"/>
      <c r="W237" s="130"/>
      <c r="X237" s="130"/>
      <c r="Y237" s="130"/>
      <c r="Z237" s="131"/>
      <c r="AA237" s="132">
        <v>1628</v>
      </c>
      <c r="AB237" s="200"/>
      <c r="AC237" s="200"/>
      <c r="AD237" s="200"/>
      <c r="AE237" s="200"/>
      <c r="AF237" s="200"/>
      <c r="AG237" s="200"/>
      <c r="AH237" s="200"/>
      <c r="AI237" s="201"/>
      <c r="AJ237" s="132">
        <v>4245</v>
      </c>
      <c r="AK237" s="196"/>
      <c r="AL237" s="196"/>
      <c r="AM237" s="196"/>
      <c r="AN237" s="196"/>
      <c r="AO237" s="196"/>
      <c r="AP237" s="196"/>
      <c r="AQ237" s="196"/>
      <c r="AR237" s="197"/>
      <c r="AS237" s="132"/>
      <c r="AT237" s="196"/>
      <c r="AU237" s="196"/>
      <c r="AV237" s="196"/>
      <c r="AW237" s="196"/>
      <c r="AX237" s="202"/>
      <c r="AY237" s="23"/>
      <c r="AZ237" s="23"/>
      <c r="BA237" s="23"/>
      <c r="BB237" s="23"/>
      <c r="BC237" s="23"/>
      <c r="BD237" s="23"/>
      <c r="BE237" s="23"/>
      <c r="BF237" s="23"/>
      <c r="BG237" s="23"/>
      <c r="BH237" s="23"/>
      <c r="BI237" s="23"/>
      <c r="BJ237" s="23"/>
      <c r="BK237" s="23"/>
      <c r="BL237" s="23"/>
      <c r="BM237" s="23"/>
      <c r="BN237" s="23"/>
      <c r="BO237" s="23"/>
      <c r="BP237" s="23"/>
      <c r="BQ237" s="23"/>
      <c r="BR237" s="23"/>
      <c r="BS237" s="23"/>
      <c r="BT237" s="23"/>
      <c r="BU237" s="23"/>
      <c r="BV237" s="23"/>
      <c r="BW237" s="23"/>
      <c r="BX237" s="23"/>
      <c r="BY237" s="23"/>
      <c r="BZ237" s="23"/>
      <c r="CA237" s="23"/>
      <c r="CB237" s="23"/>
      <c r="CC237" s="23"/>
      <c r="CD237" s="23"/>
      <c r="CE237" s="23"/>
      <c r="CF237" s="23"/>
      <c r="CG237" s="23"/>
      <c r="CH237" s="23"/>
      <c r="CI237" s="23"/>
      <c r="CJ237" s="23"/>
      <c r="CK237" s="23"/>
      <c r="CL237" s="23"/>
      <c r="CM237" s="23"/>
      <c r="CN237" s="23"/>
      <c r="CO237" s="23"/>
      <c r="CP237" s="23"/>
      <c r="CQ237" s="23"/>
      <c r="CR237" s="23"/>
      <c r="CS237" s="23"/>
      <c r="CT237" s="23"/>
      <c r="CU237" s="23"/>
      <c r="CV237" s="23"/>
      <c r="CW237" s="23"/>
      <c r="CX237" s="23"/>
      <c r="CY237" s="23"/>
      <c r="CZ237" s="23"/>
      <c r="DA237" s="23"/>
      <c r="DB237" s="23"/>
      <c r="DC237" s="23"/>
      <c r="DD237" s="23"/>
      <c r="DE237" s="23"/>
      <c r="DF237" s="23"/>
      <c r="DG237" s="23"/>
      <c r="DH237" s="23"/>
      <c r="DI237" s="23"/>
      <c r="DJ237" s="23"/>
      <c r="DK237" s="23"/>
      <c r="DL237" s="23"/>
      <c r="DM237" s="23"/>
      <c r="DN237" s="23"/>
      <c r="DO237" s="23"/>
      <c r="DP237" s="23"/>
      <c r="DQ237" s="23"/>
      <c r="DR237" s="23"/>
      <c r="DS237" s="23"/>
      <c r="DT237" s="23"/>
      <c r="DU237" s="23"/>
      <c r="DV237" s="23"/>
      <c r="DW237" s="23"/>
      <c r="DX237" s="23"/>
      <c r="DY237" s="23"/>
      <c r="DZ237" s="23"/>
      <c r="EA237" s="23"/>
      <c r="EB237" s="23"/>
      <c r="EC237" s="23"/>
      <c r="ED237" s="23"/>
      <c r="EE237" s="23"/>
      <c r="EF237" s="23"/>
      <c r="EG237" s="23"/>
      <c r="EH237" s="23"/>
      <c r="EI237" s="23"/>
      <c r="EJ237" s="23"/>
      <c r="EK237" s="23"/>
      <c r="EL237" s="23"/>
      <c r="EM237" s="23"/>
      <c r="EN237" s="23"/>
      <c r="EO237" s="23"/>
      <c r="EP237" s="23"/>
      <c r="EQ237" s="23"/>
      <c r="ER237" s="23"/>
      <c r="ES237" s="23"/>
      <c r="ET237" s="23"/>
      <c r="EU237" s="23"/>
      <c r="EV237" s="23"/>
      <c r="EW237" s="23"/>
      <c r="EX237" s="23"/>
      <c r="EY237" s="23"/>
      <c r="EZ237" s="23"/>
      <c r="FA237" s="23"/>
      <c r="FB237" s="23"/>
      <c r="FC237" s="23"/>
      <c r="FD237" s="23"/>
      <c r="FE237" s="23"/>
      <c r="FF237" s="23"/>
      <c r="FG237" s="23"/>
      <c r="FH237" s="23"/>
      <c r="FI237" s="23"/>
      <c r="FJ237" s="23"/>
      <c r="FK237" s="23"/>
      <c r="FL237" s="23"/>
      <c r="FM237" s="23"/>
      <c r="FN237" s="23"/>
      <c r="FO237" s="23"/>
      <c r="FP237" s="23"/>
      <c r="FQ237" s="23"/>
      <c r="FR237" s="23"/>
      <c r="FS237" s="23"/>
      <c r="FT237" s="23"/>
      <c r="FU237" s="23"/>
      <c r="FV237" s="23"/>
      <c r="FW237" s="23"/>
      <c r="FX237" s="23"/>
      <c r="FY237" s="23"/>
      <c r="FZ237" s="23"/>
      <c r="GA237" s="23"/>
      <c r="GB237" s="23"/>
      <c r="GC237" s="23"/>
      <c r="GD237" s="23"/>
      <c r="GE237" s="23"/>
      <c r="GF237" s="23"/>
      <c r="GG237" s="23"/>
      <c r="GH237" s="23"/>
      <c r="GI237" s="23"/>
      <c r="GJ237" s="23"/>
      <c r="GK237" s="23"/>
      <c r="GL237" s="23"/>
      <c r="GM237" s="23"/>
      <c r="GN237" s="23"/>
      <c r="GO237" s="23"/>
      <c r="GP237" s="23"/>
      <c r="GQ237" s="23"/>
      <c r="GR237" s="23"/>
      <c r="GS237" s="23"/>
      <c r="GT237" s="23"/>
      <c r="GU237" s="23"/>
      <c r="GV237" s="23"/>
      <c r="GW237" s="23"/>
      <c r="GX237" s="23"/>
      <c r="GY237" s="23"/>
      <c r="GZ237" s="23"/>
      <c r="HA237" s="23"/>
      <c r="HB237" s="23"/>
      <c r="HC237" s="23"/>
      <c r="HD237" s="23"/>
      <c r="HE237" s="23"/>
      <c r="HF237" s="23"/>
      <c r="HG237" s="23"/>
      <c r="HH237" s="23"/>
      <c r="HI237" s="23"/>
      <c r="HJ237" s="23"/>
      <c r="HK237" s="23"/>
      <c r="HL237" s="23"/>
      <c r="HM237" s="23"/>
      <c r="HN237" s="23"/>
      <c r="HO237" s="23"/>
      <c r="HP237" s="23"/>
      <c r="HQ237" s="23"/>
      <c r="HR237" s="23"/>
      <c r="HS237" s="23"/>
      <c r="HT237" s="23"/>
      <c r="HU237" s="23"/>
      <c r="HV237" s="23"/>
      <c r="HW237" s="23"/>
      <c r="HX237" s="23"/>
      <c r="HY237" s="23"/>
      <c r="HZ237" s="23"/>
      <c r="IA237" s="23"/>
      <c r="IB237" s="23"/>
      <c r="IC237" s="23"/>
      <c r="ID237" s="23"/>
      <c r="IE237" s="23"/>
      <c r="IF237" s="23"/>
      <c r="IG237" s="23"/>
      <c r="IH237" s="23"/>
      <c r="II237" s="23"/>
      <c r="IJ237" s="23"/>
      <c r="IK237" s="23"/>
      <c r="IL237" s="23"/>
      <c r="IM237" s="23"/>
      <c r="IN237" s="23"/>
      <c r="IO237" s="23"/>
      <c r="IP237" s="23"/>
      <c r="IQ237" s="23"/>
    </row>
    <row r="238" spans="1:251" s="50" customFormat="1" ht="18.75" customHeight="1">
      <c r="A238" s="34"/>
      <c r="B238" s="47"/>
      <c r="C238" s="130"/>
      <c r="D238" s="130"/>
      <c r="E238" s="130"/>
      <c r="F238" s="130"/>
      <c r="G238" s="130"/>
      <c r="H238" s="130"/>
      <c r="I238" s="130"/>
      <c r="J238" s="130"/>
      <c r="K238" s="130"/>
      <c r="L238" s="130"/>
      <c r="M238" s="130"/>
      <c r="N238" s="130"/>
      <c r="O238" s="130"/>
      <c r="P238" s="130"/>
      <c r="Q238" s="130"/>
      <c r="R238" s="130"/>
      <c r="S238" s="130"/>
      <c r="T238" s="130"/>
      <c r="U238" s="130"/>
      <c r="V238" s="130"/>
      <c r="W238" s="130"/>
      <c r="X238" s="130"/>
      <c r="Y238" s="130"/>
      <c r="Z238" s="131"/>
      <c r="AA238" s="132"/>
      <c r="AB238" s="200"/>
      <c r="AC238" s="200"/>
      <c r="AD238" s="200"/>
      <c r="AE238" s="200"/>
      <c r="AF238" s="200"/>
      <c r="AG238" s="200"/>
      <c r="AH238" s="200"/>
      <c r="AI238" s="201"/>
      <c r="AJ238" s="132"/>
      <c r="AK238" s="196"/>
      <c r="AL238" s="196"/>
      <c r="AM238" s="196"/>
      <c r="AN238" s="196"/>
      <c r="AO238" s="196"/>
      <c r="AP238" s="196"/>
      <c r="AQ238" s="196"/>
      <c r="AR238" s="197"/>
      <c r="AS238" s="132"/>
      <c r="AT238" s="196"/>
      <c r="AU238" s="196"/>
      <c r="AV238" s="196"/>
      <c r="AW238" s="196"/>
      <c r="AX238" s="202"/>
      <c r="AY238" s="23"/>
      <c r="AZ238" s="23"/>
      <c r="BA238" s="23"/>
      <c r="BB238" s="23"/>
      <c r="BC238" s="23"/>
      <c r="BD238" s="23"/>
      <c r="BE238" s="23"/>
      <c r="BF238" s="23"/>
      <c r="BG238" s="23"/>
      <c r="BH238" s="23"/>
      <c r="BI238" s="23"/>
      <c r="BJ238" s="23"/>
      <c r="BK238" s="23"/>
      <c r="BL238" s="23"/>
      <c r="BM238" s="23"/>
      <c r="BN238" s="23"/>
      <c r="BO238" s="23"/>
      <c r="BP238" s="23"/>
      <c r="BQ238" s="23"/>
      <c r="BR238" s="23"/>
      <c r="BS238" s="23"/>
      <c r="BT238" s="23"/>
      <c r="BU238" s="23"/>
      <c r="BV238" s="23"/>
      <c r="BW238" s="23"/>
      <c r="BX238" s="23"/>
      <c r="BY238" s="23"/>
      <c r="BZ238" s="23"/>
      <c r="CA238" s="23"/>
      <c r="CB238" s="23"/>
      <c r="CC238" s="23"/>
      <c r="CD238" s="23"/>
      <c r="CE238" s="23"/>
      <c r="CF238" s="23"/>
      <c r="CG238" s="23"/>
      <c r="CH238" s="23"/>
      <c r="CI238" s="23"/>
      <c r="CJ238" s="23"/>
      <c r="CK238" s="23"/>
      <c r="CL238" s="23"/>
      <c r="CM238" s="23"/>
      <c r="CN238" s="23"/>
      <c r="CO238" s="23"/>
      <c r="CP238" s="23"/>
      <c r="CQ238" s="23"/>
      <c r="CR238" s="23"/>
      <c r="CS238" s="23"/>
      <c r="CT238" s="23"/>
      <c r="CU238" s="23"/>
      <c r="CV238" s="23"/>
      <c r="CW238" s="23"/>
      <c r="CX238" s="23"/>
      <c r="CY238" s="23"/>
      <c r="CZ238" s="23"/>
      <c r="DA238" s="23"/>
      <c r="DB238" s="23"/>
      <c r="DC238" s="23"/>
      <c r="DD238" s="23"/>
      <c r="DE238" s="23"/>
      <c r="DF238" s="23"/>
      <c r="DG238" s="23"/>
      <c r="DH238" s="23"/>
      <c r="DI238" s="23"/>
      <c r="DJ238" s="23"/>
      <c r="DK238" s="23"/>
      <c r="DL238" s="23"/>
      <c r="DM238" s="23"/>
      <c r="DN238" s="23"/>
      <c r="DO238" s="23"/>
      <c r="DP238" s="23"/>
      <c r="DQ238" s="23"/>
      <c r="DR238" s="23"/>
      <c r="DS238" s="23"/>
      <c r="DT238" s="23"/>
      <c r="DU238" s="23"/>
      <c r="DV238" s="23"/>
      <c r="DW238" s="23"/>
      <c r="DX238" s="23"/>
      <c r="DY238" s="23"/>
      <c r="DZ238" s="23"/>
      <c r="EA238" s="23"/>
      <c r="EB238" s="23"/>
      <c r="EC238" s="23"/>
      <c r="ED238" s="23"/>
      <c r="EE238" s="23"/>
      <c r="EF238" s="23"/>
      <c r="EG238" s="23"/>
      <c r="EH238" s="23"/>
      <c r="EI238" s="23"/>
      <c r="EJ238" s="23"/>
      <c r="EK238" s="23"/>
      <c r="EL238" s="23"/>
      <c r="EM238" s="23"/>
      <c r="EN238" s="23"/>
      <c r="EO238" s="23"/>
      <c r="EP238" s="23"/>
      <c r="EQ238" s="23"/>
      <c r="ER238" s="23"/>
      <c r="ES238" s="23"/>
      <c r="ET238" s="23"/>
      <c r="EU238" s="23"/>
      <c r="EV238" s="23"/>
      <c r="EW238" s="23"/>
      <c r="EX238" s="23"/>
      <c r="EY238" s="23"/>
      <c r="EZ238" s="23"/>
      <c r="FA238" s="23"/>
      <c r="FB238" s="23"/>
      <c r="FC238" s="23"/>
      <c r="FD238" s="23"/>
      <c r="FE238" s="23"/>
      <c r="FF238" s="23"/>
      <c r="FG238" s="23"/>
      <c r="FH238" s="23"/>
      <c r="FI238" s="23"/>
      <c r="FJ238" s="23"/>
      <c r="FK238" s="23"/>
      <c r="FL238" s="23"/>
      <c r="FM238" s="23"/>
      <c r="FN238" s="23"/>
      <c r="FO238" s="23"/>
      <c r="FP238" s="23"/>
      <c r="FQ238" s="23"/>
      <c r="FR238" s="23"/>
      <c r="FS238" s="23"/>
      <c r="FT238" s="23"/>
      <c r="FU238" s="23"/>
      <c r="FV238" s="23"/>
      <c r="FW238" s="23"/>
      <c r="FX238" s="23"/>
      <c r="FY238" s="23"/>
      <c r="FZ238" s="23"/>
      <c r="GA238" s="23"/>
      <c r="GB238" s="23"/>
      <c r="GC238" s="23"/>
      <c r="GD238" s="23"/>
      <c r="GE238" s="23"/>
      <c r="GF238" s="23"/>
      <c r="GG238" s="23"/>
      <c r="GH238" s="23"/>
      <c r="GI238" s="23"/>
      <c r="GJ238" s="23"/>
      <c r="GK238" s="23"/>
      <c r="GL238" s="23"/>
      <c r="GM238" s="23"/>
      <c r="GN238" s="23"/>
      <c r="GO238" s="23"/>
      <c r="GP238" s="23"/>
      <c r="GQ238" s="23"/>
      <c r="GR238" s="23"/>
      <c r="GS238" s="23"/>
      <c r="GT238" s="23"/>
      <c r="GU238" s="23"/>
      <c r="GV238" s="23"/>
      <c r="GW238" s="23"/>
      <c r="GX238" s="23"/>
      <c r="GY238" s="23"/>
      <c r="GZ238" s="23"/>
      <c r="HA238" s="23"/>
      <c r="HB238" s="23"/>
      <c r="HC238" s="23"/>
      <c r="HD238" s="23"/>
      <c r="HE238" s="23"/>
      <c r="HF238" s="23"/>
      <c r="HG238" s="23"/>
      <c r="HH238" s="23"/>
      <c r="HI238" s="23"/>
      <c r="HJ238" s="23"/>
      <c r="HK238" s="23"/>
      <c r="HL238" s="23"/>
      <c r="HM238" s="23"/>
      <c r="HN238" s="23"/>
      <c r="HO238" s="23"/>
      <c r="HP238" s="23"/>
      <c r="HQ238" s="23"/>
      <c r="HR238" s="23"/>
      <c r="HS238" s="23"/>
      <c r="HT238" s="23"/>
      <c r="HU238" s="23"/>
      <c r="HV238" s="23"/>
      <c r="HW238" s="23"/>
      <c r="HX238" s="23"/>
      <c r="HY238" s="23"/>
      <c r="HZ238" s="23"/>
      <c r="IA238" s="23"/>
      <c r="IB238" s="23"/>
      <c r="IC238" s="23"/>
      <c r="ID238" s="23"/>
      <c r="IE238" s="23"/>
      <c r="IF238" s="23"/>
      <c r="IG238" s="23"/>
      <c r="IH238" s="23"/>
      <c r="II238" s="23"/>
      <c r="IJ238" s="23"/>
      <c r="IK238" s="23"/>
      <c r="IL238" s="23"/>
      <c r="IM238" s="23"/>
      <c r="IN238" s="23"/>
      <c r="IO238" s="23"/>
      <c r="IP238" s="23"/>
      <c r="IQ238" s="23"/>
    </row>
    <row r="239" spans="1:251" s="50" customFormat="1" ht="18.75" customHeight="1">
      <c r="A239" s="34"/>
      <c r="B239" s="47"/>
      <c r="C239" s="130"/>
      <c r="D239" s="130"/>
      <c r="E239" s="130"/>
      <c r="F239" s="130"/>
      <c r="G239" s="130"/>
      <c r="H239" s="130"/>
      <c r="I239" s="130"/>
      <c r="J239" s="130"/>
      <c r="K239" s="130"/>
      <c r="L239" s="130"/>
      <c r="M239" s="130"/>
      <c r="N239" s="130"/>
      <c r="O239" s="130"/>
      <c r="P239" s="130"/>
      <c r="Q239" s="130"/>
      <c r="R239" s="130"/>
      <c r="S239" s="130"/>
      <c r="T239" s="130"/>
      <c r="U239" s="130"/>
      <c r="V239" s="130"/>
      <c r="W239" s="130"/>
      <c r="X239" s="130"/>
      <c r="Y239" s="130"/>
      <c r="Z239" s="131"/>
      <c r="AA239" s="132"/>
      <c r="AB239" s="200"/>
      <c r="AC239" s="200"/>
      <c r="AD239" s="200"/>
      <c r="AE239" s="200"/>
      <c r="AF239" s="200"/>
      <c r="AG239" s="200"/>
      <c r="AH239" s="200"/>
      <c r="AI239" s="201"/>
      <c r="AJ239" s="132"/>
      <c r="AK239" s="196"/>
      <c r="AL239" s="196"/>
      <c r="AM239" s="196"/>
      <c r="AN239" s="196"/>
      <c r="AO239" s="196"/>
      <c r="AP239" s="196"/>
      <c r="AQ239" s="196"/>
      <c r="AR239" s="197"/>
      <c r="AS239" s="132"/>
      <c r="AT239" s="196"/>
      <c r="AU239" s="196"/>
      <c r="AV239" s="196"/>
      <c r="AW239" s="196"/>
      <c r="AX239" s="202"/>
      <c r="AY239" s="23"/>
      <c r="AZ239" s="23"/>
      <c r="BA239" s="23"/>
      <c r="BB239" s="23"/>
      <c r="BC239" s="23"/>
      <c r="BD239" s="23"/>
      <c r="BE239" s="23"/>
      <c r="BF239" s="23"/>
      <c r="BG239" s="23"/>
      <c r="BH239" s="23"/>
      <c r="BI239" s="23"/>
      <c r="BJ239" s="23"/>
      <c r="BK239" s="23"/>
      <c r="BL239" s="23"/>
      <c r="BM239" s="23"/>
      <c r="BN239" s="23"/>
      <c r="BO239" s="23"/>
      <c r="BP239" s="23"/>
      <c r="BQ239" s="23"/>
      <c r="BR239" s="23"/>
      <c r="BS239" s="23"/>
      <c r="BT239" s="23"/>
      <c r="BU239" s="23"/>
      <c r="BV239" s="23"/>
      <c r="BW239" s="23"/>
      <c r="BX239" s="23"/>
      <c r="BY239" s="23"/>
      <c r="BZ239" s="23"/>
      <c r="CA239" s="23"/>
      <c r="CB239" s="23"/>
      <c r="CC239" s="23"/>
      <c r="CD239" s="23"/>
      <c r="CE239" s="23"/>
      <c r="CF239" s="23"/>
      <c r="CG239" s="23"/>
      <c r="CH239" s="23"/>
      <c r="CI239" s="23"/>
      <c r="CJ239" s="23"/>
      <c r="CK239" s="23"/>
      <c r="CL239" s="23"/>
      <c r="CM239" s="23"/>
      <c r="CN239" s="23"/>
      <c r="CO239" s="23"/>
      <c r="CP239" s="23"/>
      <c r="CQ239" s="23"/>
      <c r="CR239" s="23"/>
      <c r="CS239" s="23"/>
      <c r="CT239" s="23"/>
      <c r="CU239" s="23"/>
      <c r="CV239" s="23"/>
      <c r="CW239" s="23"/>
      <c r="CX239" s="23"/>
      <c r="CY239" s="23"/>
      <c r="CZ239" s="23"/>
      <c r="DA239" s="23"/>
      <c r="DB239" s="23"/>
      <c r="DC239" s="23"/>
      <c r="DD239" s="23"/>
      <c r="DE239" s="23"/>
      <c r="DF239" s="23"/>
      <c r="DG239" s="23"/>
      <c r="DH239" s="23"/>
      <c r="DI239" s="23"/>
      <c r="DJ239" s="23"/>
      <c r="DK239" s="23"/>
      <c r="DL239" s="23"/>
      <c r="DM239" s="23"/>
      <c r="DN239" s="23"/>
      <c r="DO239" s="23"/>
      <c r="DP239" s="23"/>
      <c r="DQ239" s="23"/>
      <c r="DR239" s="23"/>
      <c r="DS239" s="23"/>
      <c r="DT239" s="23"/>
      <c r="DU239" s="23"/>
      <c r="DV239" s="23"/>
      <c r="DW239" s="23"/>
      <c r="DX239" s="23"/>
      <c r="DY239" s="23"/>
      <c r="DZ239" s="23"/>
      <c r="EA239" s="23"/>
      <c r="EB239" s="23"/>
      <c r="EC239" s="23"/>
      <c r="ED239" s="23"/>
      <c r="EE239" s="23"/>
      <c r="EF239" s="23"/>
      <c r="EG239" s="23"/>
      <c r="EH239" s="23"/>
      <c r="EI239" s="23"/>
      <c r="EJ239" s="23"/>
      <c r="EK239" s="23"/>
      <c r="EL239" s="23"/>
      <c r="EM239" s="23"/>
      <c r="EN239" s="23"/>
      <c r="EO239" s="23"/>
      <c r="EP239" s="23"/>
      <c r="EQ239" s="23"/>
      <c r="ER239" s="23"/>
      <c r="ES239" s="23"/>
      <c r="ET239" s="23"/>
      <c r="EU239" s="23"/>
      <c r="EV239" s="23"/>
      <c r="EW239" s="23"/>
      <c r="EX239" s="23"/>
      <c r="EY239" s="23"/>
      <c r="EZ239" s="23"/>
      <c r="FA239" s="23"/>
      <c r="FB239" s="23"/>
      <c r="FC239" s="23"/>
      <c r="FD239" s="23"/>
      <c r="FE239" s="23"/>
      <c r="FF239" s="23"/>
      <c r="FG239" s="23"/>
      <c r="FH239" s="23"/>
      <c r="FI239" s="23"/>
      <c r="FJ239" s="23"/>
      <c r="FK239" s="23"/>
      <c r="FL239" s="23"/>
      <c r="FM239" s="23"/>
      <c r="FN239" s="23"/>
      <c r="FO239" s="23"/>
      <c r="FP239" s="23"/>
      <c r="FQ239" s="23"/>
      <c r="FR239" s="23"/>
      <c r="FS239" s="23"/>
      <c r="FT239" s="23"/>
      <c r="FU239" s="23"/>
      <c r="FV239" s="23"/>
      <c r="FW239" s="23"/>
      <c r="FX239" s="23"/>
      <c r="FY239" s="23"/>
      <c r="FZ239" s="23"/>
      <c r="GA239" s="23"/>
      <c r="GB239" s="23"/>
      <c r="GC239" s="23"/>
      <c r="GD239" s="23"/>
      <c r="GE239" s="23"/>
      <c r="GF239" s="23"/>
      <c r="GG239" s="23"/>
      <c r="GH239" s="23"/>
      <c r="GI239" s="23"/>
      <c r="GJ239" s="23"/>
      <c r="GK239" s="23"/>
      <c r="GL239" s="23"/>
      <c r="GM239" s="23"/>
      <c r="GN239" s="23"/>
      <c r="GO239" s="23"/>
      <c r="GP239" s="23"/>
      <c r="GQ239" s="23"/>
      <c r="GR239" s="23"/>
      <c r="GS239" s="23"/>
      <c r="GT239" s="23"/>
      <c r="GU239" s="23"/>
      <c r="GV239" s="23"/>
      <c r="GW239" s="23"/>
      <c r="GX239" s="23"/>
      <c r="GY239" s="23"/>
      <c r="GZ239" s="23"/>
      <c r="HA239" s="23"/>
      <c r="HB239" s="23"/>
      <c r="HC239" s="23"/>
      <c r="HD239" s="23"/>
      <c r="HE239" s="23"/>
      <c r="HF239" s="23"/>
      <c r="HG239" s="23"/>
      <c r="HH239" s="23"/>
      <c r="HI239" s="23"/>
      <c r="HJ239" s="23"/>
      <c r="HK239" s="23"/>
      <c r="HL239" s="23"/>
      <c r="HM239" s="23"/>
      <c r="HN239" s="23"/>
      <c r="HO239" s="23"/>
      <c r="HP239" s="23"/>
      <c r="HQ239" s="23"/>
      <c r="HR239" s="23"/>
      <c r="HS239" s="23"/>
      <c r="HT239" s="23"/>
      <c r="HU239" s="23"/>
      <c r="HV239" s="23"/>
      <c r="HW239" s="23"/>
      <c r="HX239" s="23"/>
      <c r="HY239" s="23"/>
      <c r="HZ239" s="23"/>
      <c r="IA239" s="23"/>
      <c r="IB239" s="23"/>
      <c r="IC239" s="23"/>
      <c r="ID239" s="23"/>
      <c r="IE239" s="23"/>
      <c r="IF239" s="23"/>
      <c r="IG239" s="23"/>
      <c r="IH239" s="23"/>
      <c r="II239" s="23"/>
      <c r="IJ239" s="23"/>
      <c r="IK239" s="23"/>
      <c r="IL239" s="23"/>
      <c r="IM239" s="23"/>
      <c r="IN239" s="23"/>
      <c r="IO239" s="23"/>
      <c r="IP239" s="23"/>
      <c r="IQ239" s="23"/>
    </row>
    <row r="240" spans="1:251" s="50" customFormat="1" ht="18.75" customHeight="1">
      <c r="A240" s="34"/>
      <c r="B240" s="48"/>
      <c r="C240" s="130"/>
      <c r="D240" s="130"/>
      <c r="E240" s="130"/>
      <c r="F240" s="130"/>
      <c r="G240" s="130"/>
      <c r="H240" s="130"/>
      <c r="I240" s="130"/>
      <c r="J240" s="130"/>
      <c r="K240" s="130"/>
      <c r="L240" s="130"/>
      <c r="M240" s="130"/>
      <c r="N240" s="130"/>
      <c r="O240" s="130"/>
      <c r="P240" s="130"/>
      <c r="Q240" s="130"/>
      <c r="R240" s="130"/>
      <c r="S240" s="130"/>
      <c r="T240" s="130"/>
      <c r="U240" s="130"/>
      <c r="V240" s="130"/>
      <c r="W240" s="130"/>
      <c r="X240" s="130"/>
      <c r="Y240" s="130"/>
      <c r="Z240" s="131"/>
      <c r="AA240" s="132"/>
      <c r="AB240" s="200"/>
      <c r="AC240" s="200"/>
      <c r="AD240" s="200"/>
      <c r="AE240" s="200"/>
      <c r="AF240" s="200"/>
      <c r="AG240" s="200"/>
      <c r="AH240" s="200"/>
      <c r="AI240" s="201"/>
      <c r="AJ240" s="132"/>
      <c r="AK240" s="196"/>
      <c r="AL240" s="196"/>
      <c r="AM240" s="196"/>
      <c r="AN240" s="196"/>
      <c r="AO240" s="196"/>
      <c r="AP240" s="196"/>
      <c r="AQ240" s="196"/>
      <c r="AR240" s="197"/>
      <c r="AS240" s="136"/>
      <c r="AT240" s="198"/>
      <c r="AU240" s="198"/>
      <c r="AV240" s="198"/>
      <c r="AW240" s="198"/>
      <c r="AX240" s="199"/>
      <c r="AY240" s="23"/>
      <c r="AZ240" s="23"/>
      <c r="BA240" s="23"/>
      <c r="BB240" s="23"/>
      <c r="BC240" s="23"/>
      <c r="BD240" s="23"/>
      <c r="BE240" s="23"/>
      <c r="BF240" s="23"/>
      <c r="BG240" s="23"/>
      <c r="BH240" s="23"/>
      <c r="BI240" s="23"/>
      <c r="BJ240" s="23"/>
      <c r="BK240" s="23"/>
      <c r="BL240" s="23"/>
      <c r="BM240" s="23"/>
      <c r="BN240" s="23"/>
      <c r="BO240" s="23"/>
      <c r="BP240" s="23"/>
      <c r="BQ240" s="23"/>
      <c r="BR240" s="23"/>
      <c r="BS240" s="23"/>
      <c r="BT240" s="23"/>
      <c r="BU240" s="23"/>
      <c r="BV240" s="23"/>
      <c r="BW240" s="23"/>
      <c r="BX240" s="23"/>
      <c r="BY240" s="23"/>
      <c r="BZ240" s="23"/>
      <c r="CA240" s="23"/>
      <c r="CB240" s="23"/>
      <c r="CC240" s="23"/>
      <c r="CD240" s="23"/>
      <c r="CE240" s="23"/>
      <c r="CF240" s="23"/>
      <c r="CG240" s="23"/>
      <c r="CH240" s="23"/>
      <c r="CI240" s="23"/>
      <c r="CJ240" s="23"/>
      <c r="CK240" s="23"/>
      <c r="CL240" s="23"/>
      <c r="CM240" s="23"/>
      <c r="CN240" s="23"/>
      <c r="CO240" s="23"/>
      <c r="CP240" s="23"/>
      <c r="CQ240" s="23"/>
      <c r="CR240" s="23"/>
      <c r="CS240" s="23"/>
      <c r="CT240" s="23"/>
      <c r="CU240" s="23"/>
      <c r="CV240" s="23"/>
      <c r="CW240" s="23"/>
      <c r="CX240" s="23"/>
      <c r="CY240" s="23"/>
      <c r="CZ240" s="23"/>
      <c r="DA240" s="23"/>
      <c r="DB240" s="23"/>
      <c r="DC240" s="23"/>
      <c r="DD240" s="23"/>
      <c r="DE240" s="23"/>
      <c r="DF240" s="23"/>
      <c r="DG240" s="23"/>
      <c r="DH240" s="23"/>
      <c r="DI240" s="23"/>
      <c r="DJ240" s="23"/>
      <c r="DK240" s="23"/>
      <c r="DL240" s="23"/>
      <c r="DM240" s="23"/>
      <c r="DN240" s="23"/>
      <c r="DO240" s="23"/>
      <c r="DP240" s="23"/>
      <c r="DQ240" s="23"/>
      <c r="DR240" s="23"/>
      <c r="DS240" s="23"/>
      <c r="DT240" s="23"/>
      <c r="DU240" s="23"/>
      <c r="DV240" s="23"/>
      <c r="DW240" s="23"/>
      <c r="DX240" s="23"/>
      <c r="DY240" s="23"/>
      <c r="DZ240" s="23"/>
      <c r="EA240" s="23"/>
      <c r="EB240" s="23"/>
      <c r="EC240" s="23"/>
      <c r="ED240" s="23"/>
      <c r="EE240" s="23"/>
      <c r="EF240" s="23"/>
      <c r="EG240" s="23"/>
      <c r="EH240" s="23"/>
      <c r="EI240" s="23"/>
      <c r="EJ240" s="23"/>
      <c r="EK240" s="23"/>
      <c r="EL240" s="23"/>
      <c r="EM240" s="23"/>
      <c r="EN240" s="23"/>
      <c r="EO240" s="23"/>
      <c r="EP240" s="23"/>
      <c r="EQ240" s="23"/>
      <c r="ER240" s="23"/>
      <c r="ES240" s="23"/>
      <c r="ET240" s="23"/>
      <c r="EU240" s="23"/>
      <c r="EV240" s="23"/>
      <c r="EW240" s="23"/>
      <c r="EX240" s="23"/>
      <c r="EY240" s="23"/>
      <c r="EZ240" s="23"/>
      <c r="FA240" s="23"/>
      <c r="FB240" s="23"/>
      <c r="FC240" s="23"/>
      <c r="FD240" s="23"/>
      <c r="FE240" s="23"/>
      <c r="FF240" s="23"/>
      <c r="FG240" s="23"/>
      <c r="FH240" s="23"/>
      <c r="FI240" s="23"/>
      <c r="FJ240" s="23"/>
      <c r="FK240" s="23"/>
      <c r="FL240" s="23"/>
      <c r="FM240" s="23"/>
      <c r="FN240" s="23"/>
      <c r="FO240" s="23"/>
      <c r="FP240" s="23"/>
      <c r="FQ240" s="23"/>
      <c r="FR240" s="23"/>
      <c r="FS240" s="23"/>
      <c r="FT240" s="23"/>
      <c r="FU240" s="23"/>
      <c r="FV240" s="23"/>
      <c r="FW240" s="23"/>
      <c r="FX240" s="23"/>
      <c r="FY240" s="23"/>
      <c r="FZ240" s="23"/>
      <c r="GA240" s="23"/>
      <c r="GB240" s="23"/>
      <c r="GC240" s="23"/>
      <c r="GD240" s="23"/>
      <c r="GE240" s="23"/>
      <c r="GF240" s="23"/>
      <c r="GG240" s="23"/>
      <c r="GH240" s="23"/>
      <c r="GI240" s="23"/>
      <c r="GJ240" s="23"/>
      <c r="GK240" s="23"/>
      <c r="GL240" s="23"/>
      <c r="GM240" s="23"/>
      <c r="GN240" s="23"/>
      <c r="GO240" s="23"/>
      <c r="GP240" s="23"/>
      <c r="GQ240" s="23"/>
      <c r="GR240" s="23"/>
      <c r="GS240" s="23"/>
      <c r="GT240" s="23"/>
      <c r="GU240" s="23"/>
      <c r="GV240" s="23"/>
      <c r="GW240" s="23"/>
      <c r="GX240" s="23"/>
      <c r="GY240" s="23"/>
      <c r="GZ240" s="23"/>
      <c r="HA240" s="23"/>
      <c r="HB240" s="23"/>
      <c r="HC240" s="23"/>
      <c r="HD240" s="23"/>
      <c r="HE240" s="23"/>
      <c r="HF240" s="23"/>
      <c r="HG240" s="23"/>
      <c r="HH240" s="23"/>
      <c r="HI240" s="23"/>
      <c r="HJ240" s="23"/>
      <c r="HK240" s="23"/>
      <c r="HL240" s="23"/>
      <c r="HM240" s="23"/>
      <c r="HN240" s="23"/>
      <c r="HO240" s="23"/>
      <c r="HP240" s="23"/>
      <c r="HQ240" s="23"/>
      <c r="HR240" s="23"/>
      <c r="HS240" s="23"/>
      <c r="HT240" s="23"/>
      <c r="HU240" s="23"/>
      <c r="HV240" s="23"/>
      <c r="HW240" s="23"/>
      <c r="HX240" s="23"/>
      <c r="HY240" s="23"/>
      <c r="HZ240" s="23"/>
      <c r="IA240" s="23"/>
      <c r="IB240" s="23"/>
      <c r="IC240" s="23"/>
      <c r="ID240" s="23"/>
      <c r="IE240" s="23"/>
      <c r="IF240" s="23"/>
      <c r="IG240" s="23"/>
      <c r="IH240" s="23"/>
      <c r="II240" s="23"/>
      <c r="IJ240" s="23"/>
      <c r="IK240" s="23"/>
      <c r="IL240" s="23"/>
      <c r="IM240" s="23"/>
      <c r="IN240" s="23"/>
      <c r="IO240" s="23"/>
      <c r="IP240" s="23"/>
      <c r="IQ240" s="23"/>
    </row>
    <row r="241" spans="1:251" s="50" customFormat="1" ht="18.75" customHeight="1">
      <c r="A241" s="34"/>
      <c r="B241" s="47"/>
      <c r="C241" s="130"/>
      <c r="D241" s="130"/>
      <c r="E241" s="130"/>
      <c r="F241" s="130"/>
      <c r="G241" s="130"/>
      <c r="H241" s="130"/>
      <c r="I241" s="130"/>
      <c r="J241" s="130"/>
      <c r="K241" s="130"/>
      <c r="L241" s="130"/>
      <c r="M241" s="130"/>
      <c r="N241" s="130"/>
      <c r="O241" s="130"/>
      <c r="P241" s="130"/>
      <c r="Q241" s="130"/>
      <c r="R241" s="130"/>
      <c r="S241" s="130"/>
      <c r="T241" s="130"/>
      <c r="U241" s="130"/>
      <c r="V241" s="130"/>
      <c r="W241" s="130"/>
      <c r="X241" s="130"/>
      <c r="Y241" s="130"/>
      <c r="Z241" s="131"/>
      <c r="AA241" s="132"/>
      <c r="AB241" s="200"/>
      <c r="AC241" s="200"/>
      <c r="AD241" s="200"/>
      <c r="AE241" s="200"/>
      <c r="AF241" s="200"/>
      <c r="AG241" s="200"/>
      <c r="AH241" s="200"/>
      <c r="AI241" s="201"/>
      <c r="AJ241" s="132"/>
      <c r="AK241" s="196"/>
      <c r="AL241" s="196"/>
      <c r="AM241" s="196"/>
      <c r="AN241" s="196"/>
      <c r="AO241" s="196"/>
      <c r="AP241" s="196"/>
      <c r="AQ241" s="196"/>
      <c r="AR241" s="197"/>
      <c r="AS241" s="132"/>
      <c r="AT241" s="196"/>
      <c r="AU241" s="196"/>
      <c r="AV241" s="196"/>
      <c r="AW241" s="196"/>
      <c r="AX241" s="202"/>
      <c r="AY241" s="23"/>
      <c r="AZ241" s="23"/>
      <c r="BA241" s="23"/>
      <c r="BB241" s="23"/>
      <c r="BC241" s="23"/>
      <c r="BD241" s="23"/>
      <c r="BE241" s="23"/>
      <c r="BF241" s="23"/>
      <c r="BG241" s="23"/>
      <c r="BH241" s="23"/>
      <c r="BI241" s="23"/>
      <c r="BJ241" s="23"/>
      <c r="BK241" s="23"/>
      <c r="BL241" s="23"/>
      <c r="BM241" s="23"/>
      <c r="BN241" s="23"/>
      <c r="BO241" s="23"/>
      <c r="BP241" s="23"/>
      <c r="BQ241" s="23"/>
      <c r="BR241" s="23"/>
      <c r="BS241" s="23"/>
      <c r="BT241" s="23"/>
      <c r="BU241" s="23"/>
      <c r="BV241" s="23"/>
      <c r="BW241" s="23"/>
      <c r="BX241" s="23"/>
      <c r="BY241" s="23"/>
      <c r="BZ241" s="23"/>
      <c r="CA241" s="23"/>
      <c r="CB241" s="23"/>
      <c r="CC241" s="23"/>
      <c r="CD241" s="23"/>
      <c r="CE241" s="23"/>
      <c r="CF241" s="23"/>
      <c r="CG241" s="23"/>
      <c r="CH241" s="23"/>
      <c r="CI241" s="23"/>
      <c r="CJ241" s="23"/>
      <c r="CK241" s="23"/>
      <c r="CL241" s="23"/>
      <c r="CM241" s="23"/>
      <c r="CN241" s="23"/>
      <c r="CO241" s="23"/>
      <c r="CP241" s="23"/>
      <c r="CQ241" s="23"/>
      <c r="CR241" s="23"/>
      <c r="CS241" s="23"/>
      <c r="CT241" s="23"/>
      <c r="CU241" s="23"/>
      <c r="CV241" s="23"/>
      <c r="CW241" s="23"/>
      <c r="CX241" s="23"/>
      <c r="CY241" s="23"/>
      <c r="CZ241" s="23"/>
      <c r="DA241" s="23"/>
      <c r="DB241" s="23"/>
      <c r="DC241" s="23"/>
      <c r="DD241" s="23"/>
      <c r="DE241" s="23"/>
      <c r="DF241" s="23"/>
      <c r="DG241" s="23"/>
      <c r="DH241" s="23"/>
      <c r="DI241" s="23"/>
      <c r="DJ241" s="23"/>
      <c r="DK241" s="23"/>
      <c r="DL241" s="23"/>
      <c r="DM241" s="23"/>
      <c r="DN241" s="23"/>
      <c r="DO241" s="23"/>
      <c r="DP241" s="23"/>
      <c r="DQ241" s="23"/>
      <c r="DR241" s="23"/>
      <c r="DS241" s="23"/>
      <c r="DT241" s="23"/>
      <c r="DU241" s="23"/>
      <c r="DV241" s="23"/>
      <c r="DW241" s="23"/>
      <c r="DX241" s="23"/>
      <c r="DY241" s="23"/>
      <c r="DZ241" s="23"/>
      <c r="EA241" s="23"/>
      <c r="EB241" s="23"/>
      <c r="EC241" s="23"/>
      <c r="ED241" s="23"/>
      <c r="EE241" s="23"/>
      <c r="EF241" s="23"/>
      <c r="EG241" s="23"/>
      <c r="EH241" s="23"/>
      <c r="EI241" s="23"/>
      <c r="EJ241" s="23"/>
      <c r="EK241" s="23"/>
      <c r="EL241" s="23"/>
      <c r="EM241" s="23"/>
      <c r="EN241" s="23"/>
      <c r="EO241" s="23"/>
      <c r="EP241" s="23"/>
      <c r="EQ241" s="23"/>
      <c r="ER241" s="23"/>
      <c r="ES241" s="23"/>
      <c r="ET241" s="23"/>
      <c r="EU241" s="23"/>
      <c r="EV241" s="23"/>
      <c r="EW241" s="23"/>
      <c r="EX241" s="23"/>
      <c r="EY241" s="23"/>
      <c r="EZ241" s="23"/>
      <c r="FA241" s="23"/>
      <c r="FB241" s="23"/>
      <c r="FC241" s="23"/>
      <c r="FD241" s="23"/>
      <c r="FE241" s="23"/>
      <c r="FF241" s="23"/>
      <c r="FG241" s="23"/>
      <c r="FH241" s="23"/>
      <c r="FI241" s="23"/>
      <c r="FJ241" s="23"/>
      <c r="FK241" s="23"/>
      <c r="FL241" s="23"/>
      <c r="FM241" s="23"/>
      <c r="FN241" s="23"/>
      <c r="FO241" s="23"/>
      <c r="FP241" s="23"/>
      <c r="FQ241" s="23"/>
      <c r="FR241" s="23"/>
      <c r="FS241" s="23"/>
      <c r="FT241" s="23"/>
      <c r="FU241" s="23"/>
      <c r="FV241" s="23"/>
      <c r="FW241" s="23"/>
      <c r="FX241" s="23"/>
      <c r="FY241" s="23"/>
      <c r="FZ241" s="23"/>
      <c r="GA241" s="23"/>
      <c r="GB241" s="23"/>
      <c r="GC241" s="23"/>
      <c r="GD241" s="23"/>
      <c r="GE241" s="23"/>
      <c r="GF241" s="23"/>
      <c r="GG241" s="23"/>
      <c r="GH241" s="23"/>
      <c r="GI241" s="23"/>
      <c r="GJ241" s="23"/>
      <c r="GK241" s="23"/>
      <c r="GL241" s="23"/>
      <c r="GM241" s="23"/>
      <c r="GN241" s="23"/>
      <c r="GO241" s="23"/>
      <c r="GP241" s="23"/>
      <c r="GQ241" s="23"/>
      <c r="GR241" s="23"/>
      <c r="GS241" s="23"/>
      <c r="GT241" s="23"/>
      <c r="GU241" s="23"/>
      <c r="GV241" s="23"/>
      <c r="GW241" s="23"/>
      <c r="GX241" s="23"/>
      <c r="GY241" s="23"/>
      <c r="GZ241" s="23"/>
      <c r="HA241" s="23"/>
      <c r="HB241" s="23"/>
      <c r="HC241" s="23"/>
      <c r="HD241" s="23"/>
      <c r="HE241" s="23"/>
      <c r="HF241" s="23"/>
      <c r="HG241" s="23"/>
      <c r="HH241" s="23"/>
      <c r="HI241" s="23"/>
      <c r="HJ241" s="23"/>
      <c r="HK241" s="23"/>
      <c r="HL241" s="23"/>
      <c r="HM241" s="23"/>
      <c r="HN241" s="23"/>
      <c r="HO241" s="23"/>
      <c r="HP241" s="23"/>
      <c r="HQ241" s="23"/>
      <c r="HR241" s="23"/>
      <c r="HS241" s="23"/>
      <c r="HT241" s="23"/>
      <c r="HU241" s="23"/>
      <c r="HV241" s="23"/>
      <c r="HW241" s="23"/>
      <c r="HX241" s="23"/>
      <c r="HY241" s="23"/>
      <c r="HZ241" s="23"/>
      <c r="IA241" s="23"/>
      <c r="IB241" s="23"/>
      <c r="IC241" s="23"/>
      <c r="ID241" s="23"/>
      <c r="IE241" s="23"/>
      <c r="IF241" s="23"/>
      <c r="IG241" s="23"/>
      <c r="IH241" s="23"/>
      <c r="II241" s="23"/>
      <c r="IJ241" s="23"/>
      <c r="IK241" s="23"/>
      <c r="IL241" s="23"/>
      <c r="IM241" s="23"/>
      <c r="IN241" s="23"/>
      <c r="IO241" s="23"/>
      <c r="IP241" s="23"/>
      <c r="IQ241" s="23"/>
    </row>
    <row r="242" spans="1:251" s="50" customFormat="1" ht="18.75" customHeight="1">
      <c r="A242" s="34"/>
      <c r="B242" s="48"/>
      <c r="C242" s="130"/>
      <c r="D242" s="130"/>
      <c r="E242" s="130"/>
      <c r="F242" s="130"/>
      <c r="G242" s="130"/>
      <c r="H242" s="130"/>
      <c r="I242" s="130"/>
      <c r="J242" s="130"/>
      <c r="K242" s="130"/>
      <c r="L242" s="130"/>
      <c r="M242" s="130"/>
      <c r="N242" s="130"/>
      <c r="O242" s="130"/>
      <c r="P242" s="130"/>
      <c r="Q242" s="130"/>
      <c r="R242" s="130"/>
      <c r="S242" s="130"/>
      <c r="T242" s="130"/>
      <c r="U242" s="130"/>
      <c r="V242" s="130"/>
      <c r="W242" s="130"/>
      <c r="X242" s="130"/>
      <c r="Y242" s="130"/>
      <c r="Z242" s="131"/>
      <c r="AA242" s="132"/>
      <c r="AB242" s="200"/>
      <c r="AC242" s="200"/>
      <c r="AD242" s="200"/>
      <c r="AE242" s="200"/>
      <c r="AF242" s="200"/>
      <c r="AG242" s="200"/>
      <c r="AH242" s="200"/>
      <c r="AI242" s="201"/>
      <c r="AJ242" s="132"/>
      <c r="AK242" s="133"/>
      <c r="AL242" s="133"/>
      <c r="AM242" s="133"/>
      <c r="AN242" s="133"/>
      <c r="AO242" s="133"/>
      <c r="AP242" s="133"/>
      <c r="AQ242" s="133"/>
      <c r="AR242" s="134"/>
      <c r="AS242" s="132"/>
      <c r="AT242" s="196"/>
      <c r="AU242" s="196"/>
      <c r="AV242" s="196"/>
      <c r="AW242" s="196"/>
      <c r="AX242" s="202"/>
      <c r="AY242" s="23"/>
      <c r="AZ242" s="23"/>
      <c r="BA242" s="23"/>
      <c r="BB242" s="23"/>
      <c r="BC242" s="23"/>
      <c r="BD242" s="23"/>
      <c r="BE242" s="23"/>
      <c r="BF242" s="23"/>
      <c r="BG242" s="23"/>
      <c r="BH242" s="23"/>
      <c r="BI242" s="23"/>
      <c r="BJ242" s="23"/>
      <c r="BK242" s="23"/>
      <c r="BL242" s="23"/>
      <c r="BM242" s="23"/>
      <c r="BN242" s="23"/>
      <c r="BO242" s="23"/>
      <c r="BP242" s="23"/>
      <c r="BQ242" s="23"/>
      <c r="BR242" s="23"/>
      <c r="BS242" s="23"/>
      <c r="BT242" s="23"/>
      <c r="BU242" s="23"/>
      <c r="BV242" s="23"/>
      <c r="BW242" s="23"/>
      <c r="BX242" s="23"/>
      <c r="BY242" s="23"/>
      <c r="BZ242" s="23"/>
      <c r="CA242" s="23"/>
      <c r="CB242" s="23"/>
      <c r="CC242" s="23"/>
      <c r="CD242" s="23"/>
      <c r="CE242" s="23"/>
      <c r="CF242" s="23"/>
      <c r="CG242" s="23"/>
      <c r="CH242" s="23"/>
      <c r="CI242" s="23"/>
      <c r="CJ242" s="23"/>
      <c r="CK242" s="23"/>
      <c r="CL242" s="23"/>
      <c r="CM242" s="23"/>
      <c r="CN242" s="23"/>
      <c r="CO242" s="23"/>
      <c r="CP242" s="23"/>
      <c r="CQ242" s="23"/>
      <c r="CR242" s="23"/>
      <c r="CS242" s="23"/>
      <c r="CT242" s="23"/>
      <c r="CU242" s="23"/>
      <c r="CV242" s="23"/>
      <c r="CW242" s="23"/>
      <c r="CX242" s="23"/>
      <c r="CY242" s="23"/>
      <c r="CZ242" s="23"/>
      <c r="DA242" s="23"/>
      <c r="DB242" s="23"/>
      <c r="DC242" s="23"/>
      <c r="DD242" s="23"/>
      <c r="DE242" s="23"/>
      <c r="DF242" s="23"/>
      <c r="DG242" s="23"/>
      <c r="DH242" s="23"/>
      <c r="DI242" s="23"/>
      <c r="DJ242" s="23"/>
      <c r="DK242" s="23"/>
      <c r="DL242" s="23"/>
      <c r="DM242" s="23"/>
      <c r="DN242" s="23"/>
      <c r="DO242" s="23"/>
      <c r="DP242" s="23"/>
      <c r="DQ242" s="23"/>
      <c r="DR242" s="23"/>
      <c r="DS242" s="23"/>
      <c r="DT242" s="23"/>
      <c r="DU242" s="23"/>
      <c r="DV242" s="23"/>
      <c r="DW242" s="23"/>
      <c r="DX242" s="23"/>
      <c r="DY242" s="23"/>
      <c r="DZ242" s="23"/>
      <c r="EA242" s="23"/>
      <c r="EB242" s="23"/>
      <c r="EC242" s="23"/>
      <c r="ED242" s="23"/>
      <c r="EE242" s="23"/>
      <c r="EF242" s="23"/>
      <c r="EG242" s="23"/>
      <c r="EH242" s="23"/>
      <c r="EI242" s="23"/>
      <c r="EJ242" s="23"/>
      <c r="EK242" s="23"/>
      <c r="EL242" s="23"/>
      <c r="EM242" s="23"/>
      <c r="EN242" s="23"/>
      <c r="EO242" s="23"/>
      <c r="EP242" s="23"/>
      <c r="EQ242" s="23"/>
      <c r="ER242" s="23"/>
      <c r="ES242" s="23"/>
      <c r="ET242" s="23"/>
      <c r="EU242" s="23"/>
      <c r="EV242" s="23"/>
      <c r="EW242" s="23"/>
      <c r="EX242" s="23"/>
      <c r="EY242" s="23"/>
      <c r="EZ242" s="23"/>
      <c r="FA242" s="23"/>
      <c r="FB242" s="23"/>
      <c r="FC242" s="23"/>
      <c r="FD242" s="23"/>
      <c r="FE242" s="23"/>
      <c r="FF242" s="23"/>
      <c r="FG242" s="23"/>
      <c r="FH242" s="23"/>
      <c r="FI242" s="23"/>
      <c r="FJ242" s="23"/>
      <c r="FK242" s="23"/>
      <c r="FL242" s="23"/>
      <c r="FM242" s="23"/>
      <c r="FN242" s="23"/>
      <c r="FO242" s="23"/>
      <c r="FP242" s="23"/>
      <c r="FQ242" s="23"/>
      <c r="FR242" s="23"/>
      <c r="FS242" s="23"/>
      <c r="FT242" s="23"/>
      <c r="FU242" s="23"/>
      <c r="FV242" s="23"/>
      <c r="FW242" s="23"/>
      <c r="FX242" s="23"/>
      <c r="FY242" s="23"/>
      <c r="FZ242" s="23"/>
      <c r="GA242" s="23"/>
      <c r="GB242" s="23"/>
      <c r="GC242" s="23"/>
      <c r="GD242" s="23"/>
      <c r="GE242" s="23"/>
      <c r="GF242" s="23"/>
      <c r="GG242" s="23"/>
      <c r="GH242" s="23"/>
      <c r="GI242" s="23"/>
      <c r="GJ242" s="23"/>
      <c r="GK242" s="23"/>
      <c r="GL242" s="23"/>
      <c r="GM242" s="23"/>
      <c r="GN242" s="23"/>
      <c r="GO242" s="23"/>
      <c r="GP242" s="23"/>
      <c r="GQ242" s="23"/>
      <c r="GR242" s="23"/>
      <c r="GS242" s="23"/>
      <c r="GT242" s="23"/>
      <c r="GU242" s="23"/>
      <c r="GV242" s="23"/>
      <c r="GW242" s="23"/>
      <c r="GX242" s="23"/>
      <c r="GY242" s="23"/>
      <c r="GZ242" s="23"/>
      <c r="HA242" s="23"/>
      <c r="HB242" s="23"/>
      <c r="HC242" s="23"/>
      <c r="HD242" s="23"/>
      <c r="HE242" s="23"/>
      <c r="HF242" s="23"/>
      <c r="HG242" s="23"/>
      <c r="HH242" s="23"/>
      <c r="HI242" s="23"/>
      <c r="HJ242" s="23"/>
      <c r="HK242" s="23"/>
      <c r="HL242" s="23"/>
      <c r="HM242" s="23"/>
      <c r="HN242" s="23"/>
      <c r="HO242" s="23"/>
      <c r="HP242" s="23"/>
      <c r="HQ242" s="23"/>
      <c r="HR242" s="23"/>
      <c r="HS242" s="23"/>
      <c r="HT242" s="23"/>
      <c r="HU242" s="23"/>
      <c r="HV242" s="23"/>
      <c r="HW242" s="23"/>
      <c r="HX242" s="23"/>
      <c r="HY242" s="23"/>
      <c r="HZ242" s="23"/>
      <c r="IA242" s="23"/>
      <c r="IB242" s="23"/>
      <c r="IC242" s="23"/>
      <c r="ID242" s="23"/>
      <c r="IE242" s="23"/>
      <c r="IF242" s="23"/>
      <c r="IG242" s="23"/>
      <c r="IH242" s="23"/>
      <c r="II242" s="23"/>
      <c r="IJ242" s="23"/>
      <c r="IK242" s="23"/>
      <c r="IL242" s="23"/>
      <c r="IM242" s="23"/>
      <c r="IN242" s="23"/>
      <c r="IO242" s="23"/>
      <c r="IP242" s="23"/>
      <c r="IQ242" s="23"/>
    </row>
    <row r="243" spans="1:251" s="50" customFormat="1" ht="18.75" customHeight="1" thickBot="1">
      <c r="A243" s="34"/>
      <c r="B243" s="49"/>
      <c r="C243" s="158"/>
      <c r="D243" s="158"/>
      <c r="E243" s="158"/>
      <c r="F243" s="158"/>
      <c r="G243" s="158"/>
      <c r="H243" s="158"/>
      <c r="I243" s="158"/>
      <c r="J243" s="158"/>
      <c r="K243" s="158"/>
      <c r="L243" s="158"/>
      <c r="M243" s="158"/>
      <c r="N243" s="158"/>
      <c r="O243" s="158"/>
      <c r="P243" s="158"/>
      <c r="Q243" s="158"/>
      <c r="R243" s="158"/>
      <c r="S243" s="158"/>
      <c r="T243" s="158"/>
      <c r="U243" s="158"/>
      <c r="V243" s="158"/>
      <c r="W243" s="158"/>
      <c r="X243" s="158"/>
      <c r="Y243" s="158"/>
      <c r="Z243" s="159"/>
      <c r="AA243" s="160"/>
      <c r="AB243" s="211"/>
      <c r="AC243" s="211"/>
      <c r="AD243" s="211"/>
      <c r="AE243" s="211"/>
      <c r="AF243" s="211"/>
      <c r="AG243" s="211"/>
      <c r="AH243" s="211"/>
      <c r="AI243" s="212"/>
      <c r="AJ243" s="160"/>
      <c r="AK243" s="161"/>
      <c r="AL243" s="161"/>
      <c r="AM243" s="161"/>
      <c r="AN243" s="161"/>
      <c r="AO243" s="161"/>
      <c r="AP243" s="161"/>
      <c r="AQ243" s="161"/>
      <c r="AR243" s="162"/>
      <c r="AS243" s="188"/>
      <c r="AT243" s="213"/>
      <c r="AU243" s="213"/>
      <c r="AV243" s="213"/>
      <c r="AW243" s="213"/>
      <c r="AX243" s="214"/>
      <c r="AY243" s="23"/>
      <c r="AZ243" s="23"/>
      <c r="BA243" s="23"/>
      <c r="BB243" s="23"/>
      <c r="BC243" s="23"/>
      <c r="BD243" s="23"/>
      <c r="BE243" s="23"/>
      <c r="BF243" s="23"/>
      <c r="BG243" s="23"/>
      <c r="BH243" s="23"/>
      <c r="BI243" s="23"/>
      <c r="BJ243" s="23"/>
      <c r="BK243" s="23"/>
      <c r="BL243" s="23"/>
      <c r="BM243" s="23"/>
      <c r="BN243" s="23"/>
      <c r="BO243" s="23"/>
      <c r="BP243" s="23"/>
      <c r="BQ243" s="23"/>
      <c r="BR243" s="23"/>
      <c r="BS243" s="23"/>
      <c r="BT243" s="23"/>
      <c r="BU243" s="23"/>
      <c r="BV243" s="23"/>
      <c r="BW243" s="23"/>
      <c r="BX243" s="23"/>
      <c r="BY243" s="23"/>
      <c r="BZ243" s="23"/>
      <c r="CA243" s="23"/>
      <c r="CB243" s="23"/>
      <c r="CC243" s="23"/>
      <c r="CD243" s="23"/>
      <c r="CE243" s="23"/>
      <c r="CF243" s="23"/>
      <c r="CG243" s="23"/>
      <c r="CH243" s="23"/>
      <c r="CI243" s="23"/>
      <c r="CJ243" s="23"/>
      <c r="CK243" s="23"/>
      <c r="CL243" s="23"/>
      <c r="CM243" s="23"/>
      <c r="CN243" s="23"/>
      <c r="CO243" s="23"/>
      <c r="CP243" s="23"/>
      <c r="CQ243" s="23"/>
      <c r="CR243" s="23"/>
      <c r="CS243" s="23"/>
      <c r="CT243" s="23"/>
      <c r="CU243" s="23"/>
      <c r="CV243" s="23"/>
      <c r="CW243" s="23"/>
      <c r="CX243" s="23"/>
      <c r="CY243" s="23"/>
      <c r="CZ243" s="23"/>
      <c r="DA243" s="23"/>
      <c r="DB243" s="23"/>
      <c r="DC243" s="23"/>
      <c r="DD243" s="23"/>
      <c r="DE243" s="23"/>
      <c r="DF243" s="23"/>
      <c r="DG243" s="23"/>
      <c r="DH243" s="23"/>
      <c r="DI243" s="23"/>
      <c r="DJ243" s="23"/>
      <c r="DK243" s="23"/>
      <c r="DL243" s="23"/>
      <c r="DM243" s="23"/>
      <c r="DN243" s="23"/>
      <c r="DO243" s="23"/>
      <c r="DP243" s="23"/>
      <c r="DQ243" s="23"/>
      <c r="DR243" s="23"/>
      <c r="DS243" s="23"/>
      <c r="DT243" s="23"/>
      <c r="DU243" s="23"/>
      <c r="DV243" s="23"/>
      <c r="DW243" s="23"/>
      <c r="DX243" s="23"/>
      <c r="DY243" s="23"/>
      <c r="DZ243" s="23"/>
      <c r="EA243" s="23"/>
      <c r="EB243" s="23"/>
      <c r="EC243" s="23"/>
      <c r="ED243" s="23"/>
      <c r="EE243" s="23"/>
      <c r="EF243" s="23"/>
      <c r="EG243" s="23"/>
      <c r="EH243" s="23"/>
      <c r="EI243" s="23"/>
      <c r="EJ243" s="23"/>
      <c r="EK243" s="23"/>
      <c r="EL243" s="23"/>
      <c r="EM243" s="23"/>
      <c r="EN243" s="23"/>
      <c r="EO243" s="23"/>
      <c r="EP243" s="23"/>
      <c r="EQ243" s="23"/>
      <c r="ER243" s="23"/>
      <c r="ES243" s="23"/>
      <c r="ET243" s="23"/>
      <c r="EU243" s="23"/>
      <c r="EV243" s="23"/>
      <c r="EW243" s="23"/>
      <c r="EX243" s="23"/>
      <c r="EY243" s="23"/>
      <c r="EZ243" s="23"/>
      <c r="FA243" s="23"/>
      <c r="FB243" s="23"/>
      <c r="FC243" s="23"/>
      <c r="FD243" s="23"/>
      <c r="FE243" s="23"/>
      <c r="FF243" s="23"/>
      <c r="FG243" s="23"/>
      <c r="FH243" s="23"/>
      <c r="FI243" s="23"/>
      <c r="FJ243" s="23"/>
      <c r="FK243" s="23"/>
      <c r="FL243" s="23"/>
      <c r="FM243" s="23"/>
      <c r="FN243" s="23"/>
      <c r="FO243" s="23"/>
      <c r="FP243" s="23"/>
      <c r="FQ243" s="23"/>
      <c r="FR243" s="23"/>
      <c r="FS243" s="23"/>
      <c r="FT243" s="23"/>
      <c r="FU243" s="23"/>
      <c r="FV243" s="23"/>
      <c r="FW243" s="23"/>
      <c r="FX243" s="23"/>
      <c r="FY243" s="23"/>
      <c r="FZ243" s="23"/>
      <c r="GA243" s="23"/>
      <c r="GB243" s="23"/>
      <c r="GC243" s="23"/>
      <c r="GD243" s="23"/>
      <c r="GE243" s="23"/>
      <c r="GF243" s="23"/>
      <c r="GG243" s="23"/>
      <c r="GH243" s="23"/>
      <c r="GI243" s="23"/>
      <c r="GJ243" s="23"/>
      <c r="GK243" s="23"/>
      <c r="GL243" s="23"/>
      <c r="GM243" s="23"/>
      <c r="GN243" s="23"/>
      <c r="GO243" s="23"/>
      <c r="GP243" s="23"/>
      <c r="GQ243" s="23"/>
      <c r="GR243" s="23"/>
      <c r="GS243" s="23"/>
      <c r="GT243" s="23"/>
      <c r="GU243" s="23"/>
      <c r="GV243" s="23"/>
      <c r="GW243" s="23"/>
      <c r="GX243" s="23"/>
      <c r="GY243" s="23"/>
      <c r="GZ243" s="23"/>
      <c r="HA243" s="23"/>
      <c r="HB243" s="23"/>
      <c r="HC243" s="23"/>
      <c r="HD243" s="23"/>
      <c r="HE243" s="23"/>
      <c r="HF243" s="23"/>
      <c r="HG243" s="23"/>
      <c r="HH243" s="23"/>
      <c r="HI243" s="23"/>
      <c r="HJ243" s="23"/>
      <c r="HK243" s="23"/>
      <c r="HL243" s="23"/>
      <c r="HM243" s="23"/>
      <c r="HN243" s="23"/>
      <c r="HO243" s="23"/>
      <c r="HP243" s="23"/>
      <c r="HQ243" s="23"/>
      <c r="HR243" s="23"/>
      <c r="HS243" s="23"/>
      <c r="HT243" s="23"/>
      <c r="HU243" s="23"/>
      <c r="HV243" s="23"/>
      <c r="HW243" s="23"/>
      <c r="HX243" s="23"/>
      <c r="HY243" s="23"/>
      <c r="HZ243" s="23"/>
      <c r="IA243" s="23"/>
      <c r="IB243" s="23"/>
      <c r="IC243" s="23"/>
      <c r="ID243" s="23"/>
      <c r="IE243" s="23"/>
      <c r="IF243" s="23"/>
      <c r="IG243" s="23"/>
      <c r="IH243" s="23"/>
      <c r="II243" s="23"/>
      <c r="IJ243" s="23"/>
      <c r="IK243" s="23"/>
      <c r="IL243" s="23"/>
      <c r="IM243" s="23"/>
      <c r="IN243" s="23"/>
      <c r="IO243" s="23"/>
      <c r="IP243" s="23"/>
      <c r="IQ243" s="23"/>
    </row>
    <row r="244" spans="1:251" s="50" customFormat="1" ht="18.75" customHeight="1" thickTop="1" thickBot="1">
      <c r="A244" s="38"/>
      <c r="B244" s="164" t="s">
        <v>105</v>
      </c>
      <c r="C244" s="191"/>
      <c r="D244" s="191"/>
      <c r="E244" s="191"/>
      <c r="F244" s="191"/>
      <c r="G244" s="191"/>
      <c r="H244" s="191"/>
      <c r="I244" s="191"/>
      <c r="J244" s="191"/>
      <c r="K244" s="191"/>
      <c r="L244" s="191"/>
      <c r="M244" s="191"/>
      <c r="N244" s="191"/>
      <c r="O244" s="191"/>
      <c r="P244" s="191"/>
      <c r="Q244" s="191"/>
      <c r="R244" s="191"/>
      <c r="S244" s="191"/>
      <c r="T244" s="191"/>
      <c r="U244" s="191"/>
      <c r="V244" s="191"/>
      <c r="W244" s="191"/>
      <c r="X244" s="191"/>
      <c r="Y244" s="191"/>
      <c r="Z244" s="192"/>
      <c r="AA244" s="167">
        <f>SUM(AA236:AA243)</f>
        <v>81680</v>
      </c>
      <c r="AB244" s="215"/>
      <c r="AC244" s="215"/>
      <c r="AD244" s="215"/>
      <c r="AE244" s="215"/>
      <c r="AF244" s="215"/>
      <c r="AG244" s="215"/>
      <c r="AH244" s="215"/>
      <c r="AI244" s="216"/>
      <c r="AJ244" s="167">
        <f>SUM(AJ236:AJ243)</f>
        <v>97286</v>
      </c>
      <c r="AK244" s="215"/>
      <c r="AL244" s="215"/>
      <c r="AM244" s="215"/>
      <c r="AN244" s="215"/>
      <c r="AO244" s="215"/>
      <c r="AP244" s="215"/>
      <c r="AQ244" s="215"/>
      <c r="AR244" s="216"/>
      <c r="AS244" s="167"/>
      <c r="AT244" s="215"/>
      <c r="AU244" s="215"/>
      <c r="AV244" s="215"/>
      <c r="AW244" s="215"/>
      <c r="AX244" s="217"/>
      <c r="AY244" s="23"/>
      <c r="AZ244" s="23"/>
      <c r="BA244" s="23"/>
      <c r="BB244" s="23"/>
      <c r="BC244" s="23"/>
      <c r="BD244" s="23"/>
      <c r="BE244" s="23"/>
      <c r="BF244" s="23"/>
      <c r="BG244" s="23"/>
      <c r="BH244" s="23"/>
      <c r="BI244" s="23"/>
      <c r="BJ244" s="23"/>
      <c r="BK244" s="23"/>
      <c r="BL244" s="23"/>
      <c r="BM244" s="23"/>
      <c r="BN244" s="23"/>
      <c r="BO244" s="23"/>
      <c r="BP244" s="23"/>
      <c r="BQ244" s="23"/>
      <c r="BR244" s="23"/>
      <c r="BS244" s="23"/>
      <c r="BT244" s="23"/>
      <c r="BU244" s="23"/>
      <c r="BV244" s="23"/>
      <c r="BW244" s="23"/>
      <c r="BX244" s="23"/>
      <c r="BY244" s="23"/>
      <c r="BZ244" s="23"/>
      <c r="CA244" s="23"/>
      <c r="CB244" s="23"/>
      <c r="CC244" s="23"/>
      <c r="CD244" s="23"/>
      <c r="CE244" s="23"/>
      <c r="CF244" s="23"/>
      <c r="CG244" s="23"/>
      <c r="CH244" s="23"/>
      <c r="CI244" s="23"/>
      <c r="CJ244" s="23"/>
      <c r="CK244" s="23"/>
      <c r="CL244" s="23"/>
      <c r="CM244" s="23"/>
      <c r="CN244" s="23"/>
      <c r="CO244" s="23"/>
      <c r="CP244" s="23"/>
      <c r="CQ244" s="23"/>
      <c r="CR244" s="23"/>
      <c r="CS244" s="23"/>
      <c r="CT244" s="23"/>
      <c r="CU244" s="23"/>
      <c r="CV244" s="23"/>
      <c r="CW244" s="23"/>
      <c r="CX244" s="23"/>
      <c r="CY244" s="23"/>
      <c r="CZ244" s="23"/>
      <c r="DA244" s="23"/>
      <c r="DB244" s="23"/>
      <c r="DC244" s="23"/>
      <c r="DD244" s="23"/>
      <c r="DE244" s="23"/>
      <c r="DF244" s="23"/>
      <c r="DG244" s="23"/>
      <c r="DH244" s="23"/>
      <c r="DI244" s="23"/>
      <c r="DJ244" s="23"/>
      <c r="DK244" s="23"/>
      <c r="DL244" s="23"/>
      <c r="DM244" s="23"/>
      <c r="DN244" s="23"/>
      <c r="DO244" s="23"/>
      <c r="DP244" s="23"/>
      <c r="DQ244" s="23"/>
      <c r="DR244" s="23"/>
      <c r="DS244" s="23"/>
      <c r="DT244" s="23"/>
      <c r="DU244" s="23"/>
      <c r="DV244" s="23"/>
      <c r="DW244" s="23"/>
      <c r="DX244" s="23"/>
      <c r="DY244" s="23"/>
      <c r="DZ244" s="23"/>
      <c r="EA244" s="23"/>
      <c r="EB244" s="23"/>
      <c r="EC244" s="23"/>
      <c r="ED244" s="23"/>
      <c r="EE244" s="23"/>
      <c r="EF244" s="23"/>
      <c r="EG244" s="23"/>
      <c r="EH244" s="23"/>
      <c r="EI244" s="23"/>
      <c r="EJ244" s="23"/>
      <c r="EK244" s="23"/>
      <c r="EL244" s="23"/>
      <c r="EM244" s="23"/>
      <c r="EN244" s="23"/>
      <c r="EO244" s="23"/>
      <c r="EP244" s="23"/>
      <c r="EQ244" s="23"/>
      <c r="ER244" s="23"/>
      <c r="ES244" s="23"/>
      <c r="ET244" s="23"/>
      <c r="EU244" s="23"/>
      <c r="EV244" s="23"/>
      <c r="EW244" s="23"/>
      <c r="EX244" s="23"/>
      <c r="EY244" s="23"/>
      <c r="EZ244" s="23"/>
      <c r="FA244" s="23"/>
      <c r="FB244" s="23"/>
      <c r="FC244" s="23"/>
      <c r="FD244" s="23"/>
      <c r="FE244" s="23"/>
      <c r="FF244" s="23"/>
      <c r="FG244" s="23"/>
      <c r="FH244" s="23"/>
      <c r="FI244" s="23"/>
      <c r="FJ244" s="23"/>
      <c r="FK244" s="23"/>
      <c r="FL244" s="23"/>
      <c r="FM244" s="23"/>
      <c r="FN244" s="23"/>
      <c r="FO244" s="23"/>
      <c r="FP244" s="23"/>
      <c r="FQ244" s="23"/>
      <c r="FR244" s="23"/>
      <c r="FS244" s="23"/>
      <c r="FT244" s="23"/>
      <c r="FU244" s="23"/>
      <c r="FV244" s="23"/>
      <c r="FW244" s="23"/>
      <c r="FX244" s="23"/>
      <c r="FY244" s="23"/>
      <c r="FZ244" s="23"/>
      <c r="GA244" s="23"/>
      <c r="GB244" s="23"/>
      <c r="GC244" s="23"/>
      <c r="GD244" s="23"/>
      <c r="GE244" s="23"/>
      <c r="GF244" s="23"/>
      <c r="GG244" s="23"/>
      <c r="GH244" s="23"/>
      <c r="GI244" s="23"/>
      <c r="GJ244" s="23"/>
      <c r="GK244" s="23"/>
      <c r="GL244" s="23"/>
      <c r="GM244" s="23"/>
      <c r="GN244" s="23"/>
      <c r="GO244" s="23"/>
      <c r="GP244" s="23"/>
      <c r="GQ244" s="23"/>
      <c r="GR244" s="23"/>
      <c r="GS244" s="23"/>
      <c r="GT244" s="23"/>
      <c r="GU244" s="23"/>
      <c r="GV244" s="23"/>
      <c r="GW244" s="23"/>
      <c r="GX244" s="23"/>
      <c r="GY244" s="23"/>
      <c r="GZ244" s="23"/>
      <c r="HA244" s="23"/>
      <c r="HB244" s="23"/>
      <c r="HC244" s="23"/>
      <c r="HD244" s="23"/>
      <c r="HE244" s="23"/>
      <c r="HF244" s="23"/>
      <c r="HG244" s="23"/>
      <c r="HH244" s="23"/>
      <c r="HI244" s="23"/>
      <c r="HJ244" s="23"/>
      <c r="HK244" s="23"/>
      <c r="HL244" s="23"/>
      <c r="HM244" s="23"/>
      <c r="HN244" s="23"/>
      <c r="HO244" s="23"/>
      <c r="HP244" s="23"/>
      <c r="HQ244" s="23"/>
      <c r="HR244" s="23"/>
      <c r="HS244" s="23"/>
      <c r="HT244" s="23"/>
      <c r="HU244" s="23"/>
      <c r="HV244" s="23"/>
      <c r="HW244" s="23"/>
      <c r="HX244" s="23"/>
      <c r="HY244" s="23"/>
      <c r="HZ244" s="23"/>
      <c r="IA244" s="23"/>
      <c r="IB244" s="23"/>
      <c r="IC244" s="23"/>
      <c r="ID244" s="23"/>
      <c r="IE244" s="23"/>
      <c r="IF244" s="23"/>
      <c r="IG244" s="23"/>
      <c r="IH244" s="23"/>
      <c r="II244" s="23"/>
      <c r="IJ244" s="23"/>
      <c r="IK244" s="23"/>
      <c r="IL244" s="23"/>
      <c r="IM244" s="23"/>
      <c r="IN244" s="23"/>
      <c r="IO244" s="23"/>
      <c r="IP244" s="23"/>
      <c r="IQ244" s="23"/>
    </row>
    <row r="246" spans="1:251" s="23" customFormat="1" ht="19.2">
      <c r="A246" s="22" t="s">
        <v>86</v>
      </c>
      <c r="AW246" s="24"/>
      <c r="AX246" s="25"/>
      <c r="AY246" s="24"/>
    </row>
    <row r="247" spans="1:251" s="23" customFormat="1" ht="13.2"/>
    <row r="248" spans="1:251" s="23" customFormat="1">
      <c r="A248" s="26"/>
      <c r="B248" s="115" t="s">
        <v>87</v>
      </c>
      <c r="C248" s="153"/>
      <c r="D248" s="153"/>
      <c r="E248" s="153"/>
      <c r="F248" s="153"/>
      <c r="G248" s="153"/>
      <c r="H248" s="153"/>
      <c r="I248" s="153"/>
      <c r="J248" s="153"/>
      <c r="K248" s="153"/>
      <c r="L248" s="153"/>
      <c r="M248" s="153"/>
      <c r="N248" s="153"/>
      <c r="O248" s="153"/>
      <c r="P248" s="153"/>
      <c r="Q248" s="153"/>
      <c r="R248" s="153"/>
      <c r="S248" s="153"/>
      <c r="T248" s="153"/>
      <c r="U248" s="153"/>
      <c r="V248" s="153"/>
      <c r="W248" s="153"/>
      <c r="X248" s="153"/>
      <c r="Y248" s="153"/>
      <c r="Z248" s="153"/>
      <c r="AA248" s="153"/>
      <c r="AB248" s="153"/>
      <c r="AC248" s="153"/>
      <c r="AD248" s="153"/>
      <c r="AE248" s="153"/>
      <c r="AF248" s="153"/>
      <c r="AG248" s="153"/>
      <c r="AH248" s="153"/>
      <c r="AI248" s="153"/>
      <c r="AJ248" s="153"/>
      <c r="AK248" s="153"/>
      <c r="AL248" s="153"/>
      <c r="AM248" s="153"/>
      <c r="AN248" s="153"/>
      <c r="AO248" s="153"/>
      <c r="AP248" s="153"/>
      <c r="AQ248" s="153"/>
      <c r="AR248" s="153"/>
      <c r="AS248" s="153"/>
      <c r="AT248" s="153"/>
      <c r="AU248" s="153"/>
      <c r="AV248" s="153"/>
      <c r="AW248" s="153"/>
      <c r="AX248" s="153"/>
      <c r="AY248" s="26"/>
    </row>
    <row r="249" spans="1:251" s="23" customFormat="1" ht="13.2">
      <c r="Z249" s="27"/>
      <c r="AD249" s="27"/>
      <c r="AE249" s="27"/>
      <c r="AF249" s="27"/>
      <c r="AG249" s="27"/>
      <c r="AH249" s="27"/>
      <c r="AI249" s="27"/>
      <c r="AO249" s="27"/>
    </row>
    <row r="250" spans="1:251" s="23" customFormat="1" ht="13.8" thickBot="1">
      <c r="Z250" s="27"/>
      <c r="AD250" s="27"/>
      <c r="AE250" s="27"/>
      <c r="AF250" s="27"/>
      <c r="AG250" s="27"/>
      <c r="AH250" s="27"/>
      <c r="AI250" s="27"/>
      <c r="AO250" s="27"/>
      <c r="DI250" s="28"/>
    </row>
    <row r="251" spans="1:251" s="23" customFormat="1" ht="24.6" customHeight="1" thickBot="1">
      <c r="A251" s="116" t="s">
        <v>88</v>
      </c>
      <c r="B251" s="117"/>
      <c r="C251" s="117"/>
      <c r="D251" s="117"/>
      <c r="E251" s="117"/>
      <c r="F251" s="117"/>
      <c r="G251" s="117"/>
      <c r="H251" s="117"/>
      <c r="I251" s="117"/>
      <c r="J251" s="117"/>
      <c r="K251" s="118"/>
      <c r="L251" s="154">
        <v>8</v>
      </c>
      <c r="M251" s="154"/>
      <c r="N251" s="154"/>
      <c r="O251" s="155"/>
      <c r="P251" s="122" t="s">
        <v>89</v>
      </c>
      <c r="Q251" s="120"/>
      <c r="R251" s="120"/>
      <c r="S251" s="120"/>
      <c r="T251" s="120"/>
      <c r="U251" s="123"/>
      <c r="V251" s="156" t="s">
        <v>133</v>
      </c>
      <c r="W251" s="156"/>
      <c r="X251" s="156"/>
      <c r="Y251" s="156"/>
      <c r="Z251" s="156"/>
      <c r="AA251" s="156"/>
      <c r="AB251" s="156"/>
      <c r="AC251" s="156"/>
      <c r="AD251" s="156"/>
      <c r="AE251" s="156"/>
      <c r="AF251" s="156"/>
      <c r="AG251" s="156"/>
      <c r="AH251" s="156"/>
      <c r="AI251" s="156"/>
      <c r="AJ251" s="156"/>
      <c r="AK251" s="156"/>
      <c r="AL251" s="156"/>
      <c r="AM251" s="156"/>
      <c r="AN251" s="156"/>
      <c r="AO251" s="156"/>
      <c r="AP251" s="156"/>
      <c r="AQ251" s="156"/>
      <c r="AR251" s="156"/>
      <c r="AS251" s="156"/>
      <c r="AT251" s="156"/>
      <c r="AU251" s="156"/>
      <c r="AV251" s="156"/>
      <c r="AW251" s="156"/>
      <c r="AX251" s="157"/>
      <c r="DI251" s="28"/>
    </row>
    <row r="252" spans="1:251" s="23" customFormat="1" ht="14.4">
      <c r="A252" s="29"/>
      <c r="B252" s="29"/>
      <c r="C252" s="29"/>
      <c r="D252" s="29"/>
      <c r="E252" s="29"/>
      <c r="F252" s="29"/>
      <c r="G252" s="29"/>
      <c r="H252" s="29"/>
      <c r="I252" s="29"/>
      <c r="J252" s="29"/>
      <c r="K252" s="29"/>
      <c r="L252" s="30"/>
      <c r="M252" s="30"/>
      <c r="N252" s="30"/>
      <c r="O252" s="30"/>
      <c r="P252" s="29"/>
      <c r="Q252" s="29"/>
      <c r="R252" s="29"/>
      <c r="S252" s="29"/>
      <c r="T252" s="29"/>
      <c r="U252" s="29"/>
      <c r="V252" s="31"/>
      <c r="W252" s="31"/>
      <c r="X252" s="31"/>
      <c r="Y252" s="31"/>
      <c r="Z252" s="31"/>
      <c r="AA252" s="31"/>
      <c r="AB252" s="31"/>
      <c r="AC252" s="31"/>
      <c r="AD252" s="31"/>
      <c r="AE252" s="31"/>
      <c r="AF252" s="31"/>
      <c r="AG252" s="31"/>
      <c r="AH252" s="31"/>
      <c r="AI252" s="31"/>
      <c r="AJ252" s="31"/>
      <c r="AK252" s="31"/>
      <c r="AL252" s="31"/>
      <c r="AM252" s="31"/>
      <c r="AN252" s="31"/>
      <c r="AO252" s="31"/>
      <c r="AP252" s="31"/>
      <c r="AQ252" s="31"/>
      <c r="AR252" s="31"/>
      <c r="AS252" s="31"/>
      <c r="AT252" s="31"/>
      <c r="AU252" s="31"/>
      <c r="AV252" s="31"/>
      <c r="AW252" s="31"/>
      <c r="AX252" s="31"/>
      <c r="DI252" s="28"/>
    </row>
    <row r="253" spans="1:251" s="23" customFormat="1" ht="15" thickBot="1">
      <c r="A253" s="32"/>
      <c r="B253" s="33" t="s">
        <v>91</v>
      </c>
      <c r="C253" s="34"/>
      <c r="D253" s="34"/>
      <c r="E253" s="34"/>
      <c r="F253" s="34"/>
      <c r="G253" s="34"/>
      <c r="H253" s="34"/>
      <c r="I253" s="34"/>
      <c r="J253" s="34"/>
      <c r="K253" s="34"/>
      <c r="L253" s="35"/>
      <c r="M253" s="35"/>
      <c r="N253" s="35"/>
      <c r="O253" s="35"/>
      <c r="P253" s="34"/>
      <c r="Q253" s="34"/>
      <c r="R253" s="34"/>
      <c r="S253" s="34"/>
      <c r="T253" s="34"/>
      <c r="U253" s="34"/>
      <c r="V253" s="33"/>
      <c r="W253" s="33"/>
      <c r="X253" s="33"/>
      <c r="Y253" s="33"/>
      <c r="Z253" s="33"/>
      <c r="AA253" s="33"/>
      <c r="AB253" s="33"/>
      <c r="AC253" s="33"/>
      <c r="AD253" s="33"/>
      <c r="AE253" s="33"/>
      <c r="AF253" s="33"/>
      <c r="AG253" s="33"/>
      <c r="AH253" s="33"/>
      <c r="AI253" s="33"/>
      <c r="AJ253" s="33"/>
      <c r="AK253" s="33"/>
      <c r="AL253" s="33"/>
      <c r="AM253" s="33"/>
      <c r="AN253" s="33"/>
      <c r="AO253" s="33"/>
      <c r="AP253" s="33"/>
      <c r="AQ253" s="33"/>
      <c r="AR253" s="33"/>
      <c r="AS253" s="33"/>
      <c r="AT253" s="33"/>
      <c r="AU253" s="33"/>
      <c r="AV253" s="33"/>
      <c r="AW253" s="33"/>
      <c r="AX253" s="33"/>
      <c r="DI253" s="28"/>
    </row>
    <row r="254" spans="1:251" s="23" customFormat="1" ht="14.4">
      <c r="A254" s="34"/>
      <c r="B254" s="36"/>
      <c r="C254" s="29"/>
      <c r="D254" s="29"/>
      <c r="E254" s="29"/>
      <c r="F254" s="29"/>
      <c r="G254" s="29"/>
      <c r="H254" s="29"/>
      <c r="I254" s="29"/>
      <c r="J254" s="29"/>
      <c r="K254" s="29"/>
      <c r="L254" s="30"/>
      <c r="M254" s="30"/>
      <c r="N254" s="30"/>
      <c r="O254" s="30"/>
      <c r="P254" s="29"/>
      <c r="Q254" s="29"/>
      <c r="R254" s="29"/>
      <c r="S254" s="29"/>
      <c r="T254" s="29"/>
      <c r="U254" s="29"/>
      <c r="V254" s="31"/>
      <c r="W254" s="31"/>
      <c r="X254" s="31"/>
      <c r="Y254" s="31"/>
      <c r="Z254" s="31"/>
      <c r="AA254" s="31"/>
      <c r="AB254" s="31"/>
      <c r="AC254" s="31"/>
      <c r="AD254" s="31"/>
      <c r="AE254" s="31"/>
      <c r="AF254" s="31"/>
      <c r="AG254" s="31"/>
      <c r="AH254" s="31"/>
      <c r="AI254" s="31"/>
      <c r="AJ254" s="31"/>
      <c r="AK254" s="31"/>
      <c r="AL254" s="31"/>
      <c r="AM254" s="31"/>
      <c r="AN254" s="31"/>
      <c r="AO254" s="31"/>
      <c r="AP254" s="31"/>
      <c r="AQ254" s="31"/>
      <c r="AR254" s="31"/>
      <c r="AS254" s="31"/>
      <c r="AT254" s="31"/>
      <c r="AU254" s="31"/>
      <c r="AV254" s="31"/>
      <c r="AW254" s="31"/>
      <c r="AX254" s="37"/>
    </row>
    <row r="255" spans="1:251" s="23" customFormat="1" ht="10.8" customHeight="1">
      <c r="A255" s="34"/>
      <c r="B255" s="127" t="s">
        <v>134</v>
      </c>
      <c r="C255" s="128"/>
      <c r="D255" s="128"/>
      <c r="E255" s="128"/>
      <c r="F255" s="128"/>
      <c r="G255" s="128"/>
      <c r="H255" s="128"/>
      <c r="I255" s="128"/>
      <c r="J255" s="128"/>
      <c r="K255" s="128"/>
      <c r="L255" s="128"/>
      <c r="M255" s="128"/>
      <c r="N255" s="128"/>
      <c r="O255" s="128"/>
      <c r="P255" s="128"/>
      <c r="Q255" s="128"/>
      <c r="R255" s="128"/>
      <c r="S255" s="128"/>
      <c r="T255" s="128"/>
      <c r="U255" s="128"/>
      <c r="V255" s="128"/>
      <c r="W255" s="128"/>
      <c r="X255" s="128"/>
      <c r="Y255" s="128"/>
      <c r="Z255" s="128"/>
      <c r="AA255" s="128"/>
      <c r="AB255" s="128"/>
      <c r="AC255" s="128"/>
      <c r="AD255" s="128"/>
      <c r="AE255" s="128"/>
      <c r="AF255" s="128"/>
      <c r="AG255" s="128"/>
      <c r="AH255" s="128"/>
      <c r="AI255" s="128"/>
      <c r="AJ255" s="128"/>
      <c r="AK255" s="128"/>
      <c r="AL255" s="128"/>
      <c r="AM255" s="128"/>
      <c r="AN255" s="128"/>
      <c r="AO255" s="128"/>
      <c r="AP255" s="128"/>
      <c r="AQ255" s="128"/>
      <c r="AR255" s="128"/>
      <c r="AS255" s="128"/>
      <c r="AT255" s="128"/>
      <c r="AU255" s="128"/>
      <c r="AV255" s="128"/>
      <c r="AW255" s="128"/>
      <c r="AX255" s="129"/>
    </row>
    <row r="256" spans="1:251" s="23" customFormat="1" ht="10.8" customHeight="1">
      <c r="A256" s="34"/>
      <c r="B256" s="127"/>
      <c r="C256" s="128"/>
      <c r="D256" s="128"/>
      <c r="E256" s="128"/>
      <c r="F256" s="128"/>
      <c r="G256" s="128"/>
      <c r="H256" s="128"/>
      <c r="I256" s="128"/>
      <c r="J256" s="128"/>
      <c r="K256" s="128"/>
      <c r="L256" s="128"/>
      <c r="M256" s="128"/>
      <c r="N256" s="128"/>
      <c r="O256" s="128"/>
      <c r="P256" s="128"/>
      <c r="Q256" s="128"/>
      <c r="R256" s="128"/>
      <c r="S256" s="128"/>
      <c r="T256" s="128"/>
      <c r="U256" s="128"/>
      <c r="V256" s="128"/>
      <c r="W256" s="128"/>
      <c r="X256" s="128"/>
      <c r="Y256" s="128"/>
      <c r="Z256" s="128"/>
      <c r="AA256" s="128"/>
      <c r="AB256" s="128"/>
      <c r="AC256" s="128"/>
      <c r="AD256" s="128"/>
      <c r="AE256" s="128"/>
      <c r="AF256" s="128"/>
      <c r="AG256" s="128"/>
      <c r="AH256" s="128"/>
      <c r="AI256" s="128"/>
      <c r="AJ256" s="128"/>
      <c r="AK256" s="128"/>
      <c r="AL256" s="128"/>
      <c r="AM256" s="128"/>
      <c r="AN256" s="128"/>
      <c r="AO256" s="128"/>
      <c r="AP256" s="128"/>
      <c r="AQ256" s="128"/>
      <c r="AR256" s="128"/>
      <c r="AS256" s="128"/>
      <c r="AT256" s="128"/>
      <c r="AU256" s="128"/>
      <c r="AV256" s="128"/>
      <c r="AW256" s="128"/>
      <c r="AX256" s="129"/>
      <c r="BC256" s="17"/>
    </row>
    <row r="257" spans="1:251" s="23" customFormat="1" ht="10.8" customHeight="1">
      <c r="A257" s="34"/>
      <c r="B257" s="127"/>
      <c r="C257" s="128"/>
      <c r="D257" s="128"/>
      <c r="E257" s="128"/>
      <c r="F257" s="128"/>
      <c r="G257" s="128"/>
      <c r="H257" s="128"/>
      <c r="I257" s="128"/>
      <c r="J257" s="128"/>
      <c r="K257" s="128"/>
      <c r="L257" s="128"/>
      <c r="M257" s="128"/>
      <c r="N257" s="128"/>
      <c r="O257" s="128"/>
      <c r="P257" s="128"/>
      <c r="Q257" s="128"/>
      <c r="R257" s="128"/>
      <c r="S257" s="128"/>
      <c r="T257" s="128"/>
      <c r="U257" s="128"/>
      <c r="V257" s="128"/>
      <c r="W257" s="128"/>
      <c r="X257" s="128"/>
      <c r="Y257" s="128"/>
      <c r="Z257" s="128"/>
      <c r="AA257" s="128"/>
      <c r="AB257" s="128"/>
      <c r="AC257" s="128"/>
      <c r="AD257" s="128"/>
      <c r="AE257" s="128"/>
      <c r="AF257" s="128"/>
      <c r="AG257" s="128"/>
      <c r="AH257" s="128"/>
      <c r="AI257" s="128"/>
      <c r="AJ257" s="128"/>
      <c r="AK257" s="128"/>
      <c r="AL257" s="128"/>
      <c r="AM257" s="128"/>
      <c r="AN257" s="128"/>
      <c r="AO257" s="128"/>
      <c r="AP257" s="128"/>
      <c r="AQ257" s="128"/>
      <c r="AR257" s="128"/>
      <c r="AS257" s="128"/>
      <c r="AT257" s="128"/>
      <c r="AU257" s="128"/>
      <c r="AV257" s="128"/>
      <c r="AW257" s="128"/>
      <c r="AX257" s="129"/>
    </row>
    <row r="258" spans="1:251" s="23" customFormat="1" ht="10.8" customHeight="1">
      <c r="A258" s="34"/>
      <c r="B258" s="127"/>
      <c r="C258" s="128"/>
      <c r="D258" s="128"/>
      <c r="E258" s="128"/>
      <c r="F258" s="128"/>
      <c r="G258" s="128"/>
      <c r="H258" s="128"/>
      <c r="I258" s="128"/>
      <c r="J258" s="128"/>
      <c r="K258" s="128"/>
      <c r="L258" s="128"/>
      <c r="M258" s="128"/>
      <c r="N258" s="128"/>
      <c r="O258" s="128"/>
      <c r="P258" s="128"/>
      <c r="Q258" s="128"/>
      <c r="R258" s="128"/>
      <c r="S258" s="128"/>
      <c r="T258" s="128"/>
      <c r="U258" s="128"/>
      <c r="V258" s="128"/>
      <c r="W258" s="128"/>
      <c r="X258" s="128"/>
      <c r="Y258" s="128"/>
      <c r="Z258" s="128"/>
      <c r="AA258" s="128"/>
      <c r="AB258" s="128"/>
      <c r="AC258" s="128"/>
      <c r="AD258" s="128"/>
      <c r="AE258" s="128"/>
      <c r="AF258" s="128"/>
      <c r="AG258" s="128"/>
      <c r="AH258" s="128"/>
      <c r="AI258" s="128"/>
      <c r="AJ258" s="128"/>
      <c r="AK258" s="128"/>
      <c r="AL258" s="128"/>
      <c r="AM258" s="128"/>
      <c r="AN258" s="128"/>
      <c r="AO258" s="128"/>
      <c r="AP258" s="128"/>
      <c r="AQ258" s="128"/>
      <c r="AR258" s="128"/>
      <c r="AS258" s="128"/>
      <c r="AT258" s="128"/>
      <c r="AU258" s="128"/>
      <c r="AV258" s="128"/>
      <c r="AW258" s="128"/>
      <c r="AX258" s="129"/>
    </row>
    <row r="259" spans="1:251" s="23" customFormat="1" ht="10.8" customHeight="1">
      <c r="A259" s="34"/>
      <c r="B259" s="127"/>
      <c r="C259" s="128"/>
      <c r="D259" s="128"/>
      <c r="E259" s="128"/>
      <c r="F259" s="128"/>
      <c r="G259" s="128"/>
      <c r="H259" s="128"/>
      <c r="I259" s="128"/>
      <c r="J259" s="128"/>
      <c r="K259" s="128"/>
      <c r="L259" s="128"/>
      <c r="M259" s="128"/>
      <c r="N259" s="128"/>
      <c r="O259" s="128"/>
      <c r="P259" s="128"/>
      <c r="Q259" s="128"/>
      <c r="R259" s="128"/>
      <c r="S259" s="128"/>
      <c r="T259" s="128"/>
      <c r="U259" s="128"/>
      <c r="V259" s="128"/>
      <c r="W259" s="128"/>
      <c r="X259" s="128"/>
      <c r="Y259" s="128"/>
      <c r="Z259" s="128"/>
      <c r="AA259" s="128"/>
      <c r="AB259" s="128"/>
      <c r="AC259" s="128"/>
      <c r="AD259" s="128"/>
      <c r="AE259" s="128"/>
      <c r="AF259" s="128"/>
      <c r="AG259" s="128"/>
      <c r="AH259" s="128"/>
      <c r="AI259" s="128"/>
      <c r="AJ259" s="128"/>
      <c r="AK259" s="128"/>
      <c r="AL259" s="128"/>
      <c r="AM259" s="128"/>
      <c r="AN259" s="128"/>
      <c r="AO259" s="128"/>
      <c r="AP259" s="128"/>
      <c r="AQ259" s="128"/>
      <c r="AR259" s="128"/>
      <c r="AS259" s="128"/>
      <c r="AT259" s="128"/>
      <c r="AU259" s="128"/>
      <c r="AV259" s="128"/>
      <c r="AW259" s="128"/>
      <c r="AX259" s="129"/>
    </row>
    <row r="260" spans="1:251" s="23" customFormat="1" ht="10.8" customHeight="1">
      <c r="A260" s="34"/>
      <c r="B260" s="127"/>
      <c r="C260" s="128"/>
      <c r="D260" s="128"/>
      <c r="E260" s="128"/>
      <c r="F260" s="128"/>
      <c r="G260" s="128"/>
      <c r="H260" s="128"/>
      <c r="I260" s="128"/>
      <c r="J260" s="128"/>
      <c r="K260" s="128"/>
      <c r="L260" s="128"/>
      <c r="M260" s="128"/>
      <c r="N260" s="128"/>
      <c r="O260" s="128"/>
      <c r="P260" s="128"/>
      <c r="Q260" s="128"/>
      <c r="R260" s="128"/>
      <c r="S260" s="128"/>
      <c r="T260" s="128"/>
      <c r="U260" s="128"/>
      <c r="V260" s="128"/>
      <c r="W260" s="128"/>
      <c r="X260" s="128"/>
      <c r="Y260" s="128"/>
      <c r="Z260" s="128"/>
      <c r="AA260" s="128"/>
      <c r="AB260" s="128"/>
      <c r="AC260" s="128"/>
      <c r="AD260" s="128"/>
      <c r="AE260" s="128"/>
      <c r="AF260" s="128"/>
      <c r="AG260" s="128"/>
      <c r="AH260" s="128"/>
      <c r="AI260" s="128"/>
      <c r="AJ260" s="128"/>
      <c r="AK260" s="128"/>
      <c r="AL260" s="128"/>
      <c r="AM260" s="128"/>
      <c r="AN260" s="128"/>
      <c r="AO260" s="128"/>
      <c r="AP260" s="128"/>
      <c r="AQ260" s="128"/>
      <c r="AR260" s="128"/>
      <c r="AS260" s="128"/>
      <c r="AT260" s="128"/>
      <c r="AU260" s="128"/>
      <c r="AV260" s="128"/>
      <c r="AW260" s="128"/>
      <c r="AX260" s="129"/>
    </row>
    <row r="261" spans="1:251" s="23" customFormat="1" ht="10.8" customHeight="1">
      <c r="A261" s="34"/>
      <c r="B261" s="127"/>
      <c r="C261" s="128"/>
      <c r="D261" s="128"/>
      <c r="E261" s="128"/>
      <c r="F261" s="128"/>
      <c r="G261" s="128"/>
      <c r="H261" s="128"/>
      <c r="I261" s="128"/>
      <c r="J261" s="128"/>
      <c r="K261" s="128"/>
      <c r="L261" s="128"/>
      <c r="M261" s="128"/>
      <c r="N261" s="128"/>
      <c r="O261" s="128"/>
      <c r="P261" s="128"/>
      <c r="Q261" s="128"/>
      <c r="R261" s="128"/>
      <c r="S261" s="128"/>
      <c r="T261" s="128"/>
      <c r="U261" s="128"/>
      <c r="V261" s="128"/>
      <c r="W261" s="128"/>
      <c r="X261" s="128"/>
      <c r="Y261" s="128"/>
      <c r="Z261" s="128"/>
      <c r="AA261" s="128"/>
      <c r="AB261" s="128"/>
      <c r="AC261" s="128"/>
      <c r="AD261" s="128"/>
      <c r="AE261" s="128"/>
      <c r="AF261" s="128"/>
      <c r="AG261" s="128"/>
      <c r="AH261" s="128"/>
      <c r="AI261" s="128"/>
      <c r="AJ261" s="128"/>
      <c r="AK261" s="128"/>
      <c r="AL261" s="128"/>
      <c r="AM261" s="128"/>
      <c r="AN261" s="128"/>
      <c r="AO261" s="128"/>
      <c r="AP261" s="128"/>
      <c r="AQ261" s="128"/>
      <c r="AR261" s="128"/>
      <c r="AS261" s="128"/>
      <c r="AT261" s="128"/>
      <c r="AU261" s="128"/>
      <c r="AV261" s="128"/>
      <c r="AW261" s="128"/>
      <c r="AX261" s="129"/>
    </row>
    <row r="262" spans="1:251" s="23" customFormat="1" ht="10.8" customHeight="1">
      <c r="A262" s="34"/>
      <c r="B262" s="127"/>
      <c r="C262" s="128"/>
      <c r="D262" s="128"/>
      <c r="E262" s="128"/>
      <c r="F262" s="128"/>
      <c r="G262" s="128"/>
      <c r="H262" s="128"/>
      <c r="I262" s="128"/>
      <c r="J262" s="128"/>
      <c r="K262" s="128"/>
      <c r="L262" s="128"/>
      <c r="M262" s="128"/>
      <c r="N262" s="128"/>
      <c r="O262" s="128"/>
      <c r="P262" s="128"/>
      <c r="Q262" s="128"/>
      <c r="R262" s="128"/>
      <c r="S262" s="128"/>
      <c r="T262" s="128"/>
      <c r="U262" s="128"/>
      <c r="V262" s="128"/>
      <c r="W262" s="128"/>
      <c r="X262" s="128"/>
      <c r="Y262" s="128"/>
      <c r="Z262" s="128"/>
      <c r="AA262" s="128"/>
      <c r="AB262" s="128"/>
      <c r="AC262" s="128"/>
      <c r="AD262" s="128"/>
      <c r="AE262" s="128"/>
      <c r="AF262" s="128"/>
      <c r="AG262" s="128"/>
      <c r="AH262" s="128"/>
      <c r="AI262" s="128"/>
      <c r="AJ262" s="128"/>
      <c r="AK262" s="128"/>
      <c r="AL262" s="128"/>
      <c r="AM262" s="128"/>
      <c r="AN262" s="128"/>
      <c r="AO262" s="128"/>
      <c r="AP262" s="128"/>
      <c r="AQ262" s="128"/>
      <c r="AR262" s="128"/>
      <c r="AS262" s="128"/>
      <c r="AT262" s="128"/>
      <c r="AU262" s="128"/>
      <c r="AV262" s="128"/>
      <c r="AW262" s="128"/>
      <c r="AX262" s="129"/>
    </row>
    <row r="263" spans="1:251" s="23" customFormat="1" ht="10.8" customHeight="1">
      <c r="A263" s="34"/>
      <c r="B263" s="127"/>
      <c r="C263" s="128"/>
      <c r="D263" s="128"/>
      <c r="E263" s="128"/>
      <c r="F263" s="128"/>
      <c r="G263" s="128"/>
      <c r="H263" s="128"/>
      <c r="I263" s="128"/>
      <c r="J263" s="128"/>
      <c r="K263" s="128"/>
      <c r="L263" s="128"/>
      <c r="M263" s="128"/>
      <c r="N263" s="128"/>
      <c r="O263" s="128"/>
      <c r="P263" s="128"/>
      <c r="Q263" s="128"/>
      <c r="R263" s="128"/>
      <c r="S263" s="128"/>
      <c r="T263" s="128"/>
      <c r="U263" s="128"/>
      <c r="V263" s="128"/>
      <c r="W263" s="128"/>
      <c r="X263" s="128"/>
      <c r="Y263" s="128"/>
      <c r="Z263" s="128"/>
      <c r="AA263" s="128"/>
      <c r="AB263" s="128"/>
      <c r="AC263" s="128"/>
      <c r="AD263" s="128"/>
      <c r="AE263" s="128"/>
      <c r="AF263" s="128"/>
      <c r="AG263" s="128"/>
      <c r="AH263" s="128"/>
      <c r="AI263" s="128"/>
      <c r="AJ263" s="128"/>
      <c r="AK263" s="128"/>
      <c r="AL263" s="128"/>
      <c r="AM263" s="128"/>
      <c r="AN263" s="128"/>
      <c r="AO263" s="128"/>
      <c r="AP263" s="128"/>
      <c r="AQ263" s="128"/>
      <c r="AR263" s="128"/>
      <c r="AS263" s="128"/>
      <c r="AT263" s="128"/>
      <c r="AU263" s="128"/>
      <c r="AV263" s="128"/>
      <c r="AW263" s="128"/>
      <c r="AX263" s="129"/>
    </row>
    <row r="264" spans="1:251" s="23" customFormat="1" ht="10.8" customHeight="1">
      <c r="A264" s="34"/>
      <c r="B264" s="127"/>
      <c r="C264" s="128"/>
      <c r="D264" s="128"/>
      <c r="E264" s="128"/>
      <c r="F264" s="128"/>
      <c r="G264" s="128"/>
      <c r="H264" s="128"/>
      <c r="I264" s="128"/>
      <c r="J264" s="128"/>
      <c r="K264" s="128"/>
      <c r="L264" s="128"/>
      <c r="M264" s="128"/>
      <c r="N264" s="128"/>
      <c r="O264" s="128"/>
      <c r="P264" s="128"/>
      <c r="Q264" s="128"/>
      <c r="R264" s="128"/>
      <c r="S264" s="128"/>
      <c r="T264" s="128"/>
      <c r="U264" s="128"/>
      <c r="V264" s="128"/>
      <c r="W264" s="128"/>
      <c r="X264" s="128"/>
      <c r="Y264" s="128"/>
      <c r="Z264" s="128"/>
      <c r="AA264" s="128"/>
      <c r="AB264" s="128"/>
      <c r="AC264" s="128"/>
      <c r="AD264" s="128"/>
      <c r="AE264" s="128"/>
      <c r="AF264" s="128"/>
      <c r="AG264" s="128"/>
      <c r="AH264" s="128"/>
      <c r="AI264" s="128"/>
      <c r="AJ264" s="128"/>
      <c r="AK264" s="128"/>
      <c r="AL264" s="128"/>
      <c r="AM264" s="128"/>
      <c r="AN264" s="128"/>
      <c r="AO264" s="128"/>
      <c r="AP264" s="128"/>
      <c r="AQ264" s="128"/>
      <c r="AR264" s="128"/>
      <c r="AS264" s="128"/>
      <c r="AT264" s="128"/>
      <c r="AU264" s="128"/>
      <c r="AV264" s="128"/>
      <c r="AW264" s="128"/>
      <c r="AX264" s="129"/>
    </row>
    <row r="265" spans="1:251" s="23" customFormat="1" ht="15" thickBot="1">
      <c r="A265" s="38"/>
      <c r="B265" s="39"/>
      <c r="C265" s="40"/>
      <c r="D265" s="40"/>
      <c r="E265" s="40"/>
      <c r="F265" s="40"/>
      <c r="G265" s="40"/>
      <c r="H265" s="40"/>
      <c r="I265" s="40"/>
      <c r="J265" s="40"/>
      <c r="K265" s="40"/>
      <c r="L265" s="40"/>
      <c r="M265" s="40"/>
      <c r="N265" s="40"/>
      <c r="O265" s="40"/>
      <c r="P265" s="40"/>
      <c r="Q265" s="40"/>
      <c r="R265" s="40"/>
      <c r="S265" s="40"/>
      <c r="T265" s="40"/>
      <c r="U265" s="40"/>
      <c r="V265" s="40"/>
      <c r="W265" s="40"/>
      <c r="X265" s="40"/>
      <c r="Y265" s="40"/>
      <c r="Z265" s="40"/>
      <c r="AA265" s="40"/>
      <c r="AB265" s="40"/>
      <c r="AC265" s="40"/>
      <c r="AD265" s="40"/>
      <c r="AE265" s="40"/>
      <c r="AF265" s="40"/>
      <c r="AG265" s="40"/>
      <c r="AH265" s="40"/>
      <c r="AI265" s="40"/>
      <c r="AJ265" s="40"/>
      <c r="AK265" s="40"/>
      <c r="AL265" s="40"/>
      <c r="AM265" s="40"/>
      <c r="AN265" s="40"/>
      <c r="AO265" s="40"/>
      <c r="AP265" s="40"/>
      <c r="AQ265" s="40"/>
      <c r="AR265" s="40"/>
      <c r="AS265" s="40"/>
      <c r="AT265" s="40"/>
      <c r="AU265" s="40"/>
      <c r="AV265" s="40"/>
      <c r="AW265" s="40"/>
      <c r="AX265" s="41"/>
    </row>
    <row r="266" spans="1:251" s="23" customFormat="1" ht="13.2">
      <c r="B266" s="42"/>
    </row>
    <row r="267" spans="1:251" s="23" customFormat="1" ht="14.4">
      <c r="B267" s="33" t="s">
        <v>93</v>
      </c>
      <c r="C267" s="34"/>
      <c r="D267" s="34"/>
      <c r="E267" s="34"/>
      <c r="F267" s="34"/>
      <c r="G267" s="34"/>
      <c r="H267" s="34"/>
      <c r="I267" s="34"/>
      <c r="J267" s="34"/>
      <c r="K267" s="34"/>
      <c r="L267" s="35"/>
      <c r="M267" s="35"/>
      <c r="N267" s="35"/>
      <c r="O267" s="35"/>
      <c r="P267" s="34"/>
      <c r="Q267" s="34"/>
      <c r="R267" s="34"/>
      <c r="S267" s="34"/>
      <c r="T267" s="34"/>
      <c r="U267" s="34"/>
      <c r="V267" s="33"/>
      <c r="W267" s="33"/>
      <c r="X267" s="33"/>
      <c r="Y267" s="33"/>
      <c r="Z267" s="33"/>
      <c r="AA267" s="33"/>
      <c r="AB267" s="33"/>
      <c r="AC267" s="33"/>
      <c r="AD267" s="33"/>
      <c r="AE267" s="33"/>
      <c r="AF267" s="33"/>
      <c r="AG267" s="33"/>
      <c r="AH267" s="33"/>
      <c r="AI267" s="33"/>
      <c r="AJ267" s="33"/>
      <c r="AK267" s="33"/>
      <c r="AL267" s="33"/>
      <c r="AM267" s="33"/>
      <c r="AN267" s="33"/>
      <c r="AO267" s="33"/>
      <c r="AP267" s="33"/>
      <c r="AQ267" s="33"/>
      <c r="AR267" s="33"/>
      <c r="AS267" s="33"/>
      <c r="AT267" s="33"/>
      <c r="AU267" s="33"/>
      <c r="AV267" s="33"/>
      <c r="AW267" s="33"/>
      <c r="AX267" s="33"/>
    </row>
    <row r="268" spans="1:251" s="23" customFormat="1" ht="15" thickBot="1">
      <c r="B268" s="33"/>
      <c r="C268" s="34"/>
      <c r="D268" s="34"/>
      <c r="E268" s="34"/>
      <c r="F268" s="34"/>
      <c r="G268" s="34"/>
      <c r="H268" s="34"/>
      <c r="I268" s="34"/>
      <c r="J268" s="34"/>
      <c r="K268" s="34"/>
      <c r="L268" s="35"/>
      <c r="M268" s="35"/>
      <c r="N268" s="35"/>
      <c r="O268" s="35"/>
      <c r="P268" s="34"/>
      <c r="Q268" s="34"/>
      <c r="R268" s="34"/>
      <c r="S268" s="34"/>
      <c r="T268" s="34"/>
      <c r="U268" s="34"/>
      <c r="V268" s="33"/>
      <c r="W268" s="33"/>
      <c r="X268" s="33"/>
      <c r="Y268" s="33"/>
      <c r="Z268" s="33"/>
      <c r="AA268" s="33"/>
      <c r="AB268" s="33"/>
      <c r="AC268" s="33"/>
      <c r="AD268" s="33"/>
      <c r="AE268" s="33"/>
      <c r="AF268" s="33"/>
      <c r="AG268" s="33"/>
      <c r="AH268" s="33"/>
      <c r="AI268" s="33"/>
      <c r="AJ268" s="33"/>
      <c r="AK268" s="33"/>
      <c r="AL268" s="33"/>
      <c r="AM268" s="33"/>
      <c r="AN268" s="33"/>
      <c r="AO268" s="33"/>
      <c r="AP268" s="33"/>
      <c r="AQ268" s="33"/>
      <c r="AR268" s="33"/>
      <c r="AS268" s="33"/>
      <c r="AT268" s="33"/>
      <c r="AU268" s="33"/>
      <c r="AV268" s="33"/>
      <c r="AW268" s="33"/>
      <c r="AX268" s="43" t="s">
        <v>94</v>
      </c>
    </row>
    <row r="269" spans="1:251" s="50" customFormat="1" ht="13.5" customHeight="1">
      <c r="A269" s="34"/>
      <c r="B269" s="139" t="s">
        <v>95</v>
      </c>
      <c r="C269" s="203"/>
      <c r="D269" s="203"/>
      <c r="E269" s="203"/>
      <c r="F269" s="203"/>
      <c r="G269" s="203"/>
      <c r="H269" s="203"/>
      <c r="I269" s="203"/>
      <c r="J269" s="203"/>
      <c r="K269" s="203"/>
      <c r="L269" s="203"/>
      <c r="M269" s="203"/>
      <c r="N269" s="203"/>
      <c r="O269" s="203"/>
      <c r="P269" s="203"/>
      <c r="Q269" s="203"/>
      <c r="R269" s="203"/>
      <c r="S269" s="203"/>
      <c r="T269" s="203"/>
      <c r="U269" s="203"/>
      <c r="V269" s="203"/>
      <c r="W269" s="203"/>
      <c r="X269" s="203"/>
      <c r="Y269" s="203"/>
      <c r="Z269" s="204"/>
      <c r="AA269" s="145" t="s">
        <v>116</v>
      </c>
      <c r="AB269" s="203"/>
      <c r="AC269" s="203"/>
      <c r="AD269" s="203"/>
      <c r="AE269" s="203"/>
      <c r="AF269" s="203"/>
      <c r="AG269" s="203"/>
      <c r="AH269" s="203"/>
      <c r="AI269" s="204"/>
      <c r="AJ269" s="145" t="s">
        <v>117</v>
      </c>
      <c r="AK269" s="203"/>
      <c r="AL269" s="203"/>
      <c r="AM269" s="203"/>
      <c r="AN269" s="203"/>
      <c r="AO269" s="203"/>
      <c r="AP269" s="203"/>
      <c r="AQ269" s="203"/>
      <c r="AR269" s="204"/>
      <c r="AS269" s="145" t="s">
        <v>98</v>
      </c>
      <c r="AT269" s="203"/>
      <c r="AU269" s="203"/>
      <c r="AV269" s="203"/>
      <c r="AW269" s="203"/>
      <c r="AX269" s="209"/>
      <c r="AY269" s="23"/>
      <c r="AZ269" s="23"/>
      <c r="BA269" s="23"/>
      <c r="BB269" s="23"/>
      <c r="BC269" s="23"/>
      <c r="BD269" s="23"/>
      <c r="BE269" s="23"/>
      <c r="BF269" s="23"/>
      <c r="BG269" s="23"/>
      <c r="BH269" s="23"/>
      <c r="BI269" s="23"/>
      <c r="BJ269" s="23"/>
      <c r="BK269" s="23"/>
      <c r="BL269" s="23"/>
      <c r="BM269" s="23"/>
      <c r="BN269" s="23"/>
      <c r="BO269" s="23"/>
      <c r="BP269" s="23"/>
      <c r="BQ269" s="23"/>
      <c r="BR269" s="23"/>
      <c r="BS269" s="23"/>
      <c r="BT269" s="23"/>
      <c r="BU269" s="23"/>
      <c r="BV269" s="23"/>
      <c r="BW269" s="23"/>
      <c r="BX269" s="23"/>
      <c r="BY269" s="23"/>
      <c r="BZ269" s="23"/>
      <c r="CA269" s="23"/>
      <c r="CB269" s="23"/>
      <c r="CC269" s="23"/>
      <c r="CD269" s="23"/>
      <c r="CE269" s="23"/>
      <c r="CF269" s="23"/>
      <c r="CG269" s="23"/>
      <c r="CH269" s="23"/>
      <c r="CI269" s="23"/>
      <c r="CJ269" s="23"/>
      <c r="CK269" s="23"/>
      <c r="CL269" s="23"/>
      <c r="CM269" s="23"/>
      <c r="CN269" s="23"/>
      <c r="CO269" s="23"/>
      <c r="CP269" s="23"/>
      <c r="CQ269" s="23"/>
      <c r="CR269" s="23"/>
      <c r="CS269" s="23"/>
      <c r="CT269" s="23"/>
      <c r="CU269" s="23"/>
      <c r="CV269" s="23"/>
      <c r="CW269" s="23"/>
      <c r="CX269" s="23"/>
      <c r="CY269" s="23"/>
      <c r="CZ269" s="23"/>
      <c r="DA269" s="23"/>
      <c r="DB269" s="23"/>
      <c r="DC269" s="23"/>
      <c r="DD269" s="23"/>
      <c r="DE269" s="23"/>
      <c r="DF269" s="23"/>
      <c r="DG269" s="23"/>
      <c r="DH269" s="23"/>
      <c r="DI269" s="23"/>
      <c r="DJ269" s="23"/>
      <c r="DK269" s="23"/>
      <c r="DL269" s="23"/>
      <c r="DM269" s="23"/>
      <c r="DN269" s="23"/>
      <c r="DO269" s="23"/>
      <c r="DP269" s="23"/>
      <c r="DQ269" s="23"/>
      <c r="DR269" s="23"/>
      <c r="DS269" s="23"/>
      <c r="DT269" s="23"/>
      <c r="DU269" s="23"/>
      <c r="DV269" s="23"/>
      <c r="DW269" s="23"/>
      <c r="DX269" s="23"/>
      <c r="DY269" s="23"/>
      <c r="DZ269" s="23"/>
      <c r="EA269" s="23"/>
      <c r="EB269" s="23"/>
      <c r="EC269" s="23"/>
      <c r="ED269" s="23"/>
      <c r="EE269" s="23"/>
      <c r="EF269" s="23"/>
      <c r="EG269" s="23"/>
      <c r="EH269" s="23"/>
      <c r="EI269" s="23"/>
      <c r="EJ269" s="23"/>
      <c r="EK269" s="23"/>
      <c r="EL269" s="23"/>
      <c r="EM269" s="23"/>
      <c r="EN269" s="23"/>
      <c r="EO269" s="23"/>
      <c r="EP269" s="23"/>
      <c r="EQ269" s="23"/>
      <c r="ER269" s="23"/>
      <c r="ES269" s="23"/>
      <c r="ET269" s="23"/>
      <c r="EU269" s="23"/>
      <c r="EV269" s="23"/>
      <c r="EW269" s="23"/>
      <c r="EX269" s="23"/>
      <c r="EY269" s="23"/>
      <c r="EZ269" s="23"/>
      <c r="FA269" s="23"/>
      <c r="FB269" s="23"/>
      <c r="FC269" s="23"/>
      <c r="FD269" s="23"/>
      <c r="FE269" s="23"/>
      <c r="FF269" s="23"/>
      <c r="FG269" s="23"/>
      <c r="FH269" s="23"/>
      <c r="FI269" s="23"/>
      <c r="FJ269" s="23"/>
      <c r="FK269" s="23"/>
      <c r="FL269" s="23"/>
      <c r="FM269" s="23"/>
      <c r="FN269" s="23"/>
      <c r="FO269" s="23"/>
      <c r="FP269" s="23"/>
      <c r="FQ269" s="23"/>
      <c r="FR269" s="23"/>
      <c r="FS269" s="23"/>
      <c r="FT269" s="23"/>
      <c r="FU269" s="23"/>
      <c r="FV269" s="23"/>
      <c r="FW269" s="23"/>
      <c r="FX269" s="23"/>
      <c r="FY269" s="23"/>
      <c r="FZ269" s="23"/>
      <c r="GA269" s="23"/>
      <c r="GB269" s="23"/>
      <c r="GC269" s="23"/>
      <c r="GD269" s="23"/>
      <c r="GE269" s="23"/>
      <c r="GF269" s="23"/>
      <c r="GG269" s="23"/>
      <c r="GH269" s="23"/>
      <c r="GI269" s="23"/>
      <c r="GJ269" s="23"/>
      <c r="GK269" s="23"/>
      <c r="GL269" s="23"/>
      <c r="GM269" s="23"/>
      <c r="GN269" s="23"/>
      <c r="GO269" s="23"/>
      <c r="GP269" s="23"/>
      <c r="GQ269" s="23"/>
      <c r="GR269" s="23"/>
      <c r="GS269" s="23"/>
      <c r="GT269" s="23"/>
      <c r="GU269" s="23"/>
      <c r="GV269" s="23"/>
      <c r="GW269" s="23"/>
      <c r="GX269" s="23"/>
      <c r="GY269" s="23"/>
      <c r="GZ269" s="23"/>
      <c r="HA269" s="23"/>
      <c r="HB269" s="23"/>
      <c r="HC269" s="23"/>
      <c r="HD269" s="23"/>
      <c r="HE269" s="23"/>
      <c r="HF269" s="23"/>
      <c r="HG269" s="23"/>
      <c r="HH269" s="23"/>
      <c r="HI269" s="23"/>
      <c r="HJ269" s="23"/>
      <c r="HK269" s="23"/>
      <c r="HL269" s="23"/>
      <c r="HM269" s="23"/>
      <c r="HN269" s="23"/>
      <c r="HO269" s="23"/>
      <c r="HP269" s="23"/>
      <c r="HQ269" s="23"/>
      <c r="HR269" s="23"/>
      <c r="HS269" s="23"/>
      <c r="HT269" s="23"/>
      <c r="HU269" s="23"/>
      <c r="HV269" s="23"/>
      <c r="HW269" s="23"/>
      <c r="HX269" s="23"/>
      <c r="HY269" s="23"/>
      <c r="HZ269" s="23"/>
      <c r="IA269" s="23"/>
      <c r="IB269" s="23"/>
      <c r="IC269" s="23"/>
      <c r="ID269" s="23"/>
      <c r="IE269" s="23"/>
      <c r="IF269" s="23"/>
      <c r="IG269" s="23"/>
      <c r="IH269" s="23"/>
      <c r="II269" s="23"/>
      <c r="IJ269" s="23"/>
      <c r="IK269" s="23"/>
      <c r="IL269" s="23"/>
      <c r="IM269" s="23"/>
      <c r="IN269" s="23"/>
      <c r="IO269" s="23"/>
      <c r="IP269" s="23"/>
      <c r="IQ269" s="23"/>
    </row>
    <row r="270" spans="1:251" s="50" customFormat="1">
      <c r="A270" s="34"/>
      <c r="B270" s="205"/>
      <c r="C270" s="206"/>
      <c r="D270" s="206"/>
      <c r="E270" s="206"/>
      <c r="F270" s="206"/>
      <c r="G270" s="206"/>
      <c r="H270" s="206"/>
      <c r="I270" s="206"/>
      <c r="J270" s="206"/>
      <c r="K270" s="206"/>
      <c r="L270" s="206"/>
      <c r="M270" s="206"/>
      <c r="N270" s="206"/>
      <c r="O270" s="206"/>
      <c r="P270" s="206"/>
      <c r="Q270" s="206"/>
      <c r="R270" s="206"/>
      <c r="S270" s="206"/>
      <c r="T270" s="206"/>
      <c r="U270" s="206"/>
      <c r="V270" s="206"/>
      <c r="W270" s="206"/>
      <c r="X270" s="206"/>
      <c r="Y270" s="206"/>
      <c r="Z270" s="207"/>
      <c r="AA270" s="208"/>
      <c r="AB270" s="206"/>
      <c r="AC270" s="206"/>
      <c r="AD270" s="206"/>
      <c r="AE270" s="206"/>
      <c r="AF270" s="206"/>
      <c r="AG270" s="206"/>
      <c r="AH270" s="206"/>
      <c r="AI270" s="207"/>
      <c r="AJ270" s="208"/>
      <c r="AK270" s="206"/>
      <c r="AL270" s="206"/>
      <c r="AM270" s="206"/>
      <c r="AN270" s="206"/>
      <c r="AO270" s="206"/>
      <c r="AP270" s="206"/>
      <c r="AQ270" s="206"/>
      <c r="AR270" s="207"/>
      <c r="AS270" s="208"/>
      <c r="AT270" s="206"/>
      <c r="AU270" s="206"/>
      <c r="AV270" s="206"/>
      <c r="AW270" s="206"/>
      <c r="AX270" s="210"/>
      <c r="AY270" s="23"/>
      <c r="AZ270" s="23"/>
      <c r="BA270" s="23"/>
      <c r="BB270"/>
      <c r="BC270" s="45"/>
      <c r="BE270" s="23"/>
      <c r="BF270" s="23"/>
      <c r="BG270" s="23"/>
      <c r="BH270" s="23"/>
      <c r="BI270" s="23"/>
      <c r="BJ270" s="23"/>
      <c r="BK270" s="23"/>
      <c r="BL270" s="23"/>
      <c r="BM270" s="23"/>
      <c r="BN270" s="23"/>
      <c r="BO270" s="23"/>
      <c r="BP270" s="23"/>
      <c r="BQ270" s="23"/>
      <c r="BR270" s="23"/>
      <c r="BS270" s="23"/>
      <c r="BT270" s="23"/>
      <c r="BU270" s="23"/>
      <c r="BV270" s="23"/>
      <c r="BW270" s="23"/>
      <c r="BX270" s="23"/>
      <c r="BY270" s="23"/>
      <c r="BZ270" s="23"/>
      <c r="CA270" s="23"/>
      <c r="CB270" s="23"/>
      <c r="CC270" s="23"/>
      <c r="CD270" s="23"/>
      <c r="CE270" s="23"/>
      <c r="CF270" s="23"/>
      <c r="CG270" s="23"/>
      <c r="CH270" s="23"/>
      <c r="CI270" s="23"/>
      <c r="CJ270" s="23"/>
      <c r="CK270" s="23"/>
      <c r="CL270" s="23"/>
      <c r="CM270" s="23"/>
      <c r="CN270" s="23"/>
      <c r="CO270" s="23"/>
      <c r="CP270" s="23"/>
      <c r="CQ270" s="23"/>
      <c r="CR270" s="23"/>
      <c r="CS270" s="23"/>
      <c r="CT270" s="23"/>
      <c r="CU270" s="23"/>
      <c r="CV270" s="23"/>
      <c r="CW270" s="23"/>
      <c r="CX270" s="23"/>
      <c r="CY270" s="23"/>
      <c r="CZ270" s="23"/>
      <c r="DA270" s="23"/>
      <c r="DB270" s="23"/>
      <c r="DC270" s="23"/>
      <c r="DD270" s="23"/>
      <c r="DE270" s="23"/>
      <c r="DF270" s="23"/>
      <c r="DG270" s="23"/>
      <c r="DH270" s="23"/>
      <c r="DI270" s="23"/>
      <c r="DJ270" s="23"/>
      <c r="DK270" s="23"/>
      <c r="DL270" s="23"/>
      <c r="DM270" s="23"/>
      <c r="DN270" s="23"/>
      <c r="DO270" s="23"/>
      <c r="DP270" s="23"/>
      <c r="DQ270" s="23"/>
      <c r="DR270" s="23"/>
      <c r="DS270" s="23"/>
      <c r="DT270" s="23"/>
      <c r="DU270" s="23"/>
      <c r="DV270" s="23"/>
      <c r="DW270" s="23"/>
      <c r="DX270" s="23"/>
      <c r="DY270" s="23"/>
      <c r="DZ270" s="23"/>
      <c r="EA270" s="23"/>
      <c r="EB270" s="23"/>
      <c r="EC270" s="23"/>
      <c r="ED270" s="23"/>
      <c r="EE270" s="23"/>
      <c r="EF270" s="23"/>
      <c r="EG270" s="23"/>
      <c r="EH270" s="23"/>
      <c r="EI270" s="23"/>
      <c r="EJ270" s="23"/>
      <c r="EK270" s="23"/>
      <c r="EL270" s="23"/>
      <c r="EM270" s="23"/>
      <c r="EN270" s="23"/>
      <c r="EO270" s="23"/>
      <c r="EP270" s="23"/>
      <c r="EQ270" s="23"/>
      <c r="ER270" s="23"/>
      <c r="ES270" s="23"/>
      <c r="ET270" s="23"/>
      <c r="EU270" s="23"/>
      <c r="EV270" s="23"/>
      <c r="EW270" s="23"/>
      <c r="EX270" s="23"/>
      <c r="EY270" s="23"/>
      <c r="EZ270" s="23"/>
      <c r="FA270" s="23"/>
      <c r="FB270" s="23"/>
      <c r="FC270" s="23"/>
      <c r="FD270" s="23"/>
      <c r="FE270" s="23"/>
      <c r="FF270" s="23"/>
      <c r="FG270" s="23"/>
      <c r="FH270" s="23"/>
      <c r="FI270" s="23"/>
      <c r="FJ270" s="23"/>
      <c r="FK270" s="23"/>
      <c r="FL270" s="23"/>
      <c r="FM270" s="23"/>
      <c r="FN270" s="23"/>
      <c r="FO270" s="23"/>
      <c r="FP270" s="23"/>
      <c r="FQ270" s="23"/>
      <c r="FR270" s="23"/>
      <c r="FS270" s="23"/>
      <c r="FT270" s="23"/>
      <c r="FU270" s="23"/>
      <c r="FV270" s="23"/>
      <c r="FW270" s="23"/>
      <c r="FX270" s="23"/>
      <c r="FY270" s="23"/>
      <c r="FZ270" s="23"/>
      <c r="GA270" s="23"/>
      <c r="GB270" s="23"/>
      <c r="GC270" s="23"/>
      <c r="GD270" s="23"/>
      <c r="GE270" s="23"/>
      <c r="GF270" s="23"/>
      <c r="GG270" s="23"/>
      <c r="GH270" s="23"/>
      <c r="GI270" s="23"/>
      <c r="GJ270" s="23"/>
      <c r="GK270" s="23"/>
      <c r="GL270" s="23"/>
      <c r="GM270" s="23"/>
      <c r="GN270" s="23"/>
      <c r="GO270" s="23"/>
      <c r="GP270" s="23"/>
      <c r="GQ270" s="23"/>
      <c r="GR270" s="23"/>
      <c r="GS270" s="23"/>
      <c r="GT270" s="23"/>
      <c r="GU270" s="23"/>
      <c r="GV270" s="23"/>
      <c r="GW270" s="23"/>
      <c r="GX270" s="23"/>
      <c r="GY270" s="23"/>
      <c r="GZ270" s="23"/>
      <c r="HA270" s="23"/>
      <c r="HB270" s="23"/>
      <c r="HC270" s="23"/>
      <c r="HD270" s="23"/>
      <c r="HE270" s="23"/>
      <c r="HF270" s="23"/>
      <c r="HG270" s="23"/>
      <c r="HH270" s="23"/>
      <c r="HI270" s="23"/>
      <c r="HJ270" s="23"/>
      <c r="HK270" s="23"/>
      <c r="HL270" s="23"/>
      <c r="HM270" s="23"/>
      <c r="HN270" s="23"/>
      <c r="HO270" s="23"/>
      <c r="HP270" s="23"/>
      <c r="HQ270" s="23"/>
      <c r="HR270" s="23"/>
      <c r="HS270" s="23"/>
      <c r="HT270" s="23"/>
      <c r="HU270" s="23"/>
      <c r="HV270" s="23"/>
      <c r="HW270" s="23"/>
      <c r="HX270" s="23"/>
      <c r="HY270" s="23"/>
      <c r="HZ270" s="23"/>
      <c r="IA270" s="23"/>
      <c r="IB270" s="23"/>
      <c r="IC270" s="23"/>
      <c r="ID270" s="23"/>
      <c r="IE270" s="23"/>
      <c r="IF270" s="23"/>
      <c r="IG270" s="23"/>
      <c r="IH270" s="23"/>
      <c r="II270" s="23"/>
      <c r="IJ270" s="23"/>
      <c r="IK270" s="23"/>
      <c r="IL270" s="23"/>
      <c r="IM270" s="23"/>
      <c r="IN270" s="23"/>
      <c r="IO270" s="23"/>
      <c r="IP270" s="23"/>
      <c r="IQ270" s="23"/>
    </row>
    <row r="271" spans="1:251" s="50" customFormat="1" ht="18.75" customHeight="1">
      <c r="A271" s="34"/>
      <c r="B271" s="46"/>
      <c r="C271" s="130" t="s">
        <v>135</v>
      </c>
      <c r="D271" s="130"/>
      <c r="E271" s="130"/>
      <c r="F271" s="130"/>
      <c r="G271" s="130"/>
      <c r="H271" s="130"/>
      <c r="I271" s="130"/>
      <c r="J271" s="130"/>
      <c r="K271" s="130"/>
      <c r="L271" s="130"/>
      <c r="M271" s="130"/>
      <c r="N271" s="130"/>
      <c r="O271" s="130"/>
      <c r="P271" s="130"/>
      <c r="Q271" s="130"/>
      <c r="R271" s="130"/>
      <c r="S271" s="130"/>
      <c r="T271" s="130"/>
      <c r="U271" s="130"/>
      <c r="V271" s="130"/>
      <c r="W271" s="130"/>
      <c r="X271" s="130"/>
      <c r="Y271" s="130"/>
      <c r="Z271" s="51"/>
      <c r="AA271" s="132">
        <v>100877</v>
      </c>
      <c r="AB271" s="196"/>
      <c r="AC271" s="196"/>
      <c r="AD271" s="196"/>
      <c r="AE271" s="196"/>
      <c r="AF271" s="196"/>
      <c r="AG271" s="196"/>
      <c r="AH271" s="196"/>
      <c r="AI271" s="197"/>
      <c r="AJ271" s="132">
        <v>95406</v>
      </c>
      <c r="AK271" s="196"/>
      <c r="AL271" s="196"/>
      <c r="AM271" s="196"/>
      <c r="AN271" s="196"/>
      <c r="AO271" s="196"/>
      <c r="AP271" s="196"/>
      <c r="AQ271" s="196"/>
      <c r="AR271" s="197"/>
      <c r="AS271" s="132"/>
      <c r="AT271" s="196"/>
      <c r="AU271" s="196"/>
      <c r="AV271" s="196"/>
      <c r="AW271" s="196"/>
      <c r="AX271" s="202"/>
      <c r="AY271" s="23"/>
      <c r="AZ271" s="23"/>
      <c r="BA271" s="23"/>
      <c r="BB271" s="23"/>
      <c r="BC271" s="23"/>
      <c r="BD271" s="23"/>
      <c r="BE271" s="23"/>
      <c r="BF271" s="23"/>
      <c r="BG271" s="23"/>
      <c r="BH271" s="23"/>
      <c r="BI271" s="23"/>
      <c r="BJ271" s="23"/>
      <c r="BK271" s="23"/>
      <c r="BL271" s="23"/>
      <c r="BM271" s="23"/>
      <c r="BN271" s="23"/>
      <c r="BO271" s="23"/>
      <c r="BP271" s="23"/>
      <c r="BQ271" s="23"/>
      <c r="BR271" s="23"/>
      <c r="BS271" s="23"/>
      <c r="BT271" s="23"/>
      <c r="BU271" s="23"/>
      <c r="BV271" s="23"/>
      <c r="BW271" s="23"/>
      <c r="BX271" s="23"/>
      <c r="BY271" s="23"/>
      <c r="BZ271" s="23"/>
      <c r="CA271" s="23"/>
      <c r="CB271" s="23"/>
      <c r="CC271" s="23"/>
      <c r="CD271" s="23"/>
      <c r="CE271" s="23"/>
      <c r="CF271" s="23"/>
      <c r="CG271" s="23"/>
      <c r="CH271" s="23"/>
      <c r="CI271" s="23"/>
      <c r="CJ271" s="23"/>
      <c r="CK271" s="23"/>
      <c r="CL271" s="23"/>
      <c r="CM271" s="23"/>
      <c r="CN271" s="23"/>
      <c r="CO271" s="23"/>
      <c r="CP271" s="23"/>
      <c r="CQ271" s="23"/>
      <c r="CR271" s="23"/>
      <c r="CS271" s="23"/>
      <c r="CT271" s="23"/>
      <c r="CU271" s="23"/>
      <c r="CV271" s="23"/>
      <c r="CW271" s="23"/>
      <c r="CX271" s="23"/>
      <c r="CY271" s="23"/>
      <c r="CZ271" s="23"/>
      <c r="DA271" s="23"/>
      <c r="DB271" s="23"/>
      <c r="DC271" s="23"/>
      <c r="DD271" s="23"/>
      <c r="DE271" s="23"/>
      <c r="DF271" s="23"/>
      <c r="DG271" s="23"/>
      <c r="DH271" s="23"/>
      <c r="DI271" s="23"/>
      <c r="DJ271" s="23"/>
      <c r="DK271" s="23"/>
      <c r="DL271" s="23"/>
      <c r="DM271" s="23"/>
      <c r="DN271" s="23"/>
      <c r="DO271" s="23"/>
      <c r="DP271" s="23"/>
      <c r="DQ271" s="23"/>
      <c r="DR271" s="23"/>
      <c r="DS271" s="23"/>
      <c r="DT271" s="23"/>
      <c r="DU271" s="23"/>
      <c r="DV271" s="23"/>
      <c r="DW271" s="23"/>
      <c r="DX271" s="23"/>
      <c r="DY271" s="23"/>
      <c r="DZ271" s="23"/>
      <c r="EA271" s="23"/>
      <c r="EB271" s="23"/>
      <c r="EC271" s="23"/>
      <c r="ED271" s="23"/>
      <c r="EE271" s="23"/>
      <c r="EF271" s="23"/>
      <c r="EG271" s="23"/>
      <c r="EH271" s="23"/>
      <c r="EI271" s="23"/>
      <c r="EJ271" s="23"/>
      <c r="EK271" s="23"/>
      <c r="EL271" s="23"/>
      <c r="EM271" s="23"/>
      <c r="EN271" s="23"/>
      <c r="EO271" s="23"/>
      <c r="EP271" s="23"/>
      <c r="EQ271" s="23"/>
      <c r="ER271" s="23"/>
      <c r="ES271" s="23"/>
      <c r="ET271" s="23"/>
      <c r="EU271" s="23"/>
      <c r="EV271" s="23"/>
      <c r="EW271" s="23"/>
      <c r="EX271" s="23"/>
      <c r="EY271" s="23"/>
      <c r="EZ271" s="23"/>
      <c r="FA271" s="23"/>
      <c r="FB271" s="23"/>
      <c r="FC271" s="23"/>
      <c r="FD271" s="23"/>
      <c r="FE271" s="23"/>
      <c r="FF271" s="23"/>
      <c r="FG271" s="23"/>
      <c r="FH271" s="23"/>
      <c r="FI271" s="23"/>
      <c r="FJ271" s="23"/>
      <c r="FK271" s="23"/>
      <c r="FL271" s="23"/>
      <c r="FM271" s="23"/>
      <c r="FN271" s="23"/>
      <c r="FO271" s="23"/>
      <c r="FP271" s="23"/>
      <c r="FQ271" s="23"/>
      <c r="FR271" s="23"/>
      <c r="FS271" s="23"/>
      <c r="FT271" s="23"/>
      <c r="FU271" s="23"/>
      <c r="FV271" s="23"/>
      <c r="FW271" s="23"/>
      <c r="FX271" s="23"/>
      <c r="FY271" s="23"/>
      <c r="FZ271" s="23"/>
      <c r="GA271" s="23"/>
      <c r="GB271" s="23"/>
      <c r="GC271" s="23"/>
      <c r="GD271" s="23"/>
      <c r="GE271" s="23"/>
      <c r="GF271" s="23"/>
      <c r="GG271" s="23"/>
      <c r="GH271" s="23"/>
      <c r="GI271" s="23"/>
      <c r="GJ271" s="23"/>
      <c r="GK271" s="23"/>
      <c r="GL271" s="23"/>
      <c r="GM271" s="23"/>
      <c r="GN271" s="23"/>
      <c r="GO271" s="23"/>
      <c r="GP271" s="23"/>
      <c r="GQ271" s="23"/>
      <c r="GR271" s="23"/>
      <c r="GS271" s="23"/>
      <c r="GT271" s="23"/>
      <c r="GU271" s="23"/>
      <c r="GV271" s="23"/>
      <c r="GW271" s="23"/>
      <c r="GX271" s="23"/>
      <c r="GY271" s="23"/>
      <c r="GZ271" s="23"/>
      <c r="HA271" s="23"/>
      <c r="HB271" s="23"/>
      <c r="HC271" s="23"/>
      <c r="HD271" s="23"/>
      <c r="HE271" s="23"/>
      <c r="HF271" s="23"/>
      <c r="HG271" s="23"/>
      <c r="HH271" s="23"/>
      <c r="HI271" s="23"/>
      <c r="HJ271" s="23"/>
      <c r="HK271" s="23"/>
      <c r="HL271" s="23"/>
      <c r="HM271" s="23"/>
      <c r="HN271" s="23"/>
      <c r="HO271" s="23"/>
      <c r="HP271" s="23"/>
      <c r="HQ271" s="23"/>
      <c r="HR271" s="23"/>
      <c r="HS271" s="23"/>
      <c r="HT271" s="23"/>
      <c r="HU271" s="23"/>
      <c r="HV271" s="23"/>
      <c r="HW271" s="23"/>
      <c r="HX271" s="23"/>
      <c r="HY271" s="23"/>
      <c r="HZ271" s="23"/>
      <c r="IA271" s="23"/>
      <c r="IB271" s="23"/>
      <c r="IC271" s="23"/>
      <c r="ID271" s="23"/>
      <c r="IE271" s="23"/>
      <c r="IF271" s="23"/>
      <c r="IG271" s="23"/>
      <c r="IH271" s="23"/>
      <c r="II271" s="23"/>
      <c r="IJ271" s="23"/>
      <c r="IK271" s="23"/>
      <c r="IL271" s="23"/>
      <c r="IM271" s="23"/>
      <c r="IN271" s="23"/>
      <c r="IO271" s="23"/>
      <c r="IP271" s="23"/>
      <c r="IQ271" s="23"/>
    </row>
    <row r="272" spans="1:251" s="50" customFormat="1" ht="18.75" customHeight="1">
      <c r="A272" s="34"/>
      <c r="B272" s="47"/>
      <c r="C272" s="130" t="s">
        <v>136</v>
      </c>
      <c r="D272" s="130"/>
      <c r="E272" s="130"/>
      <c r="F272" s="130"/>
      <c r="G272" s="130"/>
      <c r="H272" s="130"/>
      <c r="I272" s="130"/>
      <c r="J272" s="130"/>
      <c r="K272" s="130"/>
      <c r="L272" s="130"/>
      <c r="M272" s="130"/>
      <c r="N272" s="130"/>
      <c r="O272" s="130"/>
      <c r="P272" s="130"/>
      <c r="Q272" s="130"/>
      <c r="R272" s="130"/>
      <c r="S272" s="130"/>
      <c r="T272" s="130"/>
      <c r="U272" s="130"/>
      <c r="V272" s="130"/>
      <c r="W272" s="130"/>
      <c r="X272" s="130"/>
      <c r="Y272" s="130"/>
      <c r="Z272" s="52"/>
      <c r="AA272" s="132">
        <v>28453</v>
      </c>
      <c r="AB272" s="196"/>
      <c r="AC272" s="196"/>
      <c r="AD272" s="196"/>
      <c r="AE272" s="196"/>
      <c r="AF272" s="196"/>
      <c r="AG272" s="196"/>
      <c r="AH272" s="196"/>
      <c r="AI272" s="197"/>
      <c r="AJ272" s="132">
        <v>26910</v>
      </c>
      <c r="AK272" s="196"/>
      <c r="AL272" s="196"/>
      <c r="AM272" s="196"/>
      <c r="AN272" s="196"/>
      <c r="AO272" s="196"/>
      <c r="AP272" s="196"/>
      <c r="AQ272" s="196"/>
      <c r="AR272" s="197"/>
      <c r="AS272" s="132"/>
      <c r="AT272" s="196"/>
      <c r="AU272" s="196"/>
      <c r="AV272" s="196"/>
      <c r="AW272" s="196"/>
      <c r="AX272" s="202"/>
      <c r="AY272" s="23"/>
      <c r="AZ272" s="23"/>
      <c r="BA272" s="23"/>
      <c r="BB272" s="23"/>
      <c r="BC272" s="23"/>
      <c r="BD272" s="23"/>
      <c r="BE272" s="23"/>
      <c r="BF272" s="23"/>
      <c r="BG272" s="23"/>
      <c r="BH272" s="23"/>
      <c r="BI272" s="23"/>
      <c r="BJ272" s="23"/>
      <c r="BK272" s="23"/>
      <c r="BL272" s="23"/>
      <c r="BM272" s="23"/>
      <c r="BN272" s="23"/>
      <c r="BO272" s="23"/>
      <c r="BP272" s="23"/>
      <c r="BQ272" s="23"/>
      <c r="BR272" s="23"/>
      <c r="BS272" s="23"/>
      <c r="BT272" s="23"/>
      <c r="BU272" s="23"/>
      <c r="BV272" s="23"/>
      <c r="BW272" s="23"/>
      <c r="BX272" s="23"/>
      <c r="BY272" s="23"/>
      <c r="BZ272" s="23"/>
      <c r="CA272" s="23"/>
      <c r="CB272" s="23"/>
      <c r="CC272" s="23"/>
      <c r="CD272" s="23"/>
      <c r="CE272" s="23"/>
      <c r="CF272" s="23"/>
      <c r="CG272" s="23"/>
      <c r="CH272" s="23"/>
      <c r="CI272" s="23"/>
      <c r="CJ272" s="23"/>
      <c r="CK272" s="23"/>
      <c r="CL272" s="23"/>
      <c r="CM272" s="23"/>
      <c r="CN272" s="23"/>
      <c r="CO272" s="23"/>
      <c r="CP272" s="23"/>
      <c r="CQ272" s="23"/>
      <c r="CR272" s="23"/>
      <c r="CS272" s="23"/>
      <c r="CT272" s="23"/>
      <c r="CU272" s="23"/>
      <c r="CV272" s="23"/>
      <c r="CW272" s="23"/>
      <c r="CX272" s="23"/>
      <c r="CY272" s="23"/>
      <c r="CZ272" s="23"/>
      <c r="DA272" s="23"/>
      <c r="DB272" s="23"/>
      <c r="DC272" s="23"/>
      <c r="DD272" s="23"/>
      <c r="DE272" s="23"/>
      <c r="DF272" s="23"/>
      <c r="DG272" s="23"/>
      <c r="DH272" s="23"/>
      <c r="DI272" s="23"/>
      <c r="DJ272" s="23"/>
      <c r="DK272" s="23"/>
      <c r="DL272" s="23"/>
      <c r="DM272" s="23"/>
      <c r="DN272" s="23"/>
      <c r="DO272" s="23"/>
      <c r="DP272" s="23"/>
      <c r="DQ272" s="23"/>
      <c r="DR272" s="23"/>
      <c r="DS272" s="23"/>
      <c r="DT272" s="23"/>
      <c r="DU272" s="23"/>
      <c r="DV272" s="23"/>
      <c r="DW272" s="23"/>
      <c r="DX272" s="23"/>
      <c r="DY272" s="23"/>
      <c r="DZ272" s="23"/>
      <c r="EA272" s="23"/>
      <c r="EB272" s="23"/>
      <c r="EC272" s="23"/>
      <c r="ED272" s="23"/>
      <c r="EE272" s="23"/>
      <c r="EF272" s="23"/>
      <c r="EG272" s="23"/>
      <c r="EH272" s="23"/>
      <c r="EI272" s="23"/>
      <c r="EJ272" s="23"/>
      <c r="EK272" s="23"/>
      <c r="EL272" s="23"/>
      <c r="EM272" s="23"/>
      <c r="EN272" s="23"/>
      <c r="EO272" s="23"/>
      <c r="EP272" s="23"/>
      <c r="EQ272" s="23"/>
      <c r="ER272" s="23"/>
      <c r="ES272" s="23"/>
      <c r="ET272" s="23"/>
      <c r="EU272" s="23"/>
      <c r="EV272" s="23"/>
      <c r="EW272" s="23"/>
      <c r="EX272" s="23"/>
      <c r="EY272" s="23"/>
      <c r="EZ272" s="23"/>
      <c r="FA272" s="23"/>
      <c r="FB272" s="23"/>
      <c r="FC272" s="23"/>
      <c r="FD272" s="23"/>
      <c r="FE272" s="23"/>
      <c r="FF272" s="23"/>
      <c r="FG272" s="23"/>
      <c r="FH272" s="23"/>
      <c r="FI272" s="23"/>
      <c r="FJ272" s="23"/>
      <c r="FK272" s="23"/>
      <c r="FL272" s="23"/>
      <c r="FM272" s="23"/>
      <c r="FN272" s="23"/>
      <c r="FO272" s="23"/>
      <c r="FP272" s="23"/>
      <c r="FQ272" s="23"/>
      <c r="FR272" s="23"/>
      <c r="FS272" s="23"/>
      <c r="FT272" s="23"/>
      <c r="FU272" s="23"/>
      <c r="FV272" s="23"/>
      <c r="FW272" s="23"/>
      <c r="FX272" s="23"/>
      <c r="FY272" s="23"/>
      <c r="FZ272" s="23"/>
      <c r="GA272" s="23"/>
      <c r="GB272" s="23"/>
      <c r="GC272" s="23"/>
      <c r="GD272" s="23"/>
      <c r="GE272" s="23"/>
      <c r="GF272" s="23"/>
      <c r="GG272" s="23"/>
      <c r="GH272" s="23"/>
      <c r="GI272" s="23"/>
      <c r="GJ272" s="23"/>
      <c r="GK272" s="23"/>
      <c r="GL272" s="23"/>
      <c r="GM272" s="23"/>
      <c r="GN272" s="23"/>
      <c r="GO272" s="23"/>
      <c r="GP272" s="23"/>
      <c r="GQ272" s="23"/>
      <c r="GR272" s="23"/>
      <c r="GS272" s="23"/>
      <c r="GT272" s="23"/>
      <c r="GU272" s="23"/>
      <c r="GV272" s="23"/>
      <c r="GW272" s="23"/>
      <c r="GX272" s="23"/>
      <c r="GY272" s="23"/>
      <c r="GZ272" s="23"/>
      <c r="HA272" s="23"/>
      <c r="HB272" s="23"/>
      <c r="HC272" s="23"/>
      <c r="HD272" s="23"/>
      <c r="HE272" s="23"/>
      <c r="HF272" s="23"/>
      <c r="HG272" s="23"/>
      <c r="HH272" s="23"/>
      <c r="HI272" s="23"/>
      <c r="HJ272" s="23"/>
      <c r="HK272" s="23"/>
      <c r="HL272" s="23"/>
      <c r="HM272" s="23"/>
      <c r="HN272" s="23"/>
      <c r="HO272" s="23"/>
      <c r="HP272" s="23"/>
      <c r="HQ272" s="23"/>
      <c r="HR272" s="23"/>
      <c r="HS272" s="23"/>
      <c r="HT272" s="23"/>
      <c r="HU272" s="23"/>
      <c r="HV272" s="23"/>
      <c r="HW272" s="23"/>
      <c r="HX272" s="23"/>
      <c r="HY272" s="23"/>
      <c r="HZ272" s="23"/>
      <c r="IA272" s="23"/>
      <c r="IB272" s="23"/>
      <c r="IC272" s="23"/>
      <c r="ID272" s="23"/>
      <c r="IE272" s="23"/>
      <c r="IF272" s="23"/>
      <c r="IG272" s="23"/>
      <c r="IH272" s="23"/>
      <c r="II272" s="23"/>
      <c r="IJ272" s="23"/>
      <c r="IK272" s="23"/>
      <c r="IL272" s="23"/>
      <c r="IM272" s="23"/>
      <c r="IN272" s="23"/>
      <c r="IO272" s="23"/>
      <c r="IP272" s="23"/>
      <c r="IQ272" s="23"/>
    </row>
    <row r="273" spans="1:251" s="50" customFormat="1" ht="18.75" customHeight="1">
      <c r="A273" s="34"/>
      <c r="B273" s="47"/>
      <c r="C273" s="130"/>
      <c r="D273" s="130"/>
      <c r="E273" s="130"/>
      <c r="F273" s="130"/>
      <c r="G273" s="130"/>
      <c r="H273" s="130"/>
      <c r="I273" s="130"/>
      <c r="J273" s="130"/>
      <c r="K273" s="130"/>
      <c r="L273" s="130"/>
      <c r="M273" s="130"/>
      <c r="N273" s="130"/>
      <c r="O273" s="130"/>
      <c r="P273" s="130"/>
      <c r="Q273" s="130"/>
      <c r="R273" s="130"/>
      <c r="S273" s="130"/>
      <c r="T273" s="130"/>
      <c r="U273" s="130"/>
      <c r="V273" s="130"/>
      <c r="W273" s="130"/>
      <c r="X273" s="130"/>
      <c r="Y273" s="130"/>
      <c r="Z273" s="52"/>
      <c r="AA273" s="132"/>
      <c r="AB273" s="200"/>
      <c r="AC273" s="200"/>
      <c r="AD273" s="200"/>
      <c r="AE273" s="200"/>
      <c r="AF273" s="200"/>
      <c r="AG273" s="200"/>
      <c r="AH273" s="200"/>
      <c r="AI273" s="201"/>
      <c r="AJ273" s="132"/>
      <c r="AK273" s="196"/>
      <c r="AL273" s="196"/>
      <c r="AM273" s="196"/>
      <c r="AN273" s="196"/>
      <c r="AO273" s="196"/>
      <c r="AP273" s="196"/>
      <c r="AQ273" s="196"/>
      <c r="AR273" s="197"/>
      <c r="AS273" s="132"/>
      <c r="AT273" s="196"/>
      <c r="AU273" s="196"/>
      <c r="AV273" s="196"/>
      <c r="AW273" s="196"/>
      <c r="AX273" s="202"/>
      <c r="AY273" s="23"/>
      <c r="AZ273" s="23"/>
      <c r="BA273" s="23"/>
      <c r="BB273" s="23"/>
      <c r="BC273" s="23"/>
      <c r="BD273" s="23"/>
      <c r="BE273" s="23"/>
      <c r="BF273" s="23"/>
      <c r="BG273" s="23"/>
      <c r="BH273" s="23"/>
      <c r="BI273" s="23"/>
      <c r="BJ273" s="23"/>
      <c r="BK273" s="23"/>
      <c r="BL273" s="23"/>
      <c r="BM273" s="23"/>
      <c r="BN273" s="23"/>
      <c r="BO273" s="23"/>
      <c r="BP273" s="23"/>
      <c r="BQ273" s="23"/>
      <c r="BR273" s="23"/>
      <c r="BS273" s="23"/>
      <c r="BT273" s="23"/>
      <c r="BU273" s="23"/>
      <c r="BV273" s="23"/>
      <c r="BW273" s="23"/>
      <c r="BX273" s="23"/>
      <c r="BY273" s="23"/>
      <c r="BZ273" s="23"/>
      <c r="CA273" s="23"/>
      <c r="CB273" s="23"/>
      <c r="CC273" s="23"/>
      <c r="CD273" s="23"/>
      <c r="CE273" s="23"/>
      <c r="CF273" s="23"/>
      <c r="CG273" s="23"/>
      <c r="CH273" s="23"/>
      <c r="CI273" s="23"/>
      <c r="CJ273" s="23"/>
      <c r="CK273" s="23"/>
      <c r="CL273" s="23"/>
      <c r="CM273" s="23"/>
      <c r="CN273" s="23"/>
      <c r="CO273" s="23"/>
      <c r="CP273" s="23"/>
      <c r="CQ273" s="23"/>
      <c r="CR273" s="23"/>
      <c r="CS273" s="23"/>
      <c r="CT273" s="23"/>
      <c r="CU273" s="23"/>
      <c r="CV273" s="23"/>
      <c r="CW273" s="23"/>
      <c r="CX273" s="23"/>
      <c r="CY273" s="23"/>
      <c r="CZ273" s="23"/>
      <c r="DA273" s="23"/>
      <c r="DB273" s="23"/>
      <c r="DC273" s="23"/>
      <c r="DD273" s="23"/>
      <c r="DE273" s="23"/>
      <c r="DF273" s="23"/>
      <c r="DG273" s="23"/>
      <c r="DH273" s="23"/>
      <c r="DI273" s="23"/>
      <c r="DJ273" s="23"/>
      <c r="DK273" s="23"/>
      <c r="DL273" s="23"/>
      <c r="DM273" s="23"/>
      <c r="DN273" s="23"/>
      <c r="DO273" s="23"/>
      <c r="DP273" s="23"/>
      <c r="DQ273" s="23"/>
      <c r="DR273" s="23"/>
      <c r="DS273" s="23"/>
      <c r="DT273" s="23"/>
      <c r="DU273" s="23"/>
      <c r="DV273" s="23"/>
      <c r="DW273" s="23"/>
      <c r="DX273" s="23"/>
      <c r="DY273" s="23"/>
      <c r="DZ273" s="23"/>
      <c r="EA273" s="23"/>
      <c r="EB273" s="23"/>
      <c r="EC273" s="23"/>
      <c r="ED273" s="23"/>
      <c r="EE273" s="23"/>
      <c r="EF273" s="23"/>
      <c r="EG273" s="23"/>
      <c r="EH273" s="23"/>
      <c r="EI273" s="23"/>
      <c r="EJ273" s="23"/>
      <c r="EK273" s="23"/>
      <c r="EL273" s="23"/>
      <c r="EM273" s="23"/>
      <c r="EN273" s="23"/>
      <c r="EO273" s="23"/>
      <c r="EP273" s="23"/>
      <c r="EQ273" s="23"/>
      <c r="ER273" s="23"/>
      <c r="ES273" s="23"/>
      <c r="ET273" s="23"/>
      <c r="EU273" s="23"/>
      <c r="EV273" s="23"/>
      <c r="EW273" s="23"/>
      <c r="EX273" s="23"/>
      <c r="EY273" s="23"/>
      <c r="EZ273" s="23"/>
      <c r="FA273" s="23"/>
      <c r="FB273" s="23"/>
      <c r="FC273" s="23"/>
      <c r="FD273" s="23"/>
      <c r="FE273" s="23"/>
      <c r="FF273" s="23"/>
      <c r="FG273" s="23"/>
      <c r="FH273" s="23"/>
      <c r="FI273" s="23"/>
      <c r="FJ273" s="23"/>
      <c r="FK273" s="23"/>
      <c r="FL273" s="23"/>
      <c r="FM273" s="23"/>
      <c r="FN273" s="23"/>
      <c r="FO273" s="23"/>
      <c r="FP273" s="23"/>
      <c r="FQ273" s="23"/>
      <c r="FR273" s="23"/>
      <c r="FS273" s="23"/>
      <c r="FT273" s="23"/>
      <c r="FU273" s="23"/>
      <c r="FV273" s="23"/>
      <c r="FW273" s="23"/>
      <c r="FX273" s="23"/>
      <c r="FY273" s="23"/>
      <c r="FZ273" s="23"/>
      <c r="GA273" s="23"/>
      <c r="GB273" s="23"/>
      <c r="GC273" s="23"/>
      <c r="GD273" s="23"/>
      <c r="GE273" s="23"/>
      <c r="GF273" s="23"/>
      <c r="GG273" s="23"/>
      <c r="GH273" s="23"/>
      <c r="GI273" s="23"/>
      <c r="GJ273" s="23"/>
      <c r="GK273" s="23"/>
      <c r="GL273" s="23"/>
      <c r="GM273" s="23"/>
      <c r="GN273" s="23"/>
      <c r="GO273" s="23"/>
      <c r="GP273" s="23"/>
      <c r="GQ273" s="23"/>
      <c r="GR273" s="23"/>
      <c r="GS273" s="23"/>
      <c r="GT273" s="23"/>
      <c r="GU273" s="23"/>
      <c r="GV273" s="23"/>
      <c r="GW273" s="23"/>
      <c r="GX273" s="23"/>
      <c r="GY273" s="23"/>
      <c r="GZ273" s="23"/>
      <c r="HA273" s="23"/>
      <c r="HB273" s="23"/>
      <c r="HC273" s="23"/>
      <c r="HD273" s="23"/>
      <c r="HE273" s="23"/>
      <c r="HF273" s="23"/>
      <c r="HG273" s="23"/>
      <c r="HH273" s="23"/>
      <c r="HI273" s="23"/>
      <c r="HJ273" s="23"/>
      <c r="HK273" s="23"/>
      <c r="HL273" s="23"/>
      <c r="HM273" s="23"/>
      <c r="HN273" s="23"/>
      <c r="HO273" s="23"/>
      <c r="HP273" s="23"/>
      <c r="HQ273" s="23"/>
      <c r="HR273" s="23"/>
      <c r="HS273" s="23"/>
      <c r="HT273" s="23"/>
      <c r="HU273" s="23"/>
      <c r="HV273" s="23"/>
      <c r="HW273" s="23"/>
      <c r="HX273" s="23"/>
      <c r="HY273" s="23"/>
      <c r="HZ273" s="23"/>
      <c r="IA273" s="23"/>
      <c r="IB273" s="23"/>
      <c r="IC273" s="23"/>
      <c r="ID273" s="23"/>
      <c r="IE273" s="23"/>
      <c r="IF273" s="23"/>
      <c r="IG273" s="23"/>
      <c r="IH273" s="23"/>
      <c r="II273" s="23"/>
      <c r="IJ273" s="23"/>
      <c r="IK273" s="23"/>
      <c r="IL273" s="23"/>
      <c r="IM273" s="23"/>
      <c r="IN273" s="23"/>
      <c r="IO273" s="23"/>
      <c r="IP273" s="23"/>
      <c r="IQ273" s="23"/>
    </row>
    <row r="274" spans="1:251" s="50" customFormat="1" ht="18.75" customHeight="1">
      <c r="A274" s="34"/>
      <c r="B274" s="47"/>
      <c r="C274" s="130"/>
      <c r="D274" s="130"/>
      <c r="E274" s="130"/>
      <c r="F274" s="130"/>
      <c r="G274" s="130"/>
      <c r="H274" s="130"/>
      <c r="I274" s="130"/>
      <c r="J274" s="130"/>
      <c r="K274" s="130"/>
      <c r="L274" s="130"/>
      <c r="M274" s="130"/>
      <c r="N274" s="130"/>
      <c r="O274" s="130"/>
      <c r="P274" s="130"/>
      <c r="Q274" s="130"/>
      <c r="R274" s="130"/>
      <c r="S274" s="130"/>
      <c r="T274" s="130"/>
      <c r="U274" s="130"/>
      <c r="V274" s="130"/>
      <c r="W274" s="130"/>
      <c r="X274" s="130"/>
      <c r="Y274" s="130"/>
      <c r="Z274" s="52"/>
      <c r="AA274" s="132"/>
      <c r="AB274" s="200"/>
      <c r="AC274" s="200"/>
      <c r="AD274" s="200"/>
      <c r="AE274" s="200"/>
      <c r="AF274" s="200"/>
      <c r="AG274" s="200"/>
      <c r="AH274" s="200"/>
      <c r="AI274" s="201"/>
      <c r="AJ274" s="132"/>
      <c r="AK274" s="196"/>
      <c r="AL274" s="196"/>
      <c r="AM274" s="196"/>
      <c r="AN274" s="196"/>
      <c r="AO274" s="196"/>
      <c r="AP274" s="196"/>
      <c r="AQ274" s="196"/>
      <c r="AR274" s="197"/>
      <c r="AS274" s="132"/>
      <c r="AT274" s="196"/>
      <c r="AU274" s="196"/>
      <c r="AV274" s="196"/>
      <c r="AW274" s="196"/>
      <c r="AX274" s="202"/>
      <c r="AY274" s="23"/>
      <c r="AZ274" s="23"/>
      <c r="BA274" s="23"/>
      <c r="BB274" s="23"/>
      <c r="BC274" s="23"/>
      <c r="BD274" s="23"/>
      <c r="BE274" s="23"/>
      <c r="BF274" s="23"/>
      <c r="BG274" s="23"/>
      <c r="BH274" s="23"/>
      <c r="BI274" s="23"/>
      <c r="BJ274" s="23"/>
      <c r="BK274" s="23"/>
      <c r="BL274" s="23"/>
      <c r="BM274" s="23"/>
      <c r="BN274" s="23"/>
      <c r="BO274" s="23"/>
      <c r="BP274" s="23"/>
      <c r="BQ274" s="23"/>
      <c r="BR274" s="23"/>
      <c r="BS274" s="23"/>
      <c r="BT274" s="23"/>
      <c r="BU274" s="23"/>
      <c r="BV274" s="23"/>
      <c r="BW274" s="23"/>
      <c r="BX274" s="23"/>
      <c r="BY274" s="23"/>
      <c r="BZ274" s="23"/>
      <c r="CA274" s="23"/>
      <c r="CB274" s="23"/>
      <c r="CC274" s="23"/>
      <c r="CD274" s="23"/>
      <c r="CE274" s="23"/>
      <c r="CF274" s="23"/>
      <c r="CG274" s="23"/>
      <c r="CH274" s="23"/>
      <c r="CI274" s="23"/>
      <c r="CJ274" s="23"/>
      <c r="CK274" s="23"/>
      <c r="CL274" s="23"/>
      <c r="CM274" s="23"/>
      <c r="CN274" s="23"/>
      <c r="CO274" s="23"/>
      <c r="CP274" s="23"/>
      <c r="CQ274" s="23"/>
      <c r="CR274" s="23"/>
      <c r="CS274" s="23"/>
      <c r="CT274" s="23"/>
      <c r="CU274" s="23"/>
      <c r="CV274" s="23"/>
      <c r="CW274" s="23"/>
      <c r="CX274" s="23"/>
      <c r="CY274" s="23"/>
      <c r="CZ274" s="23"/>
      <c r="DA274" s="23"/>
      <c r="DB274" s="23"/>
      <c r="DC274" s="23"/>
      <c r="DD274" s="23"/>
      <c r="DE274" s="23"/>
      <c r="DF274" s="23"/>
      <c r="DG274" s="23"/>
      <c r="DH274" s="23"/>
      <c r="DI274" s="23"/>
      <c r="DJ274" s="23"/>
      <c r="DK274" s="23"/>
      <c r="DL274" s="23"/>
      <c r="DM274" s="23"/>
      <c r="DN274" s="23"/>
      <c r="DO274" s="23"/>
      <c r="DP274" s="23"/>
      <c r="DQ274" s="23"/>
      <c r="DR274" s="23"/>
      <c r="DS274" s="23"/>
      <c r="DT274" s="23"/>
      <c r="DU274" s="23"/>
      <c r="DV274" s="23"/>
      <c r="DW274" s="23"/>
      <c r="DX274" s="23"/>
      <c r="DY274" s="23"/>
      <c r="DZ274" s="23"/>
      <c r="EA274" s="23"/>
      <c r="EB274" s="23"/>
      <c r="EC274" s="23"/>
      <c r="ED274" s="23"/>
      <c r="EE274" s="23"/>
      <c r="EF274" s="23"/>
      <c r="EG274" s="23"/>
      <c r="EH274" s="23"/>
      <c r="EI274" s="23"/>
      <c r="EJ274" s="23"/>
      <c r="EK274" s="23"/>
      <c r="EL274" s="23"/>
      <c r="EM274" s="23"/>
      <c r="EN274" s="23"/>
      <c r="EO274" s="23"/>
      <c r="EP274" s="23"/>
      <c r="EQ274" s="23"/>
      <c r="ER274" s="23"/>
      <c r="ES274" s="23"/>
      <c r="ET274" s="23"/>
      <c r="EU274" s="23"/>
      <c r="EV274" s="23"/>
      <c r="EW274" s="23"/>
      <c r="EX274" s="23"/>
      <c r="EY274" s="23"/>
      <c r="EZ274" s="23"/>
      <c r="FA274" s="23"/>
      <c r="FB274" s="23"/>
      <c r="FC274" s="23"/>
      <c r="FD274" s="23"/>
      <c r="FE274" s="23"/>
      <c r="FF274" s="23"/>
      <c r="FG274" s="23"/>
      <c r="FH274" s="23"/>
      <c r="FI274" s="23"/>
      <c r="FJ274" s="23"/>
      <c r="FK274" s="23"/>
      <c r="FL274" s="23"/>
      <c r="FM274" s="23"/>
      <c r="FN274" s="23"/>
      <c r="FO274" s="23"/>
      <c r="FP274" s="23"/>
      <c r="FQ274" s="23"/>
      <c r="FR274" s="23"/>
      <c r="FS274" s="23"/>
      <c r="FT274" s="23"/>
      <c r="FU274" s="23"/>
      <c r="FV274" s="23"/>
      <c r="FW274" s="23"/>
      <c r="FX274" s="23"/>
      <c r="FY274" s="23"/>
      <c r="FZ274" s="23"/>
      <c r="GA274" s="23"/>
      <c r="GB274" s="23"/>
      <c r="GC274" s="23"/>
      <c r="GD274" s="23"/>
      <c r="GE274" s="23"/>
      <c r="GF274" s="23"/>
      <c r="GG274" s="23"/>
      <c r="GH274" s="23"/>
      <c r="GI274" s="23"/>
      <c r="GJ274" s="23"/>
      <c r="GK274" s="23"/>
      <c r="GL274" s="23"/>
      <c r="GM274" s="23"/>
      <c r="GN274" s="23"/>
      <c r="GO274" s="23"/>
      <c r="GP274" s="23"/>
      <c r="GQ274" s="23"/>
      <c r="GR274" s="23"/>
      <c r="GS274" s="23"/>
      <c r="GT274" s="23"/>
      <c r="GU274" s="23"/>
      <c r="GV274" s="23"/>
      <c r="GW274" s="23"/>
      <c r="GX274" s="23"/>
      <c r="GY274" s="23"/>
      <c r="GZ274" s="23"/>
      <c r="HA274" s="23"/>
      <c r="HB274" s="23"/>
      <c r="HC274" s="23"/>
      <c r="HD274" s="23"/>
      <c r="HE274" s="23"/>
      <c r="HF274" s="23"/>
      <c r="HG274" s="23"/>
      <c r="HH274" s="23"/>
      <c r="HI274" s="23"/>
      <c r="HJ274" s="23"/>
      <c r="HK274" s="23"/>
      <c r="HL274" s="23"/>
      <c r="HM274" s="23"/>
      <c r="HN274" s="23"/>
      <c r="HO274" s="23"/>
      <c r="HP274" s="23"/>
      <c r="HQ274" s="23"/>
      <c r="HR274" s="23"/>
      <c r="HS274" s="23"/>
      <c r="HT274" s="23"/>
      <c r="HU274" s="23"/>
      <c r="HV274" s="23"/>
      <c r="HW274" s="23"/>
      <c r="HX274" s="23"/>
      <c r="HY274" s="23"/>
      <c r="HZ274" s="23"/>
      <c r="IA274" s="23"/>
      <c r="IB274" s="23"/>
      <c r="IC274" s="23"/>
      <c r="ID274" s="23"/>
      <c r="IE274" s="23"/>
      <c r="IF274" s="23"/>
      <c r="IG274" s="23"/>
      <c r="IH274" s="23"/>
      <c r="II274" s="23"/>
      <c r="IJ274" s="23"/>
      <c r="IK274" s="23"/>
      <c r="IL274" s="23"/>
      <c r="IM274" s="23"/>
      <c r="IN274" s="23"/>
      <c r="IO274" s="23"/>
      <c r="IP274" s="23"/>
      <c r="IQ274" s="23"/>
    </row>
    <row r="275" spans="1:251" s="50" customFormat="1" ht="18.75" customHeight="1">
      <c r="A275" s="34"/>
      <c r="B275" s="48"/>
      <c r="C275" s="130"/>
      <c r="D275" s="130"/>
      <c r="E275" s="130"/>
      <c r="F275" s="130"/>
      <c r="G275" s="130"/>
      <c r="H275" s="130"/>
      <c r="I275" s="130"/>
      <c r="J275" s="130"/>
      <c r="K275" s="130"/>
      <c r="L275" s="130"/>
      <c r="M275" s="130"/>
      <c r="N275" s="130"/>
      <c r="O275" s="130"/>
      <c r="P275" s="130"/>
      <c r="Q275" s="130"/>
      <c r="R275" s="130"/>
      <c r="S275" s="130"/>
      <c r="T275" s="130"/>
      <c r="U275" s="130"/>
      <c r="V275" s="130"/>
      <c r="W275" s="130"/>
      <c r="X275" s="130"/>
      <c r="Y275" s="130"/>
      <c r="Z275" s="53"/>
      <c r="AA275" s="132"/>
      <c r="AB275" s="200"/>
      <c r="AC275" s="200"/>
      <c r="AD275" s="200"/>
      <c r="AE275" s="200"/>
      <c r="AF275" s="200"/>
      <c r="AG275" s="200"/>
      <c r="AH275" s="200"/>
      <c r="AI275" s="201"/>
      <c r="AJ275" s="132"/>
      <c r="AK275" s="196"/>
      <c r="AL275" s="196"/>
      <c r="AM275" s="196"/>
      <c r="AN275" s="196"/>
      <c r="AO275" s="196"/>
      <c r="AP275" s="196"/>
      <c r="AQ275" s="196"/>
      <c r="AR275" s="197"/>
      <c r="AS275" s="136"/>
      <c r="AT275" s="198"/>
      <c r="AU275" s="198"/>
      <c r="AV275" s="198"/>
      <c r="AW275" s="198"/>
      <c r="AX275" s="199"/>
      <c r="AY275" s="23"/>
      <c r="AZ275" s="23"/>
      <c r="BA275" s="23"/>
      <c r="BB275" s="23"/>
      <c r="BC275" s="23"/>
      <c r="BD275" s="23"/>
      <c r="BE275" s="23"/>
      <c r="BF275" s="23"/>
      <c r="BG275" s="23"/>
      <c r="BH275" s="23"/>
      <c r="BI275" s="23"/>
      <c r="BJ275" s="23"/>
      <c r="BK275" s="23"/>
      <c r="BL275" s="23"/>
      <c r="BM275" s="23"/>
      <c r="BN275" s="23"/>
      <c r="BO275" s="23"/>
      <c r="BP275" s="23"/>
      <c r="BQ275" s="23"/>
      <c r="BR275" s="23"/>
      <c r="BS275" s="23"/>
      <c r="BT275" s="23"/>
      <c r="BU275" s="23"/>
      <c r="BV275" s="23"/>
      <c r="BW275" s="23"/>
      <c r="BX275" s="23"/>
      <c r="BY275" s="23"/>
      <c r="BZ275" s="23"/>
      <c r="CA275" s="23"/>
      <c r="CB275" s="23"/>
      <c r="CC275" s="23"/>
      <c r="CD275" s="23"/>
      <c r="CE275" s="23"/>
      <c r="CF275" s="23"/>
      <c r="CG275" s="23"/>
      <c r="CH275" s="23"/>
      <c r="CI275" s="23"/>
      <c r="CJ275" s="23"/>
      <c r="CK275" s="23"/>
      <c r="CL275" s="23"/>
      <c r="CM275" s="23"/>
      <c r="CN275" s="23"/>
      <c r="CO275" s="23"/>
      <c r="CP275" s="23"/>
      <c r="CQ275" s="23"/>
      <c r="CR275" s="23"/>
      <c r="CS275" s="23"/>
      <c r="CT275" s="23"/>
      <c r="CU275" s="23"/>
      <c r="CV275" s="23"/>
      <c r="CW275" s="23"/>
      <c r="CX275" s="23"/>
      <c r="CY275" s="23"/>
      <c r="CZ275" s="23"/>
      <c r="DA275" s="23"/>
      <c r="DB275" s="23"/>
      <c r="DC275" s="23"/>
      <c r="DD275" s="23"/>
      <c r="DE275" s="23"/>
      <c r="DF275" s="23"/>
      <c r="DG275" s="23"/>
      <c r="DH275" s="23"/>
      <c r="DI275" s="23"/>
      <c r="DJ275" s="23"/>
      <c r="DK275" s="23"/>
      <c r="DL275" s="23"/>
      <c r="DM275" s="23"/>
      <c r="DN275" s="23"/>
      <c r="DO275" s="23"/>
      <c r="DP275" s="23"/>
      <c r="DQ275" s="23"/>
      <c r="DR275" s="23"/>
      <c r="DS275" s="23"/>
      <c r="DT275" s="23"/>
      <c r="DU275" s="23"/>
      <c r="DV275" s="23"/>
      <c r="DW275" s="23"/>
      <c r="DX275" s="23"/>
      <c r="DY275" s="23"/>
      <c r="DZ275" s="23"/>
      <c r="EA275" s="23"/>
      <c r="EB275" s="23"/>
      <c r="EC275" s="23"/>
      <c r="ED275" s="23"/>
      <c r="EE275" s="23"/>
      <c r="EF275" s="23"/>
      <c r="EG275" s="23"/>
      <c r="EH275" s="23"/>
      <c r="EI275" s="23"/>
      <c r="EJ275" s="23"/>
      <c r="EK275" s="23"/>
      <c r="EL275" s="23"/>
      <c r="EM275" s="23"/>
      <c r="EN275" s="23"/>
      <c r="EO275" s="23"/>
      <c r="EP275" s="23"/>
      <c r="EQ275" s="23"/>
      <c r="ER275" s="23"/>
      <c r="ES275" s="23"/>
      <c r="ET275" s="23"/>
      <c r="EU275" s="23"/>
      <c r="EV275" s="23"/>
      <c r="EW275" s="23"/>
      <c r="EX275" s="23"/>
      <c r="EY275" s="23"/>
      <c r="EZ275" s="23"/>
      <c r="FA275" s="23"/>
      <c r="FB275" s="23"/>
      <c r="FC275" s="23"/>
      <c r="FD275" s="23"/>
      <c r="FE275" s="23"/>
      <c r="FF275" s="23"/>
      <c r="FG275" s="23"/>
      <c r="FH275" s="23"/>
      <c r="FI275" s="23"/>
      <c r="FJ275" s="23"/>
      <c r="FK275" s="23"/>
      <c r="FL275" s="23"/>
      <c r="FM275" s="23"/>
      <c r="FN275" s="23"/>
      <c r="FO275" s="23"/>
      <c r="FP275" s="23"/>
      <c r="FQ275" s="23"/>
      <c r="FR275" s="23"/>
      <c r="FS275" s="23"/>
      <c r="FT275" s="23"/>
      <c r="FU275" s="23"/>
      <c r="FV275" s="23"/>
      <c r="FW275" s="23"/>
      <c r="FX275" s="23"/>
      <c r="FY275" s="23"/>
      <c r="FZ275" s="23"/>
      <c r="GA275" s="23"/>
      <c r="GB275" s="23"/>
      <c r="GC275" s="23"/>
      <c r="GD275" s="23"/>
      <c r="GE275" s="23"/>
      <c r="GF275" s="23"/>
      <c r="GG275" s="23"/>
      <c r="GH275" s="23"/>
      <c r="GI275" s="23"/>
      <c r="GJ275" s="23"/>
      <c r="GK275" s="23"/>
      <c r="GL275" s="23"/>
      <c r="GM275" s="23"/>
      <c r="GN275" s="23"/>
      <c r="GO275" s="23"/>
      <c r="GP275" s="23"/>
      <c r="GQ275" s="23"/>
      <c r="GR275" s="23"/>
      <c r="GS275" s="23"/>
      <c r="GT275" s="23"/>
      <c r="GU275" s="23"/>
      <c r="GV275" s="23"/>
      <c r="GW275" s="23"/>
      <c r="GX275" s="23"/>
      <c r="GY275" s="23"/>
      <c r="GZ275" s="23"/>
      <c r="HA275" s="23"/>
      <c r="HB275" s="23"/>
      <c r="HC275" s="23"/>
      <c r="HD275" s="23"/>
      <c r="HE275" s="23"/>
      <c r="HF275" s="23"/>
      <c r="HG275" s="23"/>
      <c r="HH275" s="23"/>
      <c r="HI275" s="23"/>
      <c r="HJ275" s="23"/>
      <c r="HK275" s="23"/>
      <c r="HL275" s="23"/>
      <c r="HM275" s="23"/>
      <c r="HN275" s="23"/>
      <c r="HO275" s="23"/>
      <c r="HP275" s="23"/>
      <c r="HQ275" s="23"/>
      <c r="HR275" s="23"/>
      <c r="HS275" s="23"/>
      <c r="HT275" s="23"/>
      <c r="HU275" s="23"/>
      <c r="HV275" s="23"/>
      <c r="HW275" s="23"/>
      <c r="HX275" s="23"/>
      <c r="HY275" s="23"/>
      <c r="HZ275" s="23"/>
      <c r="IA275" s="23"/>
      <c r="IB275" s="23"/>
      <c r="IC275" s="23"/>
      <c r="ID275" s="23"/>
      <c r="IE275" s="23"/>
      <c r="IF275" s="23"/>
      <c r="IG275" s="23"/>
      <c r="IH275" s="23"/>
      <c r="II275" s="23"/>
      <c r="IJ275" s="23"/>
      <c r="IK275" s="23"/>
      <c r="IL275" s="23"/>
      <c r="IM275" s="23"/>
      <c r="IN275" s="23"/>
      <c r="IO275" s="23"/>
      <c r="IP275" s="23"/>
      <c r="IQ275" s="23"/>
    </row>
    <row r="276" spans="1:251" s="50" customFormat="1" ht="18.75" customHeight="1">
      <c r="A276" s="34"/>
      <c r="B276" s="47"/>
      <c r="C276" s="130"/>
      <c r="D276" s="130"/>
      <c r="E276" s="130"/>
      <c r="F276" s="130"/>
      <c r="G276" s="130"/>
      <c r="H276" s="130"/>
      <c r="I276" s="130"/>
      <c r="J276" s="130"/>
      <c r="K276" s="130"/>
      <c r="L276" s="130"/>
      <c r="M276" s="130"/>
      <c r="N276" s="130"/>
      <c r="O276" s="130"/>
      <c r="P276" s="130"/>
      <c r="Q276" s="130"/>
      <c r="R276" s="130"/>
      <c r="S276" s="130"/>
      <c r="T276" s="130"/>
      <c r="U276" s="130"/>
      <c r="V276" s="130"/>
      <c r="W276" s="130"/>
      <c r="X276" s="130"/>
      <c r="Y276" s="130"/>
      <c r="Z276" s="52"/>
      <c r="AA276" s="132"/>
      <c r="AB276" s="200"/>
      <c r="AC276" s="200"/>
      <c r="AD276" s="200"/>
      <c r="AE276" s="200"/>
      <c r="AF276" s="200"/>
      <c r="AG276" s="200"/>
      <c r="AH276" s="200"/>
      <c r="AI276" s="201"/>
      <c r="AJ276" s="132"/>
      <c r="AK276" s="196"/>
      <c r="AL276" s="196"/>
      <c r="AM276" s="196"/>
      <c r="AN276" s="196"/>
      <c r="AO276" s="196"/>
      <c r="AP276" s="196"/>
      <c r="AQ276" s="196"/>
      <c r="AR276" s="197"/>
      <c r="AS276" s="132"/>
      <c r="AT276" s="196"/>
      <c r="AU276" s="196"/>
      <c r="AV276" s="196"/>
      <c r="AW276" s="196"/>
      <c r="AX276" s="202"/>
      <c r="AY276" s="23"/>
      <c r="AZ276" s="23"/>
      <c r="BA276" s="23"/>
      <c r="BB276" s="23"/>
      <c r="BC276" s="23"/>
      <c r="BD276" s="23"/>
      <c r="BE276" s="23"/>
      <c r="BF276" s="23"/>
      <c r="BG276" s="23"/>
      <c r="BH276" s="23"/>
      <c r="BI276" s="23"/>
      <c r="BJ276" s="23"/>
      <c r="BK276" s="23"/>
      <c r="BL276" s="23"/>
      <c r="BM276" s="23"/>
      <c r="BN276" s="23"/>
      <c r="BO276" s="23"/>
      <c r="BP276" s="23"/>
      <c r="BQ276" s="23"/>
      <c r="BR276" s="23"/>
      <c r="BS276" s="23"/>
      <c r="BT276" s="23"/>
      <c r="BU276" s="23"/>
      <c r="BV276" s="23"/>
      <c r="BW276" s="23"/>
      <c r="BX276" s="23"/>
      <c r="BY276" s="23"/>
      <c r="BZ276" s="23"/>
      <c r="CA276" s="23"/>
      <c r="CB276" s="23"/>
      <c r="CC276" s="23"/>
      <c r="CD276" s="23"/>
      <c r="CE276" s="23"/>
      <c r="CF276" s="23"/>
      <c r="CG276" s="23"/>
      <c r="CH276" s="23"/>
      <c r="CI276" s="23"/>
      <c r="CJ276" s="23"/>
      <c r="CK276" s="23"/>
      <c r="CL276" s="23"/>
      <c r="CM276" s="23"/>
      <c r="CN276" s="23"/>
      <c r="CO276" s="23"/>
      <c r="CP276" s="23"/>
      <c r="CQ276" s="23"/>
      <c r="CR276" s="23"/>
      <c r="CS276" s="23"/>
      <c r="CT276" s="23"/>
      <c r="CU276" s="23"/>
      <c r="CV276" s="23"/>
      <c r="CW276" s="23"/>
      <c r="CX276" s="23"/>
      <c r="CY276" s="23"/>
      <c r="CZ276" s="23"/>
      <c r="DA276" s="23"/>
      <c r="DB276" s="23"/>
      <c r="DC276" s="23"/>
      <c r="DD276" s="23"/>
      <c r="DE276" s="23"/>
      <c r="DF276" s="23"/>
      <c r="DG276" s="23"/>
      <c r="DH276" s="23"/>
      <c r="DI276" s="23"/>
      <c r="DJ276" s="23"/>
      <c r="DK276" s="23"/>
      <c r="DL276" s="23"/>
      <c r="DM276" s="23"/>
      <c r="DN276" s="23"/>
      <c r="DO276" s="23"/>
      <c r="DP276" s="23"/>
      <c r="DQ276" s="23"/>
      <c r="DR276" s="23"/>
      <c r="DS276" s="23"/>
      <c r="DT276" s="23"/>
      <c r="DU276" s="23"/>
      <c r="DV276" s="23"/>
      <c r="DW276" s="23"/>
      <c r="DX276" s="23"/>
      <c r="DY276" s="23"/>
      <c r="DZ276" s="23"/>
      <c r="EA276" s="23"/>
      <c r="EB276" s="23"/>
      <c r="EC276" s="23"/>
      <c r="ED276" s="23"/>
      <c r="EE276" s="23"/>
      <c r="EF276" s="23"/>
      <c r="EG276" s="23"/>
      <c r="EH276" s="23"/>
      <c r="EI276" s="23"/>
      <c r="EJ276" s="23"/>
      <c r="EK276" s="23"/>
      <c r="EL276" s="23"/>
      <c r="EM276" s="23"/>
      <c r="EN276" s="23"/>
      <c r="EO276" s="23"/>
      <c r="EP276" s="23"/>
      <c r="EQ276" s="23"/>
      <c r="ER276" s="23"/>
      <c r="ES276" s="23"/>
      <c r="ET276" s="23"/>
      <c r="EU276" s="23"/>
      <c r="EV276" s="23"/>
      <c r="EW276" s="23"/>
      <c r="EX276" s="23"/>
      <c r="EY276" s="23"/>
      <c r="EZ276" s="23"/>
      <c r="FA276" s="23"/>
      <c r="FB276" s="23"/>
      <c r="FC276" s="23"/>
      <c r="FD276" s="23"/>
      <c r="FE276" s="23"/>
      <c r="FF276" s="23"/>
      <c r="FG276" s="23"/>
      <c r="FH276" s="23"/>
      <c r="FI276" s="23"/>
      <c r="FJ276" s="23"/>
      <c r="FK276" s="23"/>
      <c r="FL276" s="23"/>
      <c r="FM276" s="23"/>
      <c r="FN276" s="23"/>
      <c r="FO276" s="23"/>
      <c r="FP276" s="23"/>
      <c r="FQ276" s="23"/>
      <c r="FR276" s="23"/>
      <c r="FS276" s="23"/>
      <c r="FT276" s="23"/>
      <c r="FU276" s="23"/>
      <c r="FV276" s="23"/>
      <c r="FW276" s="23"/>
      <c r="FX276" s="23"/>
      <c r="FY276" s="23"/>
      <c r="FZ276" s="23"/>
      <c r="GA276" s="23"/>
      <c r="GB276" s="23"/>
      <c r="GC276" s="23"/>
      <c r="GD276" s="23"/>
      <c r="GE276" s="23"/>
      <c r="GF276" s="23"/>
      <c r="GG276" s="23"/>
      <c r="GH276" s="23"/>
      <c r="GI276" s="23"/>
      <c r="GJ276" s="23"/>
      <c r="GK276" s="23"/>
      <c r="GL276" s="23"/>
      <c r="GM276" s="23"/>
      <c r="GN276" s="23"/>
      <c r="GO276" s="23"/>
      <c r="GP276" s="23"/>
      <c r="GQ276" s="23"/>
      <c r="GR276" s="23"/>
      <c r="GS276" s="23"/>
      <c r="GT276" s="23"/>
      <c r="GU276" s="23"/>
      <c r="GV276" s="23"/>
      <c r="GW276" s="23"/>
      <c r="GX276" s="23"/>
      <c r="GY276" s="23"/>
      <c r="GZ276" s="23"/>
      <c r="HA276" s="23"/>
      <c r="HB276" s="23"/>
      <c r="HC276" s="23"/>
      <c r="HD276" s="23"/>
      <c r="HE276" s="23"/>
      <c r="HF276" s="23"/>
      <c r="HG276" s="23"/>
      <c r="HH276" s="23"/>
      <c r="HI276" s="23"/>
      <c r="HJ276" s="23"/>
      <c r="HK276" s="23"/>
      <c r="HL276" s="23"/>
      <c r="HM276" s="23"/>
      <c r="HN276" s="23"/>
      <c r="HO276" s="23"/>
      <c r="HP276" s="23"/>
      <c r="HQ276" s="23"/>
      <c r="HR276" s="23"/>
      <c r="HS276" s="23"/>
      <c r="HT276" s="23"/>
      <c r="HU276" s="23"/>
      <c r="HV276" s="23"/>
      <c r="HW276" s="23"/>
      <c r="HX276" s="23"/>
      <c r="HY276" s="23"/>
      <c r="HZ276" s="23"/>
      <c r="IA276" s="23"/>
      <c r="IB276" s="23"/>
      <c r="IC276" s="23"/>
      <c r="ID276" s="23"/>
      <c r="IE276" s="23"/>
      <c r="IF276" s="23"/>
      <c r="IG276" s="23"/>
      <c r="IH276" s="23"/>
      <c r="II276" s="23"/>
      <c r="IJ276" s="23"/>
      <c r="IK276" s="23"/>
      <c r="IL276" s="23"/>
      <c r="IM276" s="23"/>
      <c r="IN276" s="23"/>
      <c r="IO276" s="23"/>
      <c r="IP276" s="23"/>
      <c r="IQ276" s="23"/>
    </row>
    <row r="277" spans="1:251" s="50" customFormat="1" ht="18.75" customHeight="1">
      <c r="A277" s="34"/>
      <c r="B277" s="48"/>
      <c r="C277" s="130"/>
      <c r="D277" s="130"/>
      <c r="E277" s="130"/>
      <c r="F277" s="130"/>
      <c r="G277" s="130"/>
      <c r="H277" s="130"/>
      <c r="I277" s="130"/>
      <c r="J277" s="130"/>
      <c r="K277" s="130"/>
      <c r="L277" s="130"/>
      <c r="M277" s="130"/>
      <c r="N277" s="130"/>
      <c r="O277" s="130"/>
      <c r="P277" s="130"/>
      <c r="Q277" s="130"/>
      <c r="R277" s="130"/>
      <c r="S277" s="130"/>
      <c r="T277" s="130"/>
      <c r="U277" s="130"/>
      <c r="V277" s="130"/>
      <c r="W277" s="130"/>
      <c r="X277" s="130"/>
      <c r="Y277" s="130"/>
      <c r="Z277" s="54"/>
      <c r="AA277" s="132"/>
      <c r="AB277" s="200"/>
      <c r="AC277" s="200"/>
      <c r="AD277" s="200"/>
      <c r="AE277" s="200"/>
      <c r="AF277" s="200"/>
      <c r="AG277" s="200"/>
      <c r="AH277" s="200"/>
      <c r="AI277" s="201"/>
      <c r="AJ277" s="132"/>
      <c r="AK277" s="133"/>
      <c r="AL277" s="133"/>
      <c r="AM277" s="133"/>
      <c r="AN277" s="133"/>
      <c r="AO277" s="133"/>
      <c r="AP277" s="133"/>
      <c r="AQ277" s="133"/>
      <c r="AR277" s="134"/>
      <c r="AS277" s="132"/>
      <c r="AT277" s="196"/>
      <c r="AU277" s="196"/>
      <c r="AV277" s="196"/>
      <c r="AW277" s="196"/>
      <c r="AX277" s="202"/>
      <c r="AY277" s="23"/>
      <c r="AZ277" s="23"/>
      <c r="BA277" s="23"/>
      <c r="BB277" s="23"/>
      <c r="BC277" s="23"/>
      <c r="BD277" s="23"/>
      <c r="BE277" s="23"/>
      <c r="BF277" s="23"/>
      <c r="BG277" s="23"/>
      <c r="BH277" s="23"/>
      <c r="BI277" s="23"/>
      <c r="BJ277" s="23"/>
      <c r="BK277" s="23"/>
      <c r="BL277" s="23"/>
      <c r="BM277" s="23"/>
      <c r="BN277" s="23"/>
      <c r="BO277" s="23"/>
      <c r="BP277" s="23"/>
      <c r="BQ277" s="23"/>
      <c r="BR277" s="23"/>
      <c r="BS277" s="23"/>
      <c r="BT277" s="23"/>
      <c r="BU277" s="23"/>
      <c r="BV277" s="23"/>
      <c r="BW277" s="23"/>
      <c r="BX277" s="23"/>
      <c r="BY277" s="23"/>
      <c r="BZ277" s="23"/>
      <c r="CA277" s="23"/>
      <c r="CB277" s="23"/>
      <c r="CC277" s="23"/>
      <c r="CD277" s="23"/>
      <c r="CE277" s="23"/>
      <c r="CF277" s="23"/>
      <c r="CG277" s="23"/>
      <c r="CH277" s="23"/>
      <c r="CI277" s="23"/>
      <c r="CJ277" s="23"/>
      <c r="CK277" s="23"/>
      <c r="CL277" s="23"/>
      <c r="CM277" s="23"/>
      <c r="CN277" s="23"/>
      <c r="CO277" s="23"/>
      <c r="CP277" s="23"/>
      <c r="CQ277" s="23"/>
      <c r="CR277" s="23"/>
      <c r="CS277" s="23"/>
      <c r="CT277" s="23"/>
      <c r="CU277" s="23"/>
      <c r="CV277" s="23"/>
      <c r="CW277" s="23"/>
      <c r="CX277" s="23"/>
      <c r="CY277" s="23"/>
      <c r="CZ277" s="23"/>
      <c r="DA277" s="23"/>
      <c r="DB277" s="23"/>
      <c r="DC277" s="23"/>
      <c r="DD277" s="23"/>
      <c r="DE277" s="23"/>
      <c r="DF277" s="23"/>
      <c r="DG277" s="23"/>
      <c r="DH277" s="23"/>
      <c r="DI277" s="23"/>
      <c r="DJ277" s="23"/>
      <c r="DK277" s="23"/>
      <c r="DL277" s="23"/>
      <c r="DM277" s="23"/>
      <c r="DN277" s="23"/>
      <c r="DO277" s="23"/>
      <c r="DP277" s="23"/>
      <c r="DQ277" s="23"/>
      <c r="DR277" s="23"/>
      <c r="DS277" s="23"/>
      <c r="DT277" s="23"/>
      <c r="DU277" s="23"/>
      <c r="DV277" s="23"/>
      <c r="DW277" s="23"/>
      <c r="DX277" s="23"/>
      <c r="DY277" s="23"/>
      <c r="DZ277" s="23"/>
      <c r="EA277" s="23"/>
      <c r="EB277" s="23"/>
      <c r="EC277" s="23"/>
      <c r="ED277" s="23"/>
      <c r="EE277" s="23"/>
      <c r="EF277" s="23"/>
      <c r="EG277" s="23"/>
      <c r="EH277" s="23"/>
      <c r="EI277" s="23"/>
      <c r="EJ277" s="23"/>
      <c r="EK277" s="23"/>
      <c r="EL277" s="23"/>
      <c r="EM277" s="23"/>
      <c r="EN277" s="23"/>
      <c r="EO277" s="23"/>
      <c r="EP277" s="23"/>
      <c r="EQ277" s="23"/>
      <c r="ER277" s="23"/>
      <c r="ES277" s="23"/>
      <c r="ET277" s="23"/>
      <c r="EU277" s="23"/>
      <c r="EV277" s="23"/>
      <c r="EW277" s="23"/>
      <c r="EX277" s="23"/>
      <c r="EY277" s="23"/>
      <c r="EZ277" s="23"/>
      <c r="FA277" s="23"/>
      <c r="FB277" s="23"/>
      <c r="FC277" s="23"/>
      <c r="FD277" s="23"/>
      <c r="FE277" s="23"/>
      <c r="FF277" s="23"/>
      <c r="FG277" s="23"/>
      <c r="FH277" s="23"/>
      <c r="FI277" s="23"/>
      <c r="FJ277" s="23"/>
      <c r="FK277" s="23"/>
      <c r="FL277" s="23"/>
      <c r="FM277" s="23"/>
      <c r="FN277" s="23"/>
      <c r="FO277" s="23"/>
      <c r="FP277" s="23"/>
      <c r="FQ277" s="23"/>
      <c r="FR277" s="23"/>
      <c r="FS277" s="23"/>
      <c r="FT277" s="23"/>
      <c r="FU277" s="23"/>
      <c r="FV277" s="23"/>
      <c r="FW277" s="23"/>
      <c r="FX277" s="23"/>
      <c r="FY277" s="23"/>
      <c r="FZ277" s="23"/>
      <c r="GA277" s="23"/>
      <c r="GB277" s="23"/>
      <c r="GC277" s="23"/>
      <c r="GD277" s="23"/>
      <c r="GE277" s="23"/>
      <c r="GF277" s="23"/>
      <c r="GG277" s="23"/>
      <c r="GH277" s="23"/>
      <c r="GI277" s="23"/>
      <c r="GJ277" s="23"/>
      <c r="GK277" s="23"/>
      <c r="GL277" s="23"/>
      <c r="GM277" s="23"/>
      <c r="GN277" s="23"/>
      <c r="GO277" s="23"/>
      <c r="GP277" s="23"/>
      <c r="GQ277" s="23"/>
      <c r="GR277" s="23"/>
      <c r="GS277" s="23"/>
      <c r="GT277" s="23"/>
      <c r="GU277" s="23"/>
      <c r="GV277" s="23"/>
      <c r="GW277" s="23"/>
      <c r="GX277" s="23"/>
      <c r="GY277" s="23"/>
      <c r="GZ277" s="23"/>
      <c r="HA277" s="23"/>
      <c r="HB277" s="23"/>
      <c r="HC277" s="23"/>
      <c r="HD277" s="23"/>
      <c r="HE277" s="23"/>
      <c r="HF277" s="23"/>
      <c r="HG277" s="23"/>
      <c r="HH277" s="23"/>
      <c r="HI277" s="23"/>
      <c r="HJ277" s="23"/>
      <c r="HK277" s="23"/>
      <c r="HL277" s="23"/>
      <c r="HM277" s="23"/>
      <c r="HN277" s="23"/>
      <c r="HO277" s="23"/>
      <c r="HP277" s="23"/>
      <c r="HQ277" s="23"/>
      <c r="HR277" s="23"/>
      <c r="HS277" s="23"/>
      <c r="HT277" s="23"/>
      <c r="HU277" s="23"/>
      <c r="HV277" s="23"/>
      <c r="HW277" s="23"/>
      <c r="HX277" s="23"/>
      <c r="HY277" s="23"/>
      <c r="HZ277" s="23"/>
      <c r="IA277" s="23"/>
      <c r="IB277" s="23"/>
      <c r="IC277" s="23"/>
      <c r="ID277" s="23"/>
      <c r="IE277" s="23"/>
      <c r="IF277" s="23"/>
      <c r="IG277" s="23"/>
      <c r="IH277" s="23"/>
      <c r="II277" s="23"/>
      <c r="IJ277" s="23"/>
      <c r="IK277" s="23"/>
      <c r="IL277" s="23"/>
      <c r="IM277" s="23"/>
      <c r="IN277" s="23"/>
      <c r="IO277" s="23"/>
      <c r="IP277" s="23"/>
      <c r="IQ277" s="23"/>
    </row>
    <row r="278" spans="1:251" s="50" customFormat="1" ht="18.75" customHeight="1" thickBot="1">
      <c r="A278" s="34"/>
      <c r="B278" s="49"/>
      <c r="C278" s="158"/>
      <c r="D278" s="158"/>
      <c r="E278" s="158"/>
      <c r="F278" s="158"/>
      <c r="G278" s="158"/>
      <c r="H278" s="158"/>
      <c r="I278" s="158"/>
      <c r="J278" s="158"/>
      <c r="K278" s="158"/>
      <c r="L278" s="158"/>
      <c r="M278" s="158"/>
      <c r="N278" s="158"/>
      <c r="O278" s="158"/>
      <c r="P278" s="158"/>
      <c r="Q278" s="158"/>
      <c r="R278" s="158"/>
      <c r="S278" s="158"/>
      <c r="T278" s="158"/>
      <c r="U278" s="158"/>
      <c r="V278" s="158"/>
      <c r="W278" s="158"/>
      <c r="X278" s="158"/>
      <c r="Y278" s="158"/>
      <c r="Z278" s="55"/>
      <c r="AA278" s="160"/>
      <c r="AB278" s="211"/>
      <c r="AC278" s="211"/>
      <c r="AD278" s="211"/>
      <c r="AE278" s="211"/>
      <c r="AF278" s="211"/>
      <c r="AG278" s="211"/>
      <c r="AH278" s="211"/>
      <c r="AI278" s="212"/>
      <c r="AJ278" s="160"/>
      <c r="AK278" s="161"/>
      <c r="AL278" s="161"/>
      <c r="AM278" s="161"/>
      <c r="AN278" s="161"/>
      <c r="AO278" s="161"/>
      <c r="AP278" s="161"/>
      <c r="AQ278" s="161"/>
      <c r="AR278" s="162"/>
      <c r="AS278" s="188"/>
      <c r="AT278" s="213"/>
      <c r="AU278" s="213"/>
      <c r="AV278" s="213"/>
      <c r="AW278" s="213"/>
      <c r="AX278" s="214"/>
      <c r="AY278" s="23"/>
      <c r="AZ278" s="23"/>
      <c r="BA278" s="23"/>
      <c r="BB278" s="23"/>
      <c r="BC278" s="23"/>
      <c r="BD278" s="23"/>
      <c r="BE278" s="23"/>
      <c r="BF278" s="23"/>
      <c r="BG278" s="23"/>
      <c r="BH278" s="23"/>
      <c r="BI278" s="23"/>
      <c r="BJ278" s="23"/>
      <c r="BK278" s="23"/>
      <c r="BL278" s="23"/>
      <c r="BM278" s="23"/>
      <c r="BN278" s="23"/>
      <c r="BO278" s="23"/>
      <c r="BP278" s="23"/>
      <c r="BQ278" s="23"/>
      <c r="BR278" s="23"/>
      <c r="BS278" s="23"/>
      <c r="BT278" s="23"/>
      <c r="BU278" s="23"/>
      <c r="BV278" s="23"/>
      <c r="BW278" s="23"/>
      <c r="BX278" s="23"/>
      <c r="BY278" s="23"/>
      <c r="BZ278" s="23"/>
      <c r="CA278" s="23"/>
      <c r="CB278" s="23"/>
      <c r="CC278" s="23"/>
      <c r="CD278" s="23"/>
      <c r="CE278" s="23"/>
      <c r="CF278" s="23"/>
      <c r="CG278" s="23"/>
      <c r="CH278" s="23"/>
      <c r="CI278" s="23"/>
      <c r="CJ278" s="23"/>
      <c r="CK278" s="23"/>
      <c r="CL278" s="23"/>
      <c r="CM278" s="23"/>
      <c r="CN278" s="23"/>
      <c r="CO278" s="23"/>
      <c r="CP278" s="23"/>
      <c r="CQ278" s="23"/>
      <c r="CR278" s="23"/>
      <c r="CS278" s="23"/>
      <c r="CT278" s="23"/>
      <c r="CU278" s="23"/>
      <c r="CV278" s="23"/>
      <c r="CW278" s="23"/>
      <c r="CX278" s="23"/>
      <c r="CY278" s="23"/>
      <c r="CZ278" s="23"/>
      <c r="DA278" s="23"/>
      <c r="DB278" s="23"/>
      <c r="DC278" s="23"/>
      <c r="DD278" s="23"/>
      <c r="DE278" s="23"/>
      <c r="DF278" s="23"/>
      <c r="DG278" s="23"/>
      <c r="DH278" s="23"/>
      <c r="DI278" s="23"/>
      <c r="DJ278" s="23"/>
      <c r="DK278" s="23"/>
      <c r="DL278" s="23"/>
      <c r="DM278" s="23"/>
      <c r="DN278" s="23"/>
      <c r="DO278" s="23"/>
      <c r="DP278" s="23"/>
      <c r="DQ278" s="23"/>
      <c r="DR278" s="23"/>
      <c r="DS278" s="23"/>
      <c r="DT278" s="23"/>
      <c r="DU278" s="23"/>
      <c r="DV278" s="23"/>
      <c r="DW278" s="23"/>
      <c r="DX278" s="23"/>
      <c r="DY278" s="23"/>
      <c r="DZ278" s="23"/>
      <c r="EA278" s="23"/>
      <c r="EB278" s="23"/>
      <c r="EC278" s="23"/>
      <c r="ED278" s="23"/>
      <c r="EE278" s="23"/>
      <c r="EF278" s="23"/>
      <c r="EG278" s="23"/>
      <c r="EH278" s="23"/>
      <c r="EI278" s="23"/>
      <c r="EJ278" s="23"/>
      <c r="EK278" s="23"/>
      <c r="EL278" s="23"/>
      <c r="EM278" s="23"/>
      <c r="EN278" s="23"/>
      <c r="EO278" s="23"/>
      <c r="EP278" s="23"/>
      <c r="EQ278" s="23"/>
      <c r="ER278" s="23"/>
      <c r="ES278" s="23"/>
      <c r="ET278" s="23"/>
      <c r="EU278" s="23"/>
      <c r="EV278" s="23"/>
      <c r="EW278" s="23"/>
      <c r="EX278" s="23"/>
      <c r="EY278" s="23"/>
      <c r="EZ278" s="23"/>
      <c r="FA278" s="23"/>
      <c r="FB278" s="23"/>
      <c r="FC278" s="23"/>
      <c r="FD278" s="23"/>
      <c r="FE278" s="23"/>
      <c r="FF278" s="23"/>
      <c r="FG278" s="23"/>
      <c r="FH278" s="23"/>
      <c r="FI278" s="23"/>
      <c r="FJ278" s="23"/>
      <c r="FK278" s="23"/>
      <c r="FL278" s="23"/>
      <c r="FM278" s="23"/>
      <c r="FN278" s="23"/>
      <c r="FO278" s="23"/>
      <c r="FP278" s="23"/>
      <c r="FQ278" s="23"/>
      <c r="FR278" s="23"/>
      <c r="FS278" s="23"/>
      <c r="FT278" s="23"/>
      <c r="FU278" s="23"/>
      <c r="FV278" s="23"/>
      <c r="FW278" s="23"/>
      <c r="FX278" s="23"/>
      <c r="FY278" s="23"/>
      <c r="FZ278" s="23"/>
      <c r="GA278" s="23"/>
      <c r="GB278" s="23"/>
      <c r="GC278" s="23"/>
      <c r="GD278" s="23"/>
      <c r="GE278" s="23"/>
      <c r="GF278" s="23"/>
      <c r="GG278" s="23"/>
      <c r="GH278" s="23"/>
      <c r="GI278" s="23"/>
      <c r="GJ278" s="23"/>
      <c r="GK278" s="23"/>
      <c r="GL278" s="23"/>
      <c r="GM278" s="23"/>
      <c r="GN278" s="23"/>
      <c r="GO278" s="23"/>
      <c r="GP278" s="23"/>
      <c r="GQ278" s="23"/>
      <c r="GR278" s="23"/>
      <c r="GS278" s="23"/>
      <c r="GT278" s="23"/>
      <c r="GU278" s="23"/>
      <c r="GV278" s="23"/>
      <c r="GW278" s="23"/>
      <c r="GX278" s="23"/>
      <c r="GY278" s="23"/>
      <c r="GZ278" s="23"/>
      <c r="HA278" s="23"/>
      <c r="HB278" s="23"/>
      <c r="HC278" s="23"/>
      <c r="HD278" s="23"/>
      <c r="HE278" s="23"/>
      <c r="HF278" s="23"/>
      <c r="HG278" s="23"/>
      <c r="HH278" s="23"/>
      <c r="HI278" s="23"/>
      <c r="HJ278" s="23"/>
      <c r="HK278" s="23"/>
      <c r="HL278" s="23"/>
      <c r="HM278" s="23"/>
      <c r="HN278" s="23"/>
      <c r="HO278" s="23"/>
      <c r="HP278" s="23"/>
      <c r="HQ278" s="23"/>
      <c r="HR278" s="23"/>
      <c r="HS278" s="23"/>
      <c r="HT278" s="23"/>
      <c r="HU278" s="23"/>
      <c r="HV278" s="23"/>
      <c r="HW278" s="23"/>
      <c r="HX278" s="23"/>
      <c r="HY278" s="23"/>
      <c r="HZ278" s="23"/>
      <c r="IA278" s="23"/>
      <c r="IB278" s="23"/>
      <c r="IC278" s="23"/>
      <c r="ID278" s="23"/>
      <c r="IE278" s="23"/>
      <c r="IF278" s="23"/>
      <c r="IG278" s="23"/>
      <c r="IH278" s="23"/>
      <c r="II278" s="23"/>
      <c r="IJ278" s="23"/>
      <c r="IK278" s="23"/>
      <c r="IL278" s="23"/>
      <c r="IM278" s="23"/>
      <c r="IN278" s="23"/>
      <c r="IO278" s="23"/>
      <c r="IP278" s="23"/>
      <c r="IQ278" s="23"/>
    </row>
    <row r="279" spans="1:251" s="50" customFormat="1" ht="18.75" customHeight="1" thickTop="1" thickBot="1">
      <c r="A279" s="38"/>
      <c r="B279" s="164" t="s">
        <v>105</v>
      </c>
      <c r="C279" s="191"/>
      <c r="D279" s="191"/>
      <c r="E279" s="191"/>
      <c r="F279" s="191"/>
      <c r="G279" s="191"/>
      <c r="H279" s="191"/>
      <c r="I279" s="191"/>
      <c r="J279" s="191"/>
      <c r="K279" s="191"/>
      <c r="L279" s="191"/>
      <c r="M279" s="191"/>
      <c r="N279" s="191"/>
      <c r="O279" s="191"/>
      <c r="P279" s="191"/>
      <c r="Q279" s="191"/>
      <c r="R279" s="191"/>
      <c r="S279" s="191"/>
      <c r="T279" s="191"/>
      <c r="U279" s="191"/>
      <c r="V279" s="191"/>
      <c r="W279" s="191"/>
      <c r="X279" s="191"/>
      <c r="Y279" s="191"/>
      <c r="Z279" s="192"/>
      <c r="AA279" s="167">
        <f>SUM(AA271:AA278)</f>
        <v>129330</v>
      </c>
      <c r="AB279" s="215"/>
      <c r="AC279" s="215"/>
      <c r="AD279" s="215"/>
      <c r="AE279" s="215"/>
      <c r="AF279" s="215"/>
      <c r="AG279" s="215"/>
      <c r="AH279" s="215"/>
      <c r="AI279" s="216"/>
      <c r="AJ279" s="167">
        <f>SUM(AJ271:AJ278)</f>
        <v>122316</v>
      </c>
      <c r="AK279" s="215"/>
      <c r="AL279" s="215"/>
      <c r="AM279" s="215"/>
      <c r="AN279" s="215"/>
      <c r="AO279" s="215"/>
      <c r="AP279" s="215"/>
      <c r="AQ279" s="215"/>
      <c r="AR279" s="216"/>
      <c r="AS279" s="167"/>
      <c r="AT279" s="215"/>
      <c r="AU279" s="215"/>
      <c r="AV279" s="215"/>
      <c r="AW279" s="215"/>
      <c r="AX279" s="217"/>
      <c r="AY279" s="23"/>
      <c r="AZ279" s="23"/>
      <c r="BA279" s="23"/>
      <c r="BB279" s="23"/>
      <c r="BC279" s="23"/>
      <c r="BD279" s="23"/>
      <c r="BE279" s="23"/>
      <c r="BF279" s="23"/>
      <c r="BG279" s="23"/>
      <c r="BH279" s="23"/>
      <c r="BI279" s="23"/>
      <c r="BJ279" s="23"/>
      <c r="BK279" s="23"/>
      <c r="BL279" s="23"/>
      <c r="BM279" s="23"/>
      <c r="BN279" s="23"/>
      <c r="BO279" s="23"/>
      <c r="BP279" s="23"/>
      <c r="BQ279" s="23"/>
      <c r="BR279" s="23"/>
      <c r="BS279" s="23"/>
      <c r="BT279" s="23"/>
      <c r="BU279" s="23"/>
      <c r="BV279" s="23"/>
      <c r="BW279" s="23"/>
      <c r="BX279" s="23"/>
      <c r="BY279" s="23"/>
      <c r="BZ279" s="23"/>
      <c r="CA279" s="23"/>
      <c r="CB279" s="23"/>
      <c r="CC279" s="23"/>
      <c r="CD279" s="23"/>
      <c r="CE279" s="23"/>
      <c r="CF279" s="23"/>
      <c r="CG279" s="23"/>
      <c r="CH279" s="23"/>
      <c r="CI279" s="23"/>
      <c r="CJ279" s="23"/>
      <c r="CK279" s="23"/>
      <c r="CL279" s="23"/>
      <c r="CM279" s="23"/>
      <c r="CN279" s="23"/>
      <c r="CO279" s="23"/>
      <c r="CP279" s="23"/>
      <c r="CQ279" s="23"/>
      <c r="CR279" s="23"/>
      <c r="CS279" s="23"/>
      <c r="CT279" s="23"/>
      <c r="CU279" s="23"/>
      <c r="CV279" s="23"/>
      <c r="CW279" s="23"/>
      <c r="CX279" s="23"/>
      <c r="CY279" s="23"/>
      <c r="CZ279" s="23"/>
      <c r="DA279" s="23"/>
      <c r="DB279" s="23"/>
      <c r="DC279" s="23"/>
      <c r="DD279" s="23"/>
      <c r="DE279" s="23"/>
      <c r="DF279" s="23"/>
      <c r="DG279" s="23"/>
      <c r="DH279" s="23"/>
      <c r="DI279" s="23"/>
      <c r="DJ279" s="23"/>
      <c r="DK279" s="23"/>
      <c r="DL279" s="23"/>
      <c r="DM279" s="23"/>
      <c r="DN279" s="23"/>
      <c r="DO279" s="23"/>
      <c r="DP279" s="23"/>
      <c r="DQ279" s="23"/>
      <c r="DR279" s="23"/>
      <c r="DS279" s="23"/>
      <c r="DT279" s="23"/>
      <c r="DU279" s="23"/>
      <c r="DV279" s="23"/>
      <c r="DW279" s="23"/>
      <c r="DX279" s="23"/>
      <c r="DY279" s="23"/>
      <c r="DZ279" s="23"/>
      <c r="EA279" s="23"/>
      <c r="EB279" s="23"/>
      <c r="EC279" s="23"/>
      <c r="ED279" s="23"/>
      <c r="EE279" s="23"/>
      <c r="EF279" s="23"/>
      <c r="EG279" s="23"/>
      <c r="EH279" s="23"/>
      <c r="EI279" s="23"/>
      <c r="EJ279" s="23"/>
      <c r="EK279" s="23"/>
      <c r="EL279" s="23"/>
      <c r="EM279" s="23"/>
      <c r="EN279" s="23"/>
      <c r="EO279" s="23"/>
      <c r="EP279" s="23"/>
      <c r="EQ279" s="23"/>
      <c r="ER279" s="23"/>
      <c r="ES279" s="23"/>
      <c r="ET279" s="23"/>
      <c r="EU279" s="23"/>
      <c r="EV279" s="23"/>
      <c r="EW279" s="23"/>
      <c r="EX279" s="23"/>
      <c r="EY279" s="23"/>
      <c r="EZ279" s="23"/>
      <c r="FA279" s="23"/>
      <c r="FB279" s="23"/>
      <c r="FC279" s="23"/>
      <c r="FD279" s="23"/>
      <c r="FE279" s="23"/>
      <c r="FF279" s="23"/>
      <c r="FG279" s="23"/>
      <c r="FH279" s="23"/>
      <c r="FI279" s="23"/>
      <c r="FJ279" s="23"/>
      <c r="FK279" s="23"/>
      <c r="FL279" s="23"/>
      <c r="FM279" s="23"/>
      <c r="FN279" s="23"/>
      <c r="FO279" s="23"/>
      <c r="FP279" s="23"/>
      <c r="FQ279" s="23"/>
      <c r="FR279" s="23"/>
      <c r="FS279" s="23"/>
      <c r="FT279" s="23"/>
      <c r="FU279" s="23"/>
      <c r="FV279" s="23"/>
      <c r="FW279" s="23"/>
      <c r="FX279" s="23"/>
      <c r="FY279" s="23"/>
      <c r="FZ279" s="23"/>
      <c r="GA279" s="23"/>
      <c r="GB279" s="23"/>
      <c r="GC279" s="23"/>
      <c r="GD279" s="23"/>
      <c r="GE279" s="23"/>
      <c r="GF279" s="23"/>
      <c r="GG279" s="23"/>
      <c r="GH279" s="23"/>
      <c r="GI279" s="23"/>
      <c r="GJ279" s="23"/>
      <c r="GK279" s="23"/>
      <c r="GL279" s="23"/>
      <c r="GM279" s="23"/>
      <c r="GN279" s="23"/>
      <c r="GO279" s="23"/>
      <c r="GP279" s="23"/>
      <c r="GQ279" s="23"/>
      <c r="GR279" s="23"/>
      <c r="GS279" s="23"/>
      <c r="GT279" s="23"/>
      <c r="GU279" s="23"/>
      <c r="GV279" s="23"/>
      <c r="GW279" s="23"/>
      <c r="GX279" s="23"/>
      <c r="GY279" s="23"/>
      <c r="GZ279" s="23"/>
      <c r="HA279" s="23"/>
      <c r="HB279" s="23"/>
      <c r="HC279" s="23"/>
      <c r="HD279" s="23"/>
      <c r="HE279" s="23"/>
      <c r="HF279" s="23"/>
      <c r="HG279" s="23"/>
      <c r="HH279" s="23"/>
      <c r="HI279" s="23"/>
      <c r="HJ279" s="23"/>
      <c r="HK279" s="23"/>
      <c r="HL279" s="23"/>
      <c r="HM279" s="23"/>
      <c r="HN279" s="23"/>
      <c r="HO279" s="23"/>
      <c r="HP279" s="23"/>
      <c r="HQ279" s="23"/>
      <c r="HR279" s="23"/>
      <c r="HS279" s="23"/>
      <c r="HT279" s="23"/>
      <c r="HU279" s="23"/>
      <c r="HV279" s="23"/>
      <c r="HW279" s="23"/>
      <c r="HX279" s="23"/>
      <c r="HY279" s="23"/>
      <c r="HZ279" s="23"/>
      <c r="IA279" s="23"/>
      <c r="IB279" s="23"/>
      <c r="IC279" s="23"/>
      <c r="ID279" s="23"/>
      <c r="IE279" s="23"/>
      <c r="IF279" s="23"/>
      <c r="IG279" s="23"/>
      <c r="IH279" s="23"/>
      <c r="II279" s="23"/>
      <c r="IJ279" s="23"/>
      <c r="IK279" s="23"/>
      <c r="IL279" s="23"/>
      <c r="IM279" s="23"/>
      <c r="IN279" s="23"/>
      <c r="IO279" s="23"/>
      <c r="IP279" s="23"/>
      <c r="IQ279" s="23"/>
    </row>
    <row r="281" spans="1:251" s="23" customFormat="1" ht="19.2">
      <c r="A281" s="22" t="s">
        <v>86</v>
      </c>
      <c r="AW281" s="24"/>
      <c r="AX281" s="25"/>
      <c r="AY281" s="24"/>
    </row>
    <row r="282" spans="1:251" s="23" customFormat="1" ht="13.2"/>
    <row r="283" spans="1:251" s="23" customFormat="1">
      <c r="A283" s="26"/>
      <c r="B283" s="115" t="s">
        <v>87</v>
      </c>
      <c r="C283" s="153"/>
      <c r="D283" s="153"/>
      <c r="E283" s="153"/>
      <c r="F283" s="153"/>
      <c r="G283" s="153"/>
      <c r="H283" s="153"/>
      <c r="I283" s="153"/>
      <c r="J283" s="153"/>
      <c r="K283" s="153"/>
      <c r="L283" s="153"/>
      <c r="M283" s="153"/>
      <c r="N283" s="153"/>
      <c r="O283" s="153"/>
      <c r="P283" s="153"/>
      <c r="Q283" s="153"/>
      <c r="R283" s="153"/>
      <c r="S283" s="153"/>
      <c r="T283" s="153"/>
      <c r="U283" s="153"/>
      <c r="V283" s="153"/>
      <c r="W283" s="153"/>
      <c r="X283" s="153"/>
      <c r="Y283" s="153"/>
      <c r="Z283" s="153"/>
      <c r="AA283" s="153"/>
      <c r="AB283" s="153"/>
      <c r="AC283" s="153"/>
      <c r="AD283" s="153"/>
      <c r="AE283" s="153"/>
      <c r="AF283" s="153"/>
      <c r="AG283" s="153"/>
      <c r="AH283" s="153"/>
      <c r="AI283" s="153"/>
      <c r="AJ283" s="153"/>
      <c r="AK283" s="153"/>
      <c r="AL283" s="153"/>
      <c r="AM283" s="153"/>
      <c r="AN283" s="153"/>
      <c r="AO283" s="153"/>
      <c r="AP283" s="153"/>
      <c r="AQ283" s="153"/>
      <c r="AR283" s="153"/>
      <c r="AS283" s="153"/>
      <c r="AT283" s="153"/>
      <c r="AU283" s="153"/>
      <c r="AV283" s="153"/>
      <c r="AW283" s="153"/>
      <c r="AX283" s="153"/>
      <c r="AY283" s="26"/>
    </row>
    <row r="284" spans="1:251" s="23" customFormat="1" ht="13.2">
      <c r="Z284" s="27"/>
      <c r="AD284" s="27"/>
      <c r="AE284" s="27"/>
      <c r="AF284" s="27"/>
      <c r="AG284" s="27"/>
      <c r="AH284" s="27"/>
      <c r="AI284" s="27"/>
      <c r="AO284" s="27"/>
    </row>
    <row r="285" spans="1:251" s="23" customFormat="1" ht="13.8" thickBot="1">
      <c r="Z285" s="27"/>
      <c r="AD285" s="27"/>
      <c r="AE285" s="27"/>
      <c r="AF285" s="27"/>
      <c r="AG285" s="27"/>
      <c r="AH285" s="27"/>
      <c r="AI285" s="27"/>
      <c r="AO285" s="27"/>
      <c r="DI285" s="28"/>
    </row>
    <row r="286" spans="1:251" s="23" customFormat="1" ht="24.6" customHeight="1" thickBot="1">
      <c r="A286" s="116" t="s">
        <v>88</v>
      </c>
      <c r="B286" s="117"/>
      <c r="C286" s="117"/>
      <c r="D286" s="117"/>
      <c r="E286" s="117"/>
      <c r="F286" s="117"/>
      <c r="G286" s="117"/>
      <c r="H286" s="117"/>
      <c r="I286" s="117"/>
      <c r="J286" s="117"/>
      <c r="K286" s="118"/>
      <c r="L286" s="154">
        <v>9</v>
      </c>
      <c r="M286" s="154"/>
      <c r="N286" s="154"/>
      <c r="O286" s="155"/>
      <c r="P286" s="122" t="s">
        <v>89</v>
      </c>
      <c r="Q286" s="120"/>
      <c r="R286" s="120"/>
      <c r="S286" s="120"/>
      <c r="T286" s="120"/>
      <c r="U286" s="123"/>
      <c r="V286" s="156" t="s">
        <v>137</v>
      </c>
      <c r="W286" s="156"/>
      <c r="X286" s="156"/>
      <c r="Y286" s="156"/>
      <c r="Z286" s="156"/>
      <c r="AA286" s="156"/>
      <c r="AB286" s="156"/>
      <c r="AC286" s="156"/>
      <c r="AD286" s="156"/>
      <c r="AE286" s="156"/>
      <c r="AF286" s="156"/>
      <c r="AG286" s="156"/>
      <c r="AH286" s="156"/>
      <c r="AI286" s="156"/>
      <c r="AJ286" s="156"/>
      <c r="AK286" s="156"/>
      <c r="AL286" s="156"/>
      <c r="AM286" s="156"/>
      <c r="AN286" s="156"/>
      <c r="AO286" s="156"/>
      <c r="AP286" s="156"/>
      <c r="AQ286" s="156"/>
      <c r="AR286" s="156"/>
      <c r="AS286" s="156"/>
      <c r="AT286" s="156"/>
      <c r="AU286" s="156"/>
      <c r="AV286" s="156"/>
      <c r="AW286" s="156"/>
      <c r="AX286" s="157"/>
      <c r="DI286" s="28"/>
    </row>
    <row r="287" spans="1:251" s="23" customFormat="1" ht="14.4">
      <c r="A287" s="29"/>
      <c r="B287" s="29"/>
      <c r="C287" s="29"/>
      <c r="D287" s="29"/>
      <c r="E287" s="29"/>
      <c r="F287" s="29"/>
      <c r="G287" s="29"/>
      <c r="H287" s="29"/>
      <c r="I287" s="29"/>
      <c r="J287" s="29"/>
      <c r="K287" s="29"/>
      <c r="L287" s="30"/>
      <c r="M287" s="30"/>
      <c r="N287" s="30"/>
      <c r="O287" s="30"/>
      <c r="P287" s="29"/>
      <c r="Q287" s="29"/>
      <c r="R287" s="29"/>
      <c r="S287" s="29"/>
      <c r="T287" s="29"/>
      <c r="U287" s="29"/>
      <c r="V287" s="31"/>
      <c r="W287" s="31"/>
      <c r="X287" s="31"/>
      <c r="Y287" s="31"/>
      <c r="Z287" s="31"/>
      <c r="AA287" s="31"/>
      <c r="AB287" s="31"/>
      <c r="AC287" s="31"/>
      <c r="AD287" s="31"/>
      <c r="AE287" s="31"/>
      <c r="AF287" s="31"/>
      <c r="AG287" s="31"/>
      <c r="AH287" s="31"/>
      <c r="AI287" s="31"/>
      <c r="AJ287" s="31"/>
      <c r="AK287" s="31"/>
      <c r="AL287" s="31"/>
      <c r="AM287" s="31"/>
      <c r="AN287" s="31"/>
      <c r="AO287" s="31"/>
      <c r="AP287" s="31"/>
      <c r="AQ287" s="31"/>
      <c r="AR287" s="31"/>
      <c r="AS287" s="31"/>
      <c r="AT287" s="31"/>
      <c r="AU287" s="31"/>
      <c r="AV287" s="31"/>
      <c r="AW287" s="31"/>
      <c r="AX287" s="31"/>
      <c r="DI287" s="28"/>
    </row>
    <row r="288" spans="1:251" s="23" customFormat="1" ht="15" thickBot="1">
      <c r="A288" s="32"/>
      <c r="B288" s="33" t="s">
        <v>91</v>
      </c>
      <c r="C288" s="34"/>
      <c r="D288" s="34"/>
      <c r="E288" s="34"/>
      <c r="F288" s="34"/>
      <c r="G288" s="34"/>
      <c r="H288" s="34"/>
      <c r="I288" s="34"/>
      <c r="J288" s="34"/>
      <c r="K288" s="34"/>
      <c r="L288" s="35"/>
      <c r="M288" s="35"/>
      <c r="N288" s="35"/>
      <c r="O288" s="35"/>
      <c r="P288" s="34"/>
      <c r="Q288" s="34"/>
      <c r="R288" s="34"/>
      <c r="S288" s="34"/>
      <c r="T288" s="34"/>
      <c r="U288" s="34"/>
      <c r="V288" s="33"/>
      <c r="W288" s="33"/>
      <c r="X288" s="33"/>
      <c r="Y288" s="33"/>
      <c r="Z288" s="33"/>
      <c r="AA288" s="33"/>
      <c r="AB288" s="33"/>
      <c r="AC288" s="33"/>
      <c r="AD288" s="33"/>
      <c r="AE288" s="33"/>
      <c r="AF288" s="33"/>
      <c r="AG288" s="33"/>
      <c r="AH288" s="33"/>
      <c r="AI288" s="33"/>
      <c r="AJ288" s="33"/>
      <c r="AK288" s="33"/>
      <c r="AL288" s="33"/>
      <c r="AM288" s="33"/>
      <c r="AN288" s="33"/>
      <c r="AO288" s="33"/>
      <c r="AP288" s="33"/>
      <c r="AQ288" s="33"/>
      <c r="AR288" s="33"/>
      <c r="AS288" s="33"/>
      <c r="AT288" s="33"/>
      <c r="AU288" s="33"/>
      <c r="AV288" s="33"/>
      <c r="AW288" s="33"/>
      <c r="AX288" s="33"/>
      <c r="DI288" s="28"/>
    </row>
    <row r="289" spans="1:251" s="23" customFormat="1" ht="14.4">
      <c r="A289" s="34"/>
      <c r="B289" s="36"/>
      <c r="C289" s="29"/>
      <c r="D289" s="29"/>
      <c r="E289" s="29"/>
      <c r="F289" s="29"/>
      <c r="G289" s="29"/>
      <c r="H289" s="29"/>
      <c r="I289" s="29"/>
      <c r="J289" s="29"/>
      <c r="K289" s="29"/>
      <c r="L289" s="30"/>
      <c r="M289" s="30"/>
      <c r="N289" s="30"/>
      <c r="O289" s="30"/>
      <c r="P289" s="29"/>
      <c r="Q289" s="29"/>
      <c r="R289" s="29"/>
      <c r="S289" s="29"/>
      <c r="T289" s="29"/>
      <c r="U289" s="29"/>
      <c r="V289" s="31"/>
      <c r="W289" s="31"/>
      <c r="X289" s="31"/>
      <c r="Y289" s="31"/>
      <c r="Z289" s="31"/>
      <c r="AA289" s="31"/>
      <c r="AB289" s="31"/>
      <c r="AC289" s="31"/>
      <c r="AD289" s="31"/>
      <c r="AE289" s="31"/>
      <c r="AF289" s="31"/>
      <c r="AG289" s="31"/>
      <c r="AH289" s="31"/>
      <c r="AI289" s="31"/>
      <c r="AJ289" s="31"/>
      <c r="AK289" s="31"/>
      <c r="AL289" s="31"/>
      <c r="AM289" s="31"/>
      <c r="AN289" s="31"/>
      <c r="AO289" s="31"/>
      <c r="AP289" s="31"/>
      <c r="AQ289" s="31"/>
      <c r="AR289" s="31"/>
      <c r="AS289" s="31"/>
      <c r="AT289" s="31"/>
      <c r="AU289" s="31"/>
      <c r="AV289" s="31"/>
      <c r="AW289" s="31"/>
      <c r="AX289" s="37"/>
    </row>
    <row r="290" spans="1:251" s="23" customFormat="1" ht="10.8" customHeight="1">
      <c r="A290" s="34"/>
      <c r="B290" s="127" t="s">
        <v>138</v>
      </c>
      <c r="C290" s="128"/>
      <c r="D290" s="128"/>
      <c r="E290" s="128"/>
      <c r="F290" s="128"/>
      <c r="G290" s="128"/>
      <c r="H290" s="128"/>
      <c r="I290" s="128"/>
      <c r="J290" s="128"/>
      <c r="K290" s="128"/>
      <c r="L290" s="128"/>
      <c r="M290" s="128"/>
      <c r="N290" s="128"/>
      <c r="O290" s="128"/>
      <c r="P290" s="128"/>
      <c r="Q290" s="128"/>
      <c r="R290" s="128"/>
      <c r="S290" s="128"/>
      <c r="T290" s="128"/>
      <c r="U290" s="128"/>
      <c r="V290" s="128"/>
      <c r="W290" s="128"/>
      <c r="X290" s="128"/>
      <c r="Y290" s="128"/>
      <c r="Z290" s="128"/>
      <c r="AA290" s="128"/>
      <c r="AB290" s="128"/>
      <c r="AC290" s="128"/>
      <c r="AD290" s="128"/>
      <c r="AE290" s="128"/>
      <c r="AF290" s="128"/>
      <c r="AG290" s="128"/>
      <c r="AH290" s="128"/>
      <c r="AI290" s="128"/>
      <c r="AJ290" s="128"/>
      <c r="AK290" s="128"/>
      <c r="AL290" s="128"/>
      <c r="AM290" s="128"/>
      <c r="AN290" s="128"/>
      <c r="AO290" s="128"/>
      <c r="AP290" s="128"/>
      <c r="AQ290" s="128"/>
      <c r="AR290" s="128"/>
      <c r="AS290" s="128"/>
      <c r="AT290" s="128"/>
      <c r="AU290" s="128"/>
      <c r="AV290" s="128"/>
      <c r="AW290" s="128"/>
      <c r="AX290" s="129"/>
    </row>
    <row r="291" spans="1:251" s="23" customFormat="1" ht="10.8" customHeight="1">
      <c r="A291" s="34"/>
      <c r="B291" s="127"/>
      <c r="C291" s="128"/>
      <c r="D291" s="128"/>
      <c r="E291" s="128"/>
      <c r="F291" s="128"/>
      <c r="G291" s="128"/>
      <c r="H291" s="128"/>
      <c r="I291" s="128"/>
      <c r="J291" s="128"/>
      <c r="K291" s="128"/>
      <c r="L291" s="128"/>
      <c r="M291" s="128"/>
      <c r="N291" s="128"/>
      <c r="O291" s="128"/>
      <c r="P291" s="128"/>
      <c r="Q291" s="128"/>
      <c r="R291" s="128"/>
      <c r="S291" s="128"/>
      <c r="T291" s="128"/>
      <c r="U291" s="128"/>
      <c r="V291" s="128"/>
      <c r="W291" s="128"/>
      <c r="X291" s="128"/>
      <c r="Y291" s="128"/>
      <c r="Z291" s="128"/>
      <c r="AA291" s="128"/>
      <c r="AB291" s="128"/>
      <c r="AC291" s="128"/>
      <c r="AD291" s="128"/>
      <c r="AE291" s="128"/>
      <c r="AF291" s="128"/>
      <c r="AG291" s="128"/>
      <c r="AH291" s="128"/>
      <c r="AI291" s="128"/>
      <c r="AJ291" s="128"/>
      <c r="AK291" s="128"/>
      <c r="AL291" s="128"/>
      <c r="AM291" s="128"/>
      <c r="AN291" s="128"/>
      <c r="AO291" s="128"/>
      <c r="AP291" s="128"/>
      <c r="AQ291" s="128"/>
      <c r="AR291" s="128"/>
      <c r="AS291" s="128"/>
      <c r="AT291" s="128"/>
      <c r="AU291" s="128"/>
      <c r="AV291" s="128"/>
      <c r="AW291" s="128"/>
      <c r="AX291" s="129"/>
      <c r="BC291" s="17"/>
    </row>
    <row r="292" spans="1:251" s="23" customFormat="1" ht="10.8" customHeight="1">
      <c r="A292" s="34"/>
      <c r="B292" s="127"/>
      <c r="C292" s="128"/>
      <c r="D292" s="128"/>
      <c r="E292" s="128"/>
      <c r="F292" s="128"/>
      <c r="G292" s="128"/>
      <c r="H292" s="128"/>
      <c r="I292" s="128"/>
      <c r="J292" s="128"/>
      <c r="K292" s="128"/>
      <c r="L292" s="128"/>
      <c r="M292" s="128"/>
      <c r="N292" s="128"/>
      <c r="O292" s="128"/>
      <c r="P292" s="128"/>
      <c r="Q292" s="128"/>
      <c r="R292" s="128"/>
      <c r="S292" s="128"/>
      <c r="T292" s="128"/>
      <c r="U292" s="128"/>
      <c r="V292" s="128"/>
      <c r="W292" s="128"/>
      <c r="X292" s="128"/>
      <c r="Y292" s="128"/>
      <c r="Z292" s="128"/>
      <c r="AA292" s="128"/>
      <c r="AB292" s="128"/>
      <c r="AC292" s="128"/>
      <c r="AD292" s="128"/>
      <c r="AE292" s="128"/>
      <c r="AF292" s="128"/>
      <c r="AG292" s="128"/>
      <c r="AH292" s="128"/>
      <c r="AI292" s="128"/>
      <c r="AJ292" s="128"/>
      <c r="AK292" s="128"/>
      <c r="AL292" s="128"/>
      <c r="AM292" s="128"/>
      <c r="AN292" s="128"/>
      <c r="AO292" s="128"/>
      <c r="AP292" s="128"/>
      <c r="AQ292" s="128"/>
      <c r="AR292" s="128"/>
      <c r="AS292" s="128"/>
      <c r="AT292" s="128"/>
      <c r="AU292" s="128"/>
      <c r="AV292" s="128"/>
      <c r="AW292" s="128"/>
      <c r="AX292" s="129"/>
    </row>
    <row r="293" spans="1:251" s="23" customFormat="1" ht="10.8" customHeight="1">
      <c r="A293" s="34"/>
      <c r="B293" s="127"/>
      <c r="C293" s="128"/>
      <c r="D293" s="128"/>
      <c r="E293" s="128"/>
      <c r="F293" s="128"/>
      <c r="G293" s="128"/>
      <c r="H293" s="128"/>
      <c r="I293" s="128"/>
      <c r="J293" s="128"/>
      <c r="K293" s="128"/>
      <c r="L293" s="128"/>
      <c r="M293" s="128"/>
      <c r="N293" s="128"/>
      <c r="O293" s="128"/>
      <c r="P293" s="128"/>
      <c r="Q293" s="128"/>
      <c r="R293" s="128"/>
      <c r="S293" s="128"/>
      <c r="T293" s="128"/>
      <c r="U293" s="128"/>
      <c r="V293" s="128"/>
      <c r="W293" s="128"/>
      <c r="X293" s="128"/>
      <c r="Y293" s="128"/>
      <c r="Z293" s="128"/>
      <c r="AA293" s="128"/>
      <c r="AB293" s="128"/>
      <c r="AC293" s="128"/>
      <c r="AD293" s="128"/>
      <c r="AE293" s="128"/>
      <c r="AF293" s="128"/>
      <c r="AG293" s="128"/>
      <c r="AH293" s="128"/>
      <c r="AI293" s="128"/>
      <c r="AJ293" s="128"/>
      <c r="AK293" s="128"/>
      <c r="AL293" s="128"/>
      <c r="AM293" s="128"/>
      <c r="AN293" s="128"/>
      <c r="AO293" s="128"/>
      <c r="AP293" s="128"/>
      <c r="AQ293" s="128"/>
      <c r="AR293" s="128"/>
      <c r="AS293" s="128"/>
      <c r="AT293" s="128"/>
      <c r="AU293" s="128"/>
      <c r="AV293" s="128"/>
      <c r="AW293" s="128"/>
      <c r="AX293" s="129"/>
    </row>
    <row r="294" spans="1:251" s="23" customFormat="1" ht="10.8" customHeight="1">
      <c r="A294" s="34"/>
      <c r="B294" s="127"/>
      <c r="C294" s="128"/>
      <c r="D294" s="128"/>
      <c r="E294" s="128"/>
      <c r="F294" s="128"/>
      <c r="G294" s="128"/>
      <c r="H294" s="128"/>
      <c r="I294" s="128"/>
      <c r="J294" s="128"/>
      <c r="K294" s="128"/>
      <c r="L294" s="128"/>
      <c r="M294" s="128"/>
      <c r="N294" s="128"/>
      <c r="O294" s="128"/>
      <c r="P294" s="128"/>
      <c r="Q294" s="128"/>
      <c r="R294" s="128"/>
      <c r="S294" s="128"/>
      <c r="T294" s="128"/>
      <c r="U294" s="128"/>
      <c r="V294" s="128"/>
      <c r="W294" s="128"/>
      <c r="X294" s="128"/>
      <c r="Y294" s="128"/>
      <c r="Z294" s="128"/>
      <c r="AA294" s="128"/>
      <c r="AB294" s="128"/>
      <c r="AC294" s="128"/>
      <c r="AD294" s="128"/>
      <c r="AE294" s="128"/>
      <c r="AF294" s="128"/>
      <c r="AG294" s="128"/>
      <c r="AH294" s="128"/>
      <c r="AI294" s="128"/>
      <c r="AJ294" s="128"/>
      <c r="AK294" s="128"/>
      <c r="AL294" s="128"/>
      <c r="AM294" s="128"/>
      <c r="AN294" s="128"/>
      <c r="AO294" s="128"/>
      <c r="AP294" s="128"/>
      <c r="AQ294" s="128"/>
      <c r="AR294" s="128"/>
      <c r="AS294" s="128"/>
      <c r="AT294" s="128"/>
      <c r="AU294" s="128"/>
      <c r="AV294" s="128"/>
      <c r="AW294" s="128"/>
      <c r="AX294" s="129"/>
    </row>
    <row r="295" spans="1:251" s="23" customFormat="1" ht="10.8" customHeight="1">
      <c r="A295" s="34"/>
      <c r="B295" s="127"/>
      <c r="C295" s="128"/>
      <c r="D295" s="128"/>
      <c r="E295" s="128"/>
      <c r="F295" s="128"/>
      <c r="G295" s="128"/>
      <c r="H295" s="128"/>
      <c r="I295" s="128"/>
      <c r="J295" s="128"/>
      <c r="K295" s="128"/>
      <c r="L295" s="128"/>
      <c r="M295" s="128"/>
      <c r="N295" s="128"/>
      <c r="O295" s="128"/>
      <c r="P295" s="128"/>
      <c r="Q295" s="128"/>
      <c r="R295" s="128"/>
      <c r="S295" s="128"/>
      <c r="T295" s="128"/>
      <c r="U295" s="128"/>
      <c r="V295" s="128"/>
      <c r="W295" s="128"/>
      <c r="X295" s="128"/>
      <c r="Y295" s="128"/>
      <c r="Z295" s="128"/>
      <c r="AA295" s="128"/>
      <c r="AB295" s="128"/>
      <c r="AC295" s="128"/>
      <c r="AD295" s="128"/>
      <c r="AE295" s="128"/>
      <c r="AF295" s="128"/>
      <c r="AG295" s="128"/>
      <c r="AH295" s="128"/>
      <c r="AI295" s="128"/>
      <c r="AJ295" s="128"/>
      <c r="AK295" s="128"/>
      <c r="AL295" s="128"/>
      <c r="AM295" s="128"/>
      <c r="AN295" s="128"/>
      <c r="AO295" s="128"/>
      <c r="AP295" s="128"/>
      <c r="AQ295" s="128"/>
      <c r="AR295" s="128"/>
      <c r="AS295" s="128"/>
      <c r="AT295" s="128"/>
      <c r="AU295" s="128"/>
      <c r="AV295" s="128"/>
      <c r="AW295" s="128"/>
      <c r="AX295" s="129"/>
    </row>
    <row r="296" spans="1:251" s="23" customFormat="1" ht="10.8" customHeight="1">
      <c r="A296" s="34"/>
      <c r="B296" s="127"/>
      <c r="C296" s="128"/>
      <c r="D296" s="128"/>
      <c r="E296" s="128"/>
      <c r="F296" s="128"/>
      <c r="G296" s="128"/>
      <c r="H296" s="128"/>
      <c r="I296" s="128"/>
      <c r="J296" s="128"/>
      <c r="K296" s="128"/>
      <c r="L296" s="128"/>
      <c r="M296" s="128"/>
      <c r="N296" s="128"/>
      <c r="O296" s="128"/>
      <c r="P296" s="128"/>
      <c r="Q296" s="128"/>
      <c r="R296" s="128"/>
      <c r="S296" s="128"/>
      <c r="T296" s="128"/>
      <c r="U296" s="128"/>
      <c r="V296" s="128"/>
      <c r="W296" s="128"/>
      <c r="X296" s="128"/>
      <c r="Y296" s="128"/>
      <c r="Z296" s="128"/>
      <c r="AA296" s="128"/>
      <c r="AB296" s="128"/>
      <c r="AC296" s="128"/>
      <c r="AD296" s="128"/>
      <c r="AE296" s="128"/>
      <c r="AF296" s="128"/>
      <c r="AG296" s="128"/>
      <c r="AH296" s="128"/>
      <c r="AI296" s="128"/>
      <c r="AJ296" s="128"/>
      <c r="AK296" s="128"/>
      <c r="AL296" s="128"/>
      <c r="AM296" s="128"/>
      <c r="AN296" s="128"/>
      <c r="AO296" s="128"/>
      <c r="AP296" s="128"/>
      <c r="AQ296" s="128"/>
      <c r="AR296" s="128"/>
      <c r="AS296" s="128"/>
      <c r="AT296" s="128"/>
      <c r="AU296" s="128"/>
      <c r="AV296" s="128"/>
      <c r="AW296" s="128"/>
      <c r="AX296" s="129"/>
    </row>
    <row r="297" spans="1:251" s="23" customFormat="1" ht="10.8" customHeight="1">
      <c r="A297" s="34"/>
      <c r="B297" s="127"/>
      <c r="C297" s="128"/>
      <c r="D297" s="128"/>
      <c r="E297" s="128"/>
      <c r="F297" s="128"/>
      <c r="G297" s="128"/>
      <c r="H297" s="128"/>
      <c r="I297" s="128"/>
      <c r="J297" s="128"/>
      <c r="K297" s="128"/>
      <c r="L297" s="128"/>
      <c r="M297" s="128"/>
      <c r="N297" s="128"/>
      <c r="O297" s="128"/>
      <c r="P297" s="128"/>
      <c r="Q297" s="128"/>
      <c r="R297" s="128"/>
      <c r="S297" s="128"/>
      <c r="T297" s="128"/>
      <c r="U297" s="128"/>
      <c r="V297" s="128"/>
      <c r="W297" s="128"/>
      <c r="X297" s="128"/>
      <c r="Y297" s="128"/>
      <c r="Z297" s="128"/>
      <c r="AA297" s="128"/>
      <c r="AB297" s="128"/>
      <c r="AC297" s="128"/>
      <c r="AD297" s="128"/>
      <c r="AE297" s="128"/>
      <c r="AF297" s="128"/>
      <c r="AG297" s="128"/>
      <c r="AH297" s="128"/>
      <c r="AI297" s="128"/>
      <c r="AJ297" s="128"/>
      <c r="AK297" s="128"/>
      <c r="AL297" s="128"/>
      <c r="AM297" s="128"/>
      <c r="AN297" s="128"/>
      <c r="AO297" s="128"/>
      <c r="AP297" s="128"/>
      <c r="AQ297" s="128"/>
      <c r="AR297" s="128"/>
      <c r="AS297" s="128"/>
      <c r="AT297" s="128"/>
      <c r="AU297" s="128"/>
      <c r="AV297" s="128"/>
      <c r="AW297" s="128"/>
      <c r="AX297" s="129"/>
    </row>
    <row r="298" spans="1:251" s="23" customFormat="1" ht="10.8" customHeight="1">
      <c r="A298" s="34"/>
      <c r="B298" s="127"/>
      <c r="C298" s="128"/>
      <c r="D298" s="128"/>
      <c r="E298" s="128"/>
      <c r="F298" s="128"/>
      <c r="G298" s="128"/>
      <c r="H298" s="128"/>
      <c r="I298" s="128"/>
      <c r="J298" s="128"/>
      <c r="K298" s="128"/>
      <c r="L298" s="128"/>
      <c r="M298" s="128"/>
      <c r="N298" s="128"/>
      <c r="O298" s="128"/>
      <c r="P298" s="128"/>
      <c r="Q298" s="128"/>
      <c r="R298" s="128"/>
      <c r="S298" s="128"/>
      <c r="T298" s="128"/>
      <c r="U298" s="128"/>
      <c r="V298" s="128"/>
      <c r="W298" s="128"/>
      <c r="X298" s="128"/>
      <c r="Y298" s="128"/>
      <c r="Z298" s="128"/>
      <c r="AA298" s="128"/>
      <c r="AB298" s="128"/>
      <c r="AC298" s="128"/>
      <c r="AD298" s="128"/>
      <c r="AE298" s="128"/>
      <c r="AF298" s="128"/>
      <c r="AG298" s="128"/>
      <c r="AH298" s="128"/>
      <c r="AI298" s="128"/>
      <c r="AJ298" s="128"/>
      <c r="AK298" s="128"/>
      <c r="AL298" s="128"/>
      <c r="AM298" s="128"/>
      <c r="AN298" s="128"/>
      <c r="AO298" s="128"/>
      <c r="AP298" s="128"/>
      <c r="AQ298" s="128"/>
      <c r="AR298" s="128"/>
      <c r="AS298" s="128"/>
      <c r="AT298" s="128"/>
      <c r="AU298" s="128"/>
      <c r="AV298" s="128"/>
      <c r="AW298" s="128"/>
      <c r="AX298" s="129"/>
    </row>
    <row r="299" spans="1:251" s="23" customFormat="1" ht="10.8" customHeight="1">
      <c r="A299" s="34"/>
      <c r="B299" s="127"/>
      <c r="C299" s="128"/>
      <c r="D299" s="128"/>
      <c r="E299" s="128"/>
      <c r="F299" s="128"/>
      <c r="G299" s="128"/>
      <c r="H299" s="128"/>
      <c r="I299" s="128"/>
      <c r="J299" s="128"/>
      <c r="K299" s="128"/>
      <c r="L299" s="128"/>
      <c r="M299" s="128"/>
      <c r="N299" s="128"/>
      <c r="O299" s="128"/>
      <c r="P299" s="128"/>
      <c r="Q299" s="128"/>
      <c r="R299" s="128"/>
      <c r="S299" s="128"/>
      <c r="T299" s="128"/>
      <c r="U299" s="128"/>
      <c r="V299" s="128"/>
      <c r="W299" s="128"/>
      <c r="X299" s="128"/>
      <c r="Y299" s="128"/>
      <c r="Z299" s="128"/>
      <c r="AA299" s="128"/>
      <c r="AB299" s="128"/>
      <c r="AC299" s="128"/>
      <c r="AD299" s="128"/>
      <c r="AE299" s="128"/>
      <c r="AF299" s="128"/>
      <c r="AG299" s="128"/>
      <c r="AH299" s="128"/>
      <c r="AI299" s="128"/>
      <c r="AJ299" s="128"/>
      <c r="AK299" s="128"/>
      <c r="AL299" s="128"/>
      <c r="AM299" s="128"/>
      <c r="AN299" s="128"/>
      <c r="AO299" s="128"/>
      <c r="AP299" s="128"/>
      <c r="AQ299" s="128"/>
      <c r="AR299" s="128"/>
      <c r="AS299" s="128"/>
      <c r="AT299" s="128"/>
      <c r="AU299" s="128"/>
      <c r="AV299" s="128"/>
      <c r="AW299" s="128"/>
      <c r="AX299" s="129"/>
    </row>
    <row r="300" spans="1:251" s="23" customFormat="1" ht="15" thickBot="1">
      <c r="A300" s="38"/>
      <c r="B300" s="39"/>
      <c r="C300" s="40"/>
      <c r="D300" s="40"/>
      <c r="E300" s="40"/>
      <c r="F300" s="40"/>
      <c r="G300" s="40"/>
      <c r="H300" s="40"/>
      <c r="I300" s="40"/>
      <c r="J300" s="40"/>
      <c r="K300" s="40"/>
      <c r="L300" s="40"/>
      <c r="M300" s="40"/>
      <c r="N300" s="40"/>
      <c r="O300" s="40"/>
      <c r="P300" s="40"/>
      <c r="Q300" s="40"/>
      <c r="R300" s="40"/>
      <c r="S300" s="40"/>
      <c r="T300" s="40"/>
      <c r="U300" s="40"/>
      <c r="V300" s="40"/>
      <c r="W300" s="40"/>
      <c r="X300" s="40"/>
      <c r="Y300" s="40"/>
      <c r="Z300" s="40"/>
      <c r="AA300" s="40"/>
      <c r="AB300" s="40"/>
      <c r="AC300" s="40"/>
      <c r="AD300" s="40"/>
      <c r="AE300" s="40"/>
      <c r="AF300" s="40"/>
      <c r="AG300" s="40"/>
      <c r="AH300" s="40"/>
      <c r="AI300" s="40"/>
      <c r="AJ300" s="40"/>
      <c r="AK300" s="40"/>
      <c r="AL300" s="40"/>
      <c r="AM300" s="40"/>
      <c r="AN300" s="40"/>
      <c r="AO300" s="40"/>
      <c r="AP300" s="40"/>
      <c r="AQ300" s="40"/>
      <c r="AR300" s="40"/>
      <c r="AS300" s="40"/>
      <c r="AT300" s="40"/>
      <c r="AU300" s="40"/>
      <c r="AV300" s="40"/>
      <c r="AW300" s="40"/>
      <c r="AX300" s="41"/>
    </row>
    <row r="301" spans="1:251" s="23" customFormat="1" ht="13.2">
      <c r="B301" s="42"/>
    </row>
    <row r="302" spans="1:251" s="23" customFormat="1" ht="14.4">
      <c r="B302" s="33" t="s">
        <v>93</v>
      </c>
      <c r="C302" s="34"/>
      <c r="D302" s="34"/>
      <c r="E302" s="34"/>
      <c r="F302" s="34"/>
      <c r="G302" s="34"/>
      <c r="H302" s="34"/>
      <c r="I302" s="34"/>
      <c r="J302" s="34"/>
      <c r="K302" s="34"/>
      <c r="L302" s="35"/>
      <c r="M302" s="35"/>
      <c r="N302" s="35"/>
      <c r="O302" s="35"/>
      <c r="P302" s="34"/>
      <c r="Q302" s="34"/>
      <c r="R302" s="34"/>
      <c r="S302" s="34"/>
      <c r="T302" s="34"/>
      <c r="U302" s="34"/>
      <c r="V302" s="33"/>
      <c r="W302" s="33"/>
      <c r="X302" s="33"/>
      <c r="Y302" s="33"/>
      <c r="Z302" s="33"/>
      <c r="AA302" s="33"/>
      <c r="AB302" s="33"/>
      <c r="AC302" s="33"/>
      <c r="AD302" s="33"/>
      <c r="AE302" s="33"/>
      <c r="AF302" s="33"/>
      <c r="AG302" s="33"/>
      <c r="AH302" s="33"/>
      <c r="AI302" s="33"/>
      <c r="AJ302" s="33"/>
      <c r="AK302" s="33"/>
      <c r="AL302" s="33"/>
      <c r="AM302" s="33"/>
      <c r="AN302" s="33"/>
      <c r="AO302" s="33"/>
      <c r="AP302" s="33"/>
      <c r="AQ302" s="33"/>
      <c r="AR302" s="33"/>
      <c r="AS302" s="33"/>
      <c r="AT302" s="33"/>
      <c r="AU302" s="33"/>
      <c r="AV302" s="33"/>
      <c r="AW302" s="33"/>
      <c r="AX302" s="33"/>
    </row>
    <row r="303" spans="1:251" s="23" customFormat="1" ht="15" thickBot="1">
      <c r="B303" s="33"/>
      <c r="C303" s="34"/>
      <c r="D303" s="34"/>
      <c r="E303" s="34"/>
      <c r="F303" s="34"/>
      <c r="G303" s="34"/>
      <c r="H303" s="34"/>
      <c r="I303" s="34"/>
      <c r="J303" s="34"/>
      <c r="K303" s="34"/>
      <c r="L303" s="35"/>
      <c r="M303" s="35"/>
      <c r="N303" s="35"/>
      <c r="O303" s="35"/>
      <c r="P303" s="34"/>
      <c r="Q303" s="34"/>
      <c r="R303" s="34"/>
      <c r="S303" s="34"/>
      <c r="T303" s="34"/>
      <c r="U303" s="34"/>
      <c r="V303" s="33"/>
      <c r="W303" s="33"/>
      <c r="X303" s="33"/>
      <c r="Y303" s="33"/>
      <c r="Z303" s="33"/>
      <c r="AA303" s="33"/>
      <c r="AB303" s="33"/>
      <c r="AC303" s="33"/>
      <c r="AD303" s="33"/>
      <c r="AE303" s="33"/>
      <c r="AF303" s="33"/>
      <c r="AG303" s="33"/>
      <c r="AH303" s="33"/>
      <c r="AI303" s="33"/>
      <c r="AJ303" s="33"/>
      <c r="AK303" s="33"/>
      <c r="AL303" s="33"/>
      <c r="AM303" s="33"/>
      <c r="AN303" s="33"/>
      <c r="AO303" s="33"/>
      <c r="AP303" s="33"/>
      <c r="AQ303" s="33"/>
      <c r="AR303" s="33"/>
      <c r="AS303" s="33"/>
      <c r="AT303" s="33"/>
      <c r="AU303" s="33"/>
      <c r="AV303" s="33"/>
      <c r="AW303" s="33"/>
      <c r="AX303" s="43" t="s">
        <v>94</v>
      </c>
    </row>
    <row r="304" spans="1:251" s="50" customFormat="1" ht="13.5" customHeight="1">
      <c r="A304" s="34"/>
      <c r="B304" s="139" t="s">
        <v>95</v>
      </c>
      <c r="C304" s="203"/>
      <c r="D304" s="203"/>
      <c r="E304" s="203"/>
      <c r="F304" s="203"/>
      <c r="G304" s="203"/>
      <c r="H304" s="203"/>
      <c r="I304" s="203"/>
      <c r="J304" s="203"/>
      <c r="K304" s="203"/>
      <c r="L304" s="203"/>
      <c r="M304" s="203"/>
      <c r="N304" s="203"/>
      <c r="O304" s="203"/>
      <c r="P304" s="203"/>
      <c r="Q304" s="203"/>
      <c r="R304" s="203"/>
      <c r="S304" s="203"/>
      <c r="T304" s="203"/>
      <c r="U304" s="203"/>
      <c r="V304" s="203"/>
      <c r="W304" s="203"/>
      <c r="X304" s="203"/>
      <c r="Y304" s="203"/>
      <c r="Z304" s="204"/>
      <c r="AA304" s="145" t="s">
        <v>116</v>
      </c>
      <c r="AB304" s="203"/>
      <c r="AC304" s="203"/>
      <c r="AD304" s="203"/>
      <c r="AE304" s="203"/>
      <c r="AF304" s="203"/>
      <c r="AG304" s="203"/>
      <c r="AH304" s="203"/>
      <c r="AI304" s="204"/>
      <c r="AJ304" s="145" t="s">
        <v>117</v>
      </c>
      <c r="AK304" s="203"/>
      <c r="AL304" s="203"/>
      <c r="AM304" s="203"/>
      <c r="AN304" s="203"/>
      <c r="AO304" s="203"/>
      <c r="AP304" s="203"/>
      <c r="AQ304" s="203"/>
      <c r="AR304" s="204"/>
      <c r="AS304" s="145" t="s">
        <v>98</v>
      </c>
      <c r="AT304" s="203"/>
      <c r="AU304" s="203"/>
      <c r="AV304" s="203"/>
      <c r="AW304" s="203"/>
      <c r="AX304" s="209"/>
      <c r="AY304" s="23"/>
      <c r="AZ304" s="23"/>
      <c r="BA304" s="23"/>
      <c r="BB304" s="23"/>
      <c r="BC304" s="23"/>
      <c r="BD304" s="23"/>
      <c r="BE304" s="23"/>
      <c r="BF304" s="23"/>
      <c r="BG304" s="23"/>
      <c r="BH304" s="23"/>
      <c r="BI304" s="23"/>
      <c r="BJ304" s="23"/>
      <c r="BK304" s="23"/>
      <c r="BL304" s="23"/>
      <c r="BM304" s="23"/>
      <c r="BN304" s="23"/>
      <c r="BO304" s="23"/>
      <c r="BP304" s="23"/>
      <c r="BQ304" s="23"/>
      <c r="BR304" s="23"/>
      <c r="BS304" s="23"/>
      <c r="BT304" s="23"/>
      <c r="BU304" s="23"/>
      <c r="BV304" s="23"/>
      <c r="BW304" s="23"/>
      <c r="BX304" s="23"/>
      <c r="BY304" s="23"/>
      <c r="BZ304" s="23"/>
      <c r="CA304" s="23"/>
      <c r="CB304" s="23"/>
      <c r="CC304" s="23"/>
      <c r="CD304" s="23"/>
      <c r="CE304" s="23"/>
      <c r="CF304" s="23"/>
      <c r="CG304" s="23"/>
      <c r="CH304" s="23"/>
      <c r="CI304" s="23"/>
      <c r="CJ304" s="23"/>
      <c r="CK304" s="23"/>
      <c r="CL304" s="23"/>
      <c r="CM304" s="23"/>
      <c r="CN304" s="23"/>
      <c r="CO304" s="23"/>
      <c r="CP304" s="23"/>
      <c r="CQ304" s="23"/>
      <c r="CR304" s="23"/>
      <c r="CS304" s="23"/>
      <c r="CT304" s="23"/>
      <c r="CU304" s="23"/>
      <c r="CV304" s="23"/>
      <c r="CW304" s="23"/>
      <c r="CX304" s="23"/>
      <c r="CY304" s="23"/>
      <c r="CZ304" s="23"/>
      <c r="DA304" s="23"/>
      <c r="DB304" s="23"/>
      <c r="DC304" s="23"/>
      <c r="DD304" s="23"/>
      <c r="DE304" s="23"/>
      <c r="DF304" s="23"/>
      <c r="DG304" s="23"/>
      <c r="DH304" s="23"/>
      <c r="DI304" s="23"/>
      <c r="DJ304" s="23"/>
      <c r="DK304" s="23"/>
      <c r="DL304" s="23"/>
      <c r="DM304" s="23"/>
      <c r="DN304" s="23"/>
      <c r="DO304" s="23"/>
      <c r="DP304" s="23"/>
      <c r="DQ304" s="23"/>
      <c r="DR304" s="23"/>
      <c r="DS304" s="23"/>
      <c r="DT304" s="23"/>
      <c r="DU304" s="23"/>
      <c r="DV304" s="23"/>
      <c r="DW304" s="23"/>
      <c r="DX304" s="23"/>
      <c r="DY304" s="23"/>
      <c r="DZ304" s="23"/>
      <c r="EA304" s="23"/>
      <c r="EB304" s="23"/>
      <c r="EC304" s="23"/>
      <c r="ED304" s="23"/>
      <c r="EE304" s="23"/>
      <c r="EF304" s="23"/>
      <c r="EG304" s="23"/>
      <c r="EH304" s="23"/>
      <c r="EI304" s="23"/>
      <c r="EJ304" s="23"/>
      <c r="EK304" s="23"/>
      <c r="EL304" s="23"/>
      <c r="EM304" s="23"/>
      <c r="EN304" s="23"/>
      <c r="EO304" s="23"/>
      <c r="EP304" s="23"/>
      <c r="EQ304" s="23"/>
      <c r="ER304" s="23"/>
      <c r="ES304" s="23"/>
      <c r="ET304" s="23"/>
      <c r="EU304" s="23"/>
      <c r="EV304" s="23"/>
      <c r="EW304" s="23"/>
      <c r="EX304" s="23"/>
      <c r="EY304" s="23"/>
      <c r="EZ304" s="23"/>
      <c r="FA304" s="23"/>
      <c r="FB304" s="23"/>
      <c r="FC304" s="23"/>
      <c r="FD304" s="23"/>
      <c r="FE304" s="23"/>
      <c r="FF304" s="23"/>
      <c r="FG304" s="23"/>
      <c r="FH304" s="23"/>
      <c r="FI304" s="23"/>
      <c r="FJ304" s="23"/>
      <c r="FK304" s="23"/>
      <c r="FL304" s="23"/>
      <c r="FM304" s="23"/>
      <c r="FN304" s="23"/>
      <c r="FO304" s="23"/>
      <c r="FP304" s="23"/>
      <c r="FQ304" s="23"/>
      <c r="FR304" s="23"/>
      <c r="FS304" s="23"/>
      <c r="FT304" s="23"/>
      <c r="FU304" s="23"/>
      <c r="FV304" s="23"/>
      <c r="FW304" s="23"/>
      <c r="FX304" s="23"/>
      <c r="FY304" s="23"/>
      <c r="FZ304" s="23"/>
      <c r="GA304" s="23"/>
      <c r="GB304" s="23"/>
      <c r="GC304" s="23"/>
      <c r="GD304" s="23"/>
      <c r="GE304" s="23"/>
      <c r="GF304" s="23"/>
      <c r="GG304" s="23"/>
      <c r="GH304" s="23"/>
      <c r="GI304" s="23"/>
      <c r="GJ304" s="23"/>
      <c r="GK304" s="23"/>
      <c r="GL304" s="23"/>
      <c r="GM304" s="23"/>
      <c r="GN304" s="23"/>
      <c r="GO304" s="23"/>
      <c r="GP304" s="23"/>
      <c r="GQ304" s="23"/>
      <c r="GR304" s="23"/>
      <c r="GS304" s="23"/>
      <c r="GT304" s="23"/>
      <c r="GU304" s="23"/>
      <c r="GV304" s="23"/>
      <c r="GW304" s="23"/>
      <c r="GX304" s="23"/>
      <c r="GY304" s="23"/>
      <c r="GZ304" s="23"/>
      <c r="HA304" s="23"/>
      <c r="HB304" s="23"/>
      <c r="HC304" s="23"/>
      <c r="HD304" s="23"/>
      <c r="HE304" s="23"/>
      <c r="HF304" s="23"/>
      <c r="HG304" s="23"/>
      <c r="HH304" s="23"/>
      <c r="HI304" s="23"/>
      <c r="HJ304" s="23"/>
      <c r="HK304" s="23"/>
      <c r="HL304" s="23"/>
      <c r="HM304" s="23"/>
      <c r="HN304" s="23"/>
      <c r="HO304" s="23"/>
      <c r="HP304" s="23"/>
      <c r="HQ304" s="23"/>
      <c r="HR304" s="23"/>
      <c r="HS304" s="23"/>
      <c r="HT304" s="23"/>
      <c r="HU304" s="23"/>
      <c r="HV304" s="23"/>
      <c r="HW304" s="23"/>
      <c r="HX304" s="23"/>
      <c r="HY304" s="23"/>
      <c r="HZ304" s="23"/>
      <c r="IA304" s="23"/>
      <c r="IB304" s="23"/>
      <c r="IC304" s="23"/>
      <c r="ID304" s="23"/>
      <c r="IE304" s="23"/>
      <c r="IF304" s="23"/>
      <c r="IG304" s="23"/>
      <c r="IH304" s="23"/>
      <c r="II304" s="23"/>
      <c r="IJ304" s="23"/>
      <c r="IK304" s="23"/>
      <c r="IL304" s="23"/>
      <c r="IM304" s="23"/>
      <c r="IN304" s="23"/>
      <c r="IO304" s="23"/>
      <c r="IP304" s="23"/>
      <c r="IQ304" s="23"/>
    </row>
    <row r="305" spans="1:251" s="50" customFormat="1">
      <c r="A305" s="34"/>
      <c r="B305" s="205"/>
      <c r="C305" s="206"/>
      <c r="D305" s="206"/>
      <c r="E305" s="206"/>
      <c r="F305" s="206"/>
      <c r="G305" s="206"/>
      <c r="H305" s="206"/>
      <c r="I305" s="206"/>
      <c r="J305" s="206"/>
      <c r="K305" s="206"/>
      <c r="L305" s="206"/>
      <c r="M305" s="206"/>
      <c r="N305" s="206"/>
      <c r="O305" s="206"/>
      <c r="P305" s="206"/>
      <c r="Q305" s="206"/>
      <c r="R305" s="206"/>
      <c r="S305" s="206"/>
      <c r="T305" s="206"/>
      <c r="U305" s="206"/>
      <c r="V305" s="206"/>
      <c r="W305" s="206"/>
      <c r="X305" s="206"/>
      <c r="Y305" s="206"/>
      <c r="Z305" s="207"/>
      <c r="AA305" s="208"/>
      <c r="AB305" s="206"/>
      <c r="AC305" s="206"/>
      <c r="AD305" s="206"/>
      <c r="AE305" s="206"/>
      <c r="AF305" s="206"/>
      <c r="AG305" s="206"/>
      <c r="AH305" s="206"/>
      <c r="AI305" s="207"/>
      <c r="AJ305" s="208"/>
      <c r="AK305" s="206"/>
      <c r="AL305" s="206"/>
      <c r="AM305" s="206"/>
      <c r="AN305" s="206"/>
      <c r="AO305" s="206"/>
      <c r="AP305" s="206"/>
      <c r="AQ305" s="206"/>
      <c r="AR305" s="207"/>
      <c r="AS305" s="208"/>
      <c r="AT305" s="206"/>
      <c r="AU305" s="206"/>
      <c r="AV305" s="206"/>
      <c r="AW305" s="206"/>
      <c r="AX305" s="210"/>
      <c r="AY305" s="23"/>
      <c r="AZ305" s="23"/>
      <c r="BA305" s="23"/>
      <c r="BB305"/>
      <c r="BC305" s="45"/>
      <c r="BE305" s="23"/>
      <c r="BF305" s="23"/>
      <c r="BG305" s="23"/>
      <c r="BH305" s="23"/>
      <c r="BI305" s="23"/>
      <c r="BJ305" s="23"/>
      <c r="BK305" s="23"/>
      <c r="BL305" s="23"/>
      <c r="BM305" s="23"/>
      <c r="BN305" s="23"/>
      <c r="BO305" s="23"/>
      <c r="BP305" s="23"/>
      <c r="BQ305" s="23"/>
      <c r="BR305" s="23"/>
      <c r="BS305" s="23"/>
      <c r="BT305" s="23"/>
      <c r="BU305" s="23"/>
      <c r="BV305" s="23"/>
      <c r="BW305" s="23"/>
      <c r="BX305" s="23"/>
      <c r="BY305" s="23"/>
      <c r="BZ305" s="23"/>
      <c r="CA305" s="23"/>
      <c r="CB305" s="23"/>
      <c r="CC305" s="23"/>
      <c r="CD305" s="23"/>
      <c r="CE305" s="23"/>
      <c r="CF305" s="23"/>
      <c r="CG305" s="23"/>
      <c r="CH305" s="23"/>
      <c r="CI305" s="23"/>
      <c r="CJ305" s="23"/>
      <c r="CK305" s="23"/>
      <c r="CL305" s="23"/>
      <c r="CM305" s="23"/>
      <c r="CN305" s="23"/>
      <c r="CO305" s="23"/>
      <c r="CP305" s="23"/>
      <c r="CQ305" s="23"/>
      <c r="CR305" s="23"/>
      <c r="CS305" s="23"/>
      <c r="CT305" s="23"/>
      <c r="CU305" s="23"/>
      <c r="CV305" s="23"/>
      <c r="CW305" s="23"/>
      <c r="CX305" s="23"/>
      <c r="CY305" s="23"/>
      <c r="CZ305" s="23"/>
      <c r="DA305" s="23"/>
      <c r="DB305" s="23"/>
      <c r="DC305" s="23"/>
      <c r="DD305" s="23"/>
      <c r="DE305" s="23"/>
      <c r="DF305" s="23"/>
      <c r="DG305" s="23"/>
      <c r="DH305" s="23"/>
      <c r="DI305" s="23"/>
      <c r="DJ305" s="23"/>
      <c r="DK305" s="23"/>
      <c r="DL305" s="23"/>
      <c r="DM305" s="23"/>
      <c r="DN305" s="23"/>
      <c r="DO305" s="23"/>
      <c r="DP305" s="23"/>
      <c r="DQ305" s="23"/>
      <c r="DR305" s="23"/>
      <c r="DS305" s="23"/>
      <c r="DT305" s="23"/>
      <c r="DU305" s="23"/>
      <c r="DV305" s="23"/>
      <c r="DW305" s="23"/>
      <c r="DX305" s="23"/>
      <c r="DY305" s="23"/>
      <c r="DZ305" s="23"/>
      <c r="EA305" s="23"/>
      <c r="EB305" s="23"/>
      <c r="EC305" s="23"/>
      <c r="ED305" s="23"/>
      <c r="EE305" s="23"/>
      <c r="EF305" s="23"/>
      <c r="EG305" s="23"/>
      <c r="EH305" s="23"/>
      <c r="EI305" s="23"/>
      <c r="EJ305" s="23"/>
      <c r="EK305" s="23"/>
      <c r="EL305" s="23"/>
      <c r="EM305" s="23"/>
      <c r="EN305" s="23"/>
      <c r="EO305" s="23"/>
      <c r="EP305" s="23"/>
      <c r="EQ305" s="23"/>
      <c r="ER305" s="23"/>
      <c r="ES305" s="23"/>
      <c r="ET305" s="23"/>
      <c r="EU305" s="23"/>
      <c r="EV305" s="23"/>
      <c r="EW305" s="23"/>
      <c r="EX305" s="23"/>
      <c r="EY305" s="23"/>
      <c r="EZ305" s="23"/>
      <c r="FA305" s="23"/>
      <c r="FB305" s="23"/>
      <c r="FC305" s="23"/>
      <c r="FD305" s="23"/>
      <c r="FE305" s="23"/>
      <c r="FF305" s="23"/>
      <c r="FG305" s="23"/>
      <c r="FH305" s="23"/>
      <c r="FI305" s="23"/>
      <c r="FJ305" s="23"/>
      <c r="FK305" s="23"/>
      <c r="FL305" s="23"/>
      <c r="FM305" s="23"/>
      <c r="FN305" s="23"/>
      <c r="FO305" s="23"/>
      <c r="FP305" s="23"/>
      <c r="FQ305" s="23"/>
      <c r="FR305" s="23"/>
      <c r="FS305" s="23"/>
      <c r="FT305" s="23"/>
      <c r="FU305" s="23"/>
      <c r="FV305" s="23"/>
      <c r="FW305" s="23"/>
      <c r="FX305" s="23"/>
      <c r="FY305" s="23"/>
      <c r="FZ305" s="23"/>
      <c r="GA305" s="23"/>
      <c r="GB305" s="23"/>
      <c r="GC305" s="23"/>
      <c r="GD305" s="23"/>
      <c r="GE305" s="23"/>
      <c r="GF305" s="23"/>
      <c r="GG305" s="23"/>
      <c r="GH305" s="23"/>
      <c r="GI305" s="23"/>
      <c r="GJ305" s="23"/>
      <c r="GK305" s="23"/>
      <c r="GL305" s="23"/>
      <c r="GM305" s="23"/>
      <c r="GN305" s="23"/>
      <c r="GO305" s="23"/>
      <c r="GP305" s="23"/>
      <c r="GQ305" s="23"/>
      <c r="GR305" s="23"/>
      <c r="GS305" s="23"/>
      <c r="GT305" s="23"/>
      <c r="GU305" s="23"/>
      <c r="GV305" s="23"/>
      <c r="GW305" s="23"/>
      <c r="GX305" s="23"/>
      <c r="GY305" s="23"/>
      <c r="GZ305" s="23"/>
      <c r="HA305" s="23"/>
      <c r="HB305" s="23"/>
      <c r="HC305" s="23"/>
      <c r="HD305" s="23"/>
      <c r="HE305" s="23"/>
      <c r="HF305" s="23"/>
      <c r="HG305" s="23"/>
      <c r="HH305" s="23"/>
      <c r="HI305" s="23"/>
      <c r="HJ305" s="23"/>
      <c r="HK305" s="23"/>
      <c r="HL305" s="23"/>
      <c r="HM305" s="23"/>
      <c r="HN305" s="23"/>
      <c r="HO305" s="23"/>
      <c r="HP305" s="23"/>
      <c r="HQ305" s="23"/>
      <c r="HR305" s="23"/>
      <c r="HS305" s="23"/>
      <c r="HT305" s="23"/>
      <c r="HU305" s="23"/>
      <c r="HV305" s="23"/>
      <c r="HW305" s="23"/>
      <c r="HX305" s="23"/>
      <c r="HY305" s="23"/>
      <c r="HZ305" s="23"/>
      <c r="IA305" s="23"/>
      <c r="IB305" s="23"/>
      <c r="IC305" s="23"/>
      <c r="ID305" s="23"/>
      <c r="IE305" s="23"/>
      <c r="IF305" s="23"/>
      <c r="IG305" s="23"/>
      <c r="IH305" s="23"/>
      <c r="II305" s="23"/>
      <c r="IJ305" s="23"/>
      <c r="IK305" s="23"/>
      <c r="IL305" s="23"/>
      <c r="IM305" s="23"/>
      <c r="IN305" s="23"/>
      <c r="IO305" s="23"/>
      <c r="IP305" s="23"/>
      <c r="IQ305" s="23"/>
    </row>
    <row r="306" spans="1:251" s="50" customFormat="1" ht="18.75" customHeight="1">
      <c r="A306" s="34"/>
      <c r="B306" s="46"/>
      <c r="C306" s="130" t="s">
        <v>139</v>
      </c>
      <c r="D306" s="130"/>
      <c r="E306" s="130"/>
      <c r="F306" s="130"/>
      <c r="G306" s="130"/>
      <c r="H306" s="130"/>
      <c r="I306" s="130"/>
      <c r="J306" s="130"/>
      <c r="K306" s="130"/>
      <c r="L306" s="130"/>
      <c r="M306" s="130"/>
      <c r="N306" s="130"/>
      <c r="O306" s="130"/>
      <c r="P306" s="130"/>
      <c r="Q306" s="130"/>
      <c r="R306" s="130"/>
      <c r="S306" s="130"/>
      <c r="T306" s="130"/>
      <c r="U306" s="130"/>
      <c r="V306" s="130"/>
      <c r="W306" s="130"/>
      <c r="X306" s="130"/>
      <c r="Y306" s="130"/>
      <c r="Z306" s="131"/>
      <c r="AA306" s="132">
        <v>2842</v>
      </c>
      <c r="AB306" s="196"/>
      <c r="AC306" s="196"/>
      <c r="AD306" s="196"/>
      <c r="AE306" s="196"/>
      <c r="AF306" s="196"/>
      <c r="AG306" s="196"/>
      <c r="AH306" s="196"/>
      <c r="AI306" s="197"/>
      <c r="AJ306" s="132">
        <v>1457</v>
      </c>
      <c r="AK306" s="196"/>
      <c r="AL306" s="196"/>
      <c r="AM306" s="196"/>
      <c r="AN306" s="196"/>
      <c r="AO306" s="196"/>
      <c r="AP306" s="196"/>
      <c r="AQ306" s="196"/>
      <c r="AR306" s="197"/>
      <c r="AS306" s="132"/>
      <c r="AT306" s="196"/>
      <c r="AU306" s="196"/>
      <c r="AV306" s="196"/>
      <c r="AW306" s="196"/>
      <c r="AX306" s="202"/>
      <c r="AY306" s="23"/>
      <c r="AZ306" s="23"/>
      <c r="BA306" s="23"/>
      <c r="BB306" s="23"/>
      <c r="BC306" s="23"/>
      <c r="BD306" s="23"/>
      <c r="BE306" s="23"/>
      <c r="BF306" s="23"/>
      <c r="BG306" s="23"/>
      <c r="BH306" s="23"/>
      <c r="BI306" s="23"/>
      <c r="BJ306" s="23"/>
      <c r="BK306" s="23"/>
      <c r="BL306" s="23"/>
      <c r="BM306" s="23"/>
      <c r="BN306" s="23"/>
      <c r="BO306" s="23"/>
      <c r="BP306" s="23"/>
      <c r="BQ306" s="23"/>
      <c r="BR306" s="23"/>
      <c r="BS306" s="23"/>
      <c r="BT306" s="23"/>
      <c r="BU306" s="23"/>
      <c r="BV306" s="23"/>
      <c r="BW306" s="23"/>
      <c r="BX306" s="23"/>
      <c r="BY306" s="23"/>
      <c r="BZ306" s="23"/>
      <c r="CA306" s="23"/>
      <c r="CB306" s="23"/>
      <c r="CC306" s="23"/>
      <c r="CD306" s="23"/>
      <c r="CE306" s="23"/>
      <c r="CF306" s="23"/>
      <c r="CG306" s="23"/>
      <c r="CH306" s="23"/>
      <c r="CI306" s="23"/>
      <c r="CJ306" s="23"/>
      <c r="CK306" s="23"/>
      <c r="CL306" s="23"/>
      <c r="CM306" s="23"/>
      <c r="CN306" s="23"/>
      <c r="CO306" s="23"/>
      <c r="CP306" s="23"/>
      <c r="CQ306" s="23"/>
      <c r="CR306" s="23"/>
      <c r="CS306" s="23"/>
      <c r="CT306" s="23"/>
      <c r="CU306" s="23"/>
      <c r="CV306" s="23"/>
      <c r="CW306" s="23"/>
      <c r="CX306" s="23"/>
      <c r="CY306" s="23"/>
      <c r="CZ306" s="23"/>
      <c r="DA306" s="23"/>
      <c r="DB306" s="23"/>
      <c r="DC306" s="23"/>
      <c r="DD306" s="23"/>
      <c r="DE306" s="23"/>
      <c r="DF306" s="23"/>
      <c r="DG306" s="23"/>
      <c r="DH306" s="23"/>
      <c r="DI306" s="23"/>
      <c r="DJ306" s="23"/>
      <c r="DK306" s="23"/>
      <c r="DL306" s="23"/>
      <c r="DM306" s="23"/>
      <c r="DN306" s="23"/>
      <c r="DO306" s="23"/>
      <c r="DP306" s="23"/>
      <c r="DQ306" s="23"/>
      <c r="DR306" s="23"/>
      <c r="DS306" s="23"/>
      <c r="DT306" s="23"/>
      <c r="DU306" s="23"/>
      <c r="DV306" s="23"/>
      <c r="DW306" s="23"/>
      <c r="DX306" s="23"/>
      <c r="DY306" s="23"/>
      <c r="DZ306" s="23"/>
      <c r="EA306" s="23"/>
      <c r="EB306" s="23"/>
      <c r="EC306" s="23"/>
      <c r="ED306" s="23"/>
      <c r="EE306" s="23"/>
      <c r="EF306" s="23"/>
      <c r="EG306" s="23"/>
      <c r="EH306" s="23"/>
      <c r="EI306" s="23"/>
      <c r="EJ306" s="23"/>
      <c r="EK306" s="23"/>
      <c r="EL306" s="23"/>
      <c r="EM306" s="23"/>
      <c r="EN306" s="23"/>
      <c r="EO306" s="23"/>
      <c r="EP306" s="23"/>
      <c r="EQ306" s="23"/>
      <c r="ER306" s="23"/>
      <c r="ES306" s="23"/>
      <c r="ET306" s="23"/>
      <c r="EU306" s="23"/>
      <c r="EV306" s="23"/>
      <c r="EW306" s="23"/>
      <c r="EX306" s="23"/>
      <c r="EY306" s="23"/>
      <c r="EZ306" s="23"/>
      <c r="FA306" s="23"/>
      <c r="FB306" s="23"/>
      <c r="FC306" s="23"/>
      <c r="FD306" s="23"/>
      <c r="FE306" s="23"/>
      <c r="FF306" s="23"/>
      <c r="FG306" s="23"/>
      <c r="FH306" s="23"/>
      <c r="FI306" s="23"/>
      <c r="FJ306" s="23"/>
      <c r="FK306" s="23"/>
      <c r="FL306" s="23"/>
      <c r="FM306" s="23"/>
      <c r="FN306" s="23"/>
      <c r="FO306" s="23"/>
      <c r="FP306" s="23"/>
      <c r="FQ306" s="23"/>
      <c r="FR306" s="23"/>
      <c r="FS306" s="23"/>
      <c r="FT306" s="23"/>
      <c r="FU306" s="23"/>
      <c r="FV306" s="23"/>
      <c r="FW306" s="23"/>
      <c r="FX306" s="23"/>
      <c r="FY306" s="23"/>
      <c r="FZ306" s="23"/>
      <c r="GA306" s="23"/>
      <c r="GB306" s="23"/>
      <c r="GC306" s="23"/>
      <c r="GD306" s="23"/>
      <c r="GE306" s="23"/>
      <c r="GF306" s="23"/>
      <c r="GG306" s="23"/>
      <c r="GH306" s="23"/>
      <c r="GI306" s="23"/>
      <c r="GJ306" s="23"/>
      <c r="GK306" s="23"/>
      <c r="GL306" s="23"/>
      <c r="GM306" s="23"/>
      <c r="GN306" s="23"/>
      <c r="GO306" s="23"/>
      <c r="GP306" s="23"/>
      <c r="GQ306" s="23"/>
      <c r="GR306" s="23"/>
      <c r="GS306" s="23"/>
      <c r="GT306" s="23"/>
      <c r="GU306" s="23"/>
      <c r="GV306" s="23"/>
      <c r="GW306" s="23"/>
      <c r="GX306" s="23"/>
      <c r="GY306" s="23"/>
      <c r="GZ306" s="23"/>
      <c r="HA306" s="23"/>
      <c r="HB306" s="23"/>
      <c r="HC306" s="23"/>
      <c r="HD306" s="23"/>
      <c r="HE306" s="23"/>
      <c r="HF306" s="23"/>
      <c r="HG306" s="23"/>
      <c r="HH306" s="23"/>
      <c r="HI306" s="23"/>
      <c r="HJ306" s="23"/>
      <c r="HK306" s="23"/>
      <c r="HL306" s="23"/>
      <c r="HM306" s="23"/>
      <c r="HN306" s="23"/>
      <c r="HO306" s="23"/>
      <c r="HP306" s="23"/>
      <c r="HQ306" s="23"/>
      <c r="HR306" s="23"/>
      <c r="HS306" s="23"/>
      <c r="HT306" s="23"/>
      <c r="HU306" s="23"/>
      <c r="HV306" s="23"/>
      <c r="HW306" s="23"/>
      <c r="HX306" s="23"/>
      <c r="HY306" s="23"/>
      <c r="HZ306" s="23"/>
      <c r="IA306" s="23"/>
      <c r="IB306" s="23"/>
      <c r="IC306" s="23"/>
      <c r="ID306" s="23"/>
      <c r="IE306" s="23"/>
      <c r="IF306" s="23"/>
      <c r="IG306" s="23"/>
      <c r="IH306" s="23"/>
      <c r="II306" s="23"/>
      <c r="IJ306" s="23"/>
      <c r="IK306" s="23"/>
      <c r="IL306" s="23"/>
      <c r="IM306" s="23"/>
      <c r="IN306" s="23"/>
      <c r="IO306" s="23"/>
      <c r="IP306" s="23"/>
      <c r="IQ306" s="23"/>
    </row>
    <row r="307" spans="1:251" s="50" customFormat="1" ht="18.75" customHeight="1">
      <c r="A307" s="34"/>
      <c r="B307" s="47"/>
      <c r="C307" s="130"/>
      <c r="D307" s="130"/>
      <c r="E307" s="130"/>
      <c r="F307" s="130"/>
      <c r="G307" s="130"/>
      <c r="H307" s="130"/>
      <c r="I307" s="130"/>
      <c r="J307" s="130"/>
      <c r="K307" s="130"/>
      <c r="L307" s="130"/>
      <c r="M307" s="130"/>
      <c r="N307" s="130"/>
      <c r="O307" s="130"/>
      <c r="P307" s="130"/>
      <c r="Q307" s="130"/>
      <c r="R307" s="130"/>
      <c r="S307" s="130"/>
      <c r="T307" s="130"/>
      <c r="U307" s="130"/>
      <c r="V307" s="130"/>
      <c r="W307" s="130"/>
      <c r="X307" s="130"/>
      <c r="Y307" s="130"/>
      <c r="Z307" s="131"/>
      <c r="AA307" s="132"/>
      <c r="AB307" s="200"/>
      <c r="AC307" s="200"/>
      <c r="AD307" s="200"/>
      <c r="AE307" s="200"/>
      <c r="AF307" s="200"/>
      <c r="AG307" s="200"/>
      <c r="AH307" s="200"/>
      <c r="AI307" s="201"/>
      <c r="AJ307" s="132"/>
      <c r="AK307" s="196"/>
      <c r="AL307" s="196"/>
      <c r="AM307" s="196"/>
      <c r="AN307" s="196"/>
      <c r="AO307" s="196"/>
      <c r="AP307" s="196"/>
      <c r="AQ307" s="196"/>
      <c r="AR307" s="197"/>
      <c r="AS307" s="132"/>
      <c r="AT307" s="196"/>
      <c r="AU307" s="196"/>
      <c r="AV307" s="196"/>
      <c r="AW307" s="196"/>
      <c r="AX307" s="202"/>
      <c r="AY307" s="23"/>
      <c r="AZ307" s="23"/>
      <c r="BA307" s="23"/>
      <c r="BB307" s="23"/>
      <c r="BC307" s="23"/>
      <c r="BD307" s="23"/>
      <c r="BE307" s="23"/>
      <c r="BF307" s="23"/>
      <c r="BG307" s="23"/>
      <c r="BH307" s="23"/>
      <c r="BI307" s="23"/>
      <c r="BJ307" s="23"/>
      <c r="BK307" s="23"/>
      <c r="BL307" s="23"/>
      <c r="BM307" s="23"/>
      <c r="BN307" s="23"/>
      <c r="BO307" s="23"/>
      <c r="BP307" s="23"/>
      <c r="BQ307" s="23"/>
      <c r="BR307" s="23"/>
      <c r="BS307" s="23"/>
      <c r="BT307" s="23"/>
      <c r="BU307" s="23"/>
      <c r="BV307" s="23"/>
      <c r="BW307" s="23"/>
      <c r="BX307" s="23"/>
      <c r="BY307" s="23"/>
      <c r="BZ307" s="23"/>
      <c r="CA307" s="23"/>
      <c r="CB307" s="23"/>
      <c r="CC307" s="23"/>
      <c r="CD307" s="23"/>
      <c r="CE307" s="23"/>
      <c r="CF307" s="23"/>
      <c r="CG307" s="23"/>
      <c r="CH307" s="23"/>
      <c r="CI307" s="23"/>
      <c r="CJ307" s="23"/>
      <c r="CK307" s="23"/>
      <c r="CL307" s="23"/>
      <c r="CM307" s="23"/>
      <c r="CN307" s="23"/>
      <c r="CO307" s="23"/>
      <c r="CP307" s="23"/>
      <c r="CQ307" s="23"/>
      <c r="CR307" s="23"/>
      <c r="CS307" s="23"/>
      <c r="CT307" s="23"/>
      <c r="CU307" s="23"/>
      <c r="CV307" s="23"/>
      <c r="CW307" s="23"/>
      <c r="CX307" s="23"/>
      <c r="CY307" s="23"/>
      <c r="CZ307" s="23"/>
      <c r="DA307" s="23"/>
      <c r="DB307" s="23"/>
      <c r="DC307" s="23"/>
      <c r="DD307" s="23"/>
      <c r="DE307" s="23"/>
      <c r="DF307" s="23"/>
      <c r="DG307" s="23"/>
      <c r="DH307" s="23"/>
      <c r="DI307" s="23"/>
      <c r="DJ307" s="23"/>
      <c r="DK307" s="23"/>
      <c r="DL307" s="23"/>
      <c r="DM307" s="23"/>
      <c r="DN307" s="23"/>
      <c r="DO307" s="23"/>
      <c r="DP307" s="23"/>
      <c r="DQ307" s="23"/>
      <c r="DR307" s="23"/>
      <c r="DS307" s="23"/>
      <c r="DT307" s="23"/>
      <c r="DU307" s="23"/>
      <c r="DV307" s="23"/>
      <c r="DW307" s="23"/>
      <c r="DX307" s="23"/>
      <c r="DY307" s="23"/>
      <c r="DZ307" s="23"/>
      <c r="EA307" s="23"/>
      <c r="EB307" s="23"/>
      <c r="EC307" s="23"/>
      <c r="ED307" s="23"/>
      <c r="EE307" s="23"/>
      <c r="EF307" s="23"/>
      <c r="EG307" s="23"/>
      <c r="EH307" s="23"/>
      <c r="EI307" s="23"/>
      <c r="EJ307" s="23"/>
      <c r="EK307" s="23"/>
      <c r="EL307" s="23"/>
      <c r="EM307" s="23"/>
      <c r="EN307" s="23"/>
      <c r="EO307" s="23"/>
      <c r="EP307" s="23"/>
      <c r="EQ307" s="23"/>
      <c r="ER307" s="23"/>
      <c r="ES307" s="23"/>
      <c r="ET307" s="23"/>
      <c r="EU307" s="23"/>
      <c r="EV307" s="23"/>
      <c r="EW307" s="23"/>
      <c r="EX307" s="23"/>
      <c r="EY307" s="23"/>
      <c r="EZ307" s="23"/>
      <c r="FA307" s="23"/>
      <c r="FB307" s="23"/>
      <c r="FC307" s="23"/>
      <c r="FD307" s="23"/>
      <c r="FE307" s="23"/>
      <c r="FF307" s="23"/>
      <c r="FG307" s="23"/>
      <c r="FH307" s="23"/>
      <c r="FI307" s="23"/>
      <c r="FJ307" s="23"/>
      <c r="FK307" s="23"/>
      <c r="FL307" s="23"/>
      <c r="FM307" s="23"/>
      <c r="FN307" s="23"/>
      <c r="FO307" s="23"/>
      <c r="FP307" s="23"/>
      <c r="FQ307" s="23"/>
      <c r="FR307" s="23"/>
      <c r="FS307" s="23"/>
      <c r="FT307" s="23"/>
      <c r="FU307" s="23"/>
      <c r="FV307" s="23"/>
      <c r="FW307" s="23"/>
      <c r="FX307" s="23"/>
      <c r="FY307" s="23"/>
      <c r="FZ307" s="23"/>
      <c r="GA307" s="23"/>
      <c r="GB307" s="23"/>
      <c r="GC307" s="23"/>
      <c r="GD307" s="23"/>
      <c r="GE307" s="23"/>
      <c r="GF307" s="23"/>
      <c r="GG307" s="23"/>
      <c r="GH307" s="23"/>
      <c r="GI307" s="23"/>
      <c r="GJ307" s="23"/>
      <c r="GK307" s="23"/>
      <c r="GL307" s="23"/>
      <c r="GM307" s="23"/>
      <c r="GN307" s="23"/>
      <c r="GO307" s="23"/>
      <c r="GP307" s="23"/>
      <c r="GQ307" s="23"/>
      <c r="GR307" s="23"/>
      <c r="GS307" s="23"/>
      <c r="GT307" s="23"/>
      <c r="GU307" s="23"/>
      <c r="GV307" s="23"/>
      <c r="GW307" s="23"/>
      <c r="GX307" s="23"/>
      <c r="GY307" s="23"/>
      <c r="GZ307" s="23"/>
      <c r="HA307" s="23"/>
      <c r="HB307" s="23"/>
      <c r="HC307" s="23"/>
      <c r="HD307" s="23"/>
      <c r="HE307" s="23"/>
      <c r="HF307" s="23"/>
      <c r="HG307" s="23"/>
      <c r="HH307" s="23"/>
      <c r="HI307" s="23"/>
      <c r="HJ307" s="23"/>
      <c r="HK307" s="23"/>
      <c r="HL307" s="23"/>
      <c r="HM307" s="23"/>
      <c r="HN307" s="23"/>
      <c r="HO307" s="23"/>
      <c r="HP307" s="23"/>
      <c r="HQ307" s="23"/>
      <c r="HR307" s="23"/>
      <c r="HS307" s="23"/>
      <c r="HT307" s="23"/>
      <c r="HU307" s="23"/>
      <c r="HV307" s="23"/>
      <c r="HW307" s="23"/>
      <c r="HX307" s="23"/>
      <c r="HY307" s="23"/>
      <c r="HZ307" s="23"/>
      <c r="IA307" s="23"/>
      <c r="IB307" s="23"/>
      <c r="IC307" s="23"/>
      <c r="ID307" s="23"/>
      <c r="IE307" s="23"/>
      <c r="IF307" s="23"/>
      <c r="IG307" s="23"/>
      <c r="IH307" s="23"/>
      <c r="II307" s="23"/>
      <c r="IJ307" s="23"/>
      <c r="IK307" s="23"/>
      <c r="IL307" s="23"/>
      <c r="IM307" s="23"/>
      <c r="IN307" s="23"/>
      <c r="IO307" s="23"/>
      <c r="IP307" s="23"/>
      <c r="IQ307" s="23"/>
    </row>
    <row r="308" spans="1:251" s="50" customFormat="1" ht="18.75" customHeight="1">
      <c r="A308" s="34"/>
      <c r="B308" s="47"/>
      <c r="C308" s="130"/>
      <c r="D308" s="130"/>
      <c r="E308" s="130"/>
      <c r="F308" s="130"/>
      <c r="G308" s="130"/>
      <c r="H308" s="130"/>
      <c r="I308" s="130"/>
      <c r="J308" s="130"/>
      <c r="K308" s="130"/>
      <c r="L308" s="130"/>
      <c r="M308" s="130"/>
      <c r="N308" s="130"/>
      <c r="O308" s="130"/>
      <c r="P308" s="130"/>
      <c r="Q308" s="130"/>
      <c r="R308" s="130"/>
      <c r="S308" s="130"/>
      <c r="T308" s="130"/>
      <c r="U308" s="130"/>
      <c r="V308" s="130"/>
      <c r="W308" s="130"/>
      <c r="X308" s="130"/>
      <c r="Y308" s="130"/>
      <c r="Z308" s="131"/>
      <c r="AA308" s="132"/>
      <c r="AB308" s="200"/>
      <c r="AC308" s="200"/>
      <c r="AD308" s="200"/>
      <c r="AE308" s="200"/>
      <c r="AF308" s="200"/>
      <c r="AG308" s="200"/>
      <c r="AH308" s="200"/>
      <c r="AI308" s="201"/>
      <c r="AJ308" s="132"/>
      <c r="AK308" s="196"/>
      <c r="AL308" s="196"/>
      <c r="AM308" s="196"/>
      <c r="AN308" s="196"/>
      <c r="AO308" s="196"/>
      <c r="AP308" s="196"/>
      <c r="AQ308" s="196"/>
      <c r="AR308" s="197"/>
      <c r="AS308" s="132"/>
      <c r="AT308" s="196"/>
      <c r="AU308" s="196"/>
      <c r="AV308" s="196"/>
      <c r="AW308" s="196"/>
      <c r="AX308" s="202"/>
      <c r="AY308" s="23"/>
      <c r="AZ308" s="23"/>
      <c r="BA308" s="23"/>
      <c r="BB308" s="23"/>
      <c r="BC308" s="23"/>
      <c r="BD308" s="23"/>
      <c r="BE308" s="23"/>
      <c r="BF308" s="23"/>
      <c r="BG308" s="23"/>
      <c r="BH308" s="23"/>
      <c r="BI308" s="23"/>
      <c r="BJ308" s="23"/>
      <c r="BK308" s="23"/>
      <c r="BL308" s="23"/>
      <c r="BM308" s="23"/>
      <c r="BN308" s="23"/>
      <c r="BO308" s="23"/>
      <c r="BP308" s="23"/>
      <c r="BQ308" s="23"/>
      <c r="BR308" s="23"/>
      <c r="BS308" s="23"/>
      <c r="BT308" s="23"/>
      <c r="BU308" s="23"/>
      <c r="BV308" s="23"/>
      <c r="BW308" s="23"/>
      <c r="BX308" s="23"/>
      <c r="BY308" s="23"/>
      <c r="BZ308" s="23"/>
      <c r="CA308" s="23"/>
      <c r="CB308" s="23"/>
      <c r="CC308" s="23"/>
      <c r="CD308" s="23"/>
      <c r="CE308" s="23"/>
      <c r="CF308" s="23"/>
      <c r="CG308" s="23"/>
      <c r="CH308" s="23"/>
      <c r="CI308" s="23"/>
      <c r="CJ308" s="23"/>
      <c r="CK308" s="23"/>
      <c r="CL308" s="23"/>
      <c r="CM308" s="23"/>
      <c r="CN308" s="23"/>
      <c r="CO308" s="23"/>
      <c r="CP308" s="23"/>
      <c r="CQ308" s="23"/>
      <c r="CR308" s="23"/>
      <c r="CS308" s="23"/>
      <c r="CT308" s="23"/>
      <c r="CU308" s="23"/>
      <c r="CV308" s="23"/>
      <c r="CW308" s="23"/>
      <c r="CX308" s="23"/>
      <c r="CY308" s="23"/>
      <c r="CZ308" s="23"/>
      <c r="DA308" s="23"/>
      <c r="DB308" s="23"/>
      <c r="DC308" s="23"/>
      <c r="DD308" s="23"/>
      <c r="DE308" s="23"/>
      <c r="DF308" s="23"/>
      <c r="DG308" s="23"/>
      <c r="DH308" s="23"/>
      <c r="DI308" s="23"/>
      <c r="DJ308" s="23"/>
      <c r="DK308" s="23"/>
      <c r="DL308" s="23"/>
      <c r="DM308" s="23"/>
      <c r="DN308" s="23"/>
      <c r="DO308" s="23"/>
      <c r="DP308" s="23"/>
      <c r="DQ308" s="23"/>
      <c r="DR308" s="23"/>
      <c r="DS308" s="23"/>
      <c r="DT308" s="23"/>
      <c r="DU308" s="23"/>
      <c r="DV308" s="23"/>
      <c r="DW308" s="23"/>
      <c r="DX308" s="23"/>
      <c r="DY308" s="23"/>
      <c r="DZ308" s="23"/>
      <c r="EA308" s="23"/>
      <c r="EB308" s="23"/>
      <c r="EC308" s="23"/>
      <c r="ED308" s="23"/>
      <c r="EE308" s="23"/>
      <c r="EF308" s="23"/>
      <c r="EG308" s="23"/>
      <c r="EH308" s="23"/>
      <c r="EI308" s="23"/>
      <c r="EJ308" s="23"/>
      <c r="EK308" s="23"/>
      <c r="EL308" s="23"/>
      <c r="EM308" s="23"/>
      <c r="EN308" s="23"/>
      <c r="EO308" s="23"/>
      <c r="EP308" s="23"/>
      <c r="EQ308" s="23"/>
      <c r="ER308" s="23"/>
      <c r="ES308" s="23"/>
      <c r="ET308" s="23"/>
      <c r="EU308" s="23"/>
      <c r="EV308" s="23"/>
      <c r="EW308" s="23"/>
      <c r="EX308" s="23"/>
      <c r="EY308" s="23"/>
      <c r="EZ308" s="23"/>
      <c r="FA308" s="23"/>
      <c r="FB308" s="23"/>
      <c r="FC308" s="23"/>
      <c r="FD308" s="23"/>
      <c r="FE308" s="23"/>
      <c r="FF308" s="23"/>
      <c r="FG308" s="23"/>
      <c r="FH308" s="23"/>
      <c r="FI308" s="23"/>
      <c r="FJ308" s="23"/>
      <c r="FK308" s="23"/>
      <c r="FL308" s="23"/>
      <c r="FM308" s="23"/>
      <c r="FN308" s="23"/>
      <c r="FO308" s="23"/>
      <c r="FP308" s="23"/>
      <c r="FQ308" s="23"/>
      <c r="FR308" s="23"/>
      <c r="FS308" s="23"/>
      <c r="FT308" s="23"/>
      <c r="FU308" s="23"/>
      <c r="FV308" s="23"/>
      <c r="FW308" s="23"/>
      <c r="FX308" s="23"/>
      <c r="FY308" s="23"/>
      <c r="FZ308" s="23"/>
      <c r="GA308" s="23"/>
      <c r="GB308" s="23"/>
      <c r="GC308" s="23"/>
      <c r="GD308" s="23"/>
      <c r="GE308" s="23"/>
      <c r="GF308" s="23"/>
      <c r="GG308" s="23"/>
      <c r="GH308" s="23"/>
      <c r="GI308" s="23"/>
      <c r="GJ308" s="23"/>
      <c r="GK308" s="23"/>
      <c r="GL308" s="23"/>
      <c r="GM308" s="23"/>
      <c r="GN308" s="23"/>
      <c r="GO308" s="23"/>
      <c r="GP308" s="23"/>
      <c r="GQ308" s="23"/>
      <c r="GR308" s="23"/>
      <c r="GS308" s="23"/>
      <c r="GT308" s="23"/>
      <c r="GU308" s="23"/>
      <c r="GV308" s="23"/>
      <c r="GW308" s="23"/>
      <c r="GX308" s="23"/>
      <c r="GY308" s="23"/>
      <c r="GZ308" s="23"/>
      <c r="HA308" s="23"/>
      <c r="HB308" s="23"/>
      <c r="HC308" s="23"/>
      <c r="HD308" s="23"/>
      <c r="HE308" s="23"/>
      <c r="HF308" s="23"/>
      <c r="HG308" s="23"/>
      <c r="HH308" s="23"/>
      <c r="HI308" s="23"/>
      <c r="HJ308" s="23"/>
      <c r="HK308" s="23"/>
      <c r="HL308" s="23"/>
      <c r="HM308" s="23"/>
      <c r="HN308" s="23"/>
      <c r="HO308" s="23"/>
      <c r="HP308" s="23"/>
      <c r="HQ308" s="23"/>
      <c r="HR308" s="23"/>
      <c r="HS308" s="23"/>
      <c r="HT308" s="23"/>
      <c r="HU308" s="23"/>
      <c r="HV308" s="23"/>
      <c r="HW308" s="23"/>
      <c r="HX308" s="23"/>
      <c r="HY308" s="23"/>
      <c r="HZ308" s="23"/>
      <c r="IA308" s="23"/>
      <c r="IB308" s="23"/>
      <c r="IC308" s="23"/>
      <c r="ID308" s="23"/>
      <c r="IE308" s="23"/>
      <c r="IF308" s="23"/>
      <c r="IG308" s="23"/>
      <c r="IH308" s="23"/>
      <c r="II308" s="23"/>
      <c r="IJ308" s="23"/>
      <c r="IK308" s="23"/>
      <c r="IL308" s="23"/>
      <c r="IM308" s="23"/>
      <c r="IN308" s="23"/>
      <c r="IO308" s="23"/>
      <c r="IP308" s="23"/>
      <c r="IQ308" s="23"/>
    </row>
    <row r="309" spans="1:251" s="50" customFormat="1" ht="18.75" customHeight="1">
      <c r="A309" s="34"/>
      <c r="B309" s="47"/>
      <c r="C309" s="130"/>
      <c r="D309" s="130"/>
      <c r="E309" s="130"/>
      <c r="F309" s="130"/>
      <c r="G309" s="130"/>
      <c r="H309" s="130"/>
      <c r="I309" s="130"/>
      <c r="J309" s="130"/>
      <c r="K309" s="130"/>
      <c r="L309" s="130"/>
      <c r="M309" s="130"/>
      <c r="N309" s="130"/>
      <c r="O309" s="130"/>
      <c r="P309" s="130"/>
      <c r="Q309" s="130"/>
      <c r="R309" s="130"/>
      <c r="S309" s="130"/>
      <c r="T309" s="130"/>
      <c r="U309" s="130"/>
      <c r="V309" s="130"/>
      <c r="W309" s="130"/>
      <c r="X309" s="130"/>
      <c r="Y309" s="130"/>
      <c r="Z309" s="131"/>
      <c r="AA309" s="132"/>
      <c r="AB309" s="200"/>
      <c r="AC309" s="200"/>
      <c r="AD309" s="200"/>
      <c r="AE309" s="200"/>
      <c r="AF309" s="200"/>
      <c r="AG309" s="200"/>
      <c r="AH309" s="200"/>
      <c r="AI309" s="201"/>
      <c r="AJ309" s="132"/>
      <c r="AK309" s="196"/>
      <c r="AL309" s="196"/>
      <c r="AM309" s="196"/>
      <c r="AN309" s="196"/>
      <c r="AO309" s="196"/>
      <c r="AP309" s="196"/>
      <c r="AQ309" s="196"/>
      <c r="AR309" s="197"/>
      <c r="AS309" s="132"/>
      <c r="AT309" s="196"/>
      <c r="AU309" s="196"/>
      <c r="AV309" s="196"/>
      <c r="AW309" s="196"/>
      <c r="AX309" s="202"/>
      <c r="AY309" s="23"/>
      <c r="AZ309" s="23"/>
      <c r="BA309" s="23"/>
      <c r="BB309" s="23"/>
      <c r="BC309" s="23"/>
      <c r="BD309" s="23"/>
      <c r="BE309" s="23"/>
      <c r="BF309" s="23"/>
      <c r="BG309" s="23"/>
      <c r="BH309" s="23"/>
      <c r="BI309" s="23"/>
      <c r="BJ309" s="23"/>
      <c r="BK309" s="23"/>
      <c r="BL309" s="23"/>
      <c r="BM309" s="23"/>
      <c r="BN309" s="23"/>
      <c r="BO309" s="23"/>
      <c r="BP309" s="23"/>
      <c r="BQ309" s="23"/>
      <c r="BR309" s="23"/>
      <c r="BS309" s="23"/>
      <c r="BT309" s="23"/>
      <c r="BU309" s="23"/>
      <c r="BV309" s="23"/>
      <c r="BW309" s="23"/>
      <c r="BX309" s="23"/>
      <c r="BY309" s="23"/>
      <c r="BZ309" s="23"/>
      <c r="CA309" s="23"/>
      <c r="CB309" s="23"/>
      <c r="CC309" s="23"/>
      <c r="CD309" s="23"/>
      <c r="CE309" s="23"/>
      <c r="CF309" s="23"/>
      <c r="CG309" s="23"/>
      <c r="CH309" s="23"/>
      <c r="CI309" s="23"/>
      <c r="CJ309" s="23"/>
      <c r="CK309" s="23"/>
      <c r="CL309" s="23"/>
      <c r="CM309" s="23"/>
      <c r="CN309" s="23"/>
      <c r="CO309" s="23"/>
      <c r="CP309" s="23"/>
      <c r="CQ309" s="23"/>
      <c r="CR309" s="23"/>
      <c r="CS309" s="23"/>
      <c r="CT309" s="23"/>
      <c r="CU309" s="23"/>
      <c r="CV309" s="23"/>
      <c r="CW309" s="23"/>
      <c r="CX309" s="23"/>
      <c r="CY309" s="23"/>
      <c r="CZ309" s="23"/>
      <c r="DA309" s="23"/>
      <c r="DB309" s="23"/>
      <c r="DC309" s="23"/>
      <c r="DD309" s="23"/>
      <c r="DE309" s="23"/>
      <c r="DF309" s="23"/>
      <c r="DG309" s="23"/>
      <c r="DH309" s="23"/>
      <c r="DI309" s="23"/>
      <c r="DJ309" s="23"/>
      <c r="DK309" s="23"/>
      <c r="DL309" s="23"/>
      <c r="DM309" s="23"/>
      <c r="DN309" s="23"/>
      <c r="DO309" s="23"/>
      <c r="DP309" s="23"/>
      <c r="DQ309" s="23"/>
      <c r="DR309" s="23"/>
      <c r="DS309" s="23"/>
      <c r="DT309" s="23"/>
      <c r="DU309" s="23"/>
      <c r="DV309" s="23"/>
      <c r="DW309" s="23"/>
      <c r="DX309" s="23"/>
      <c r="DY309" s="23"/>
      <c r="DZ309" s="23"/>
      <c r="EA309" s="23"/>
      <c r="EB309" s="23"/>
      <c r="EC309" s="23"/>
      <c r="ED309" s="23"/>
      <c r="EE309" s="23"/>
      <c r="EF309" s="23"/>
      <c r="EG309" s="23"/>
      <c r="EH309" s="23"/>
      <c r="EI309" s="23"/>
      <c r="EJ309" s="23"/>
      <c r="EK309" s="23"/>
      <c r="EL309" s="23"/>
      <c r="EM309" s="23"/>
      <c r="EN309" s="23"/>
      <c r="EO309" s="23"/>
      <c r="EP309" s="23"/>
      <c r="EQ309" s="23"/>
      <c r="ER309" s="23"/>
      <c r="ES309" s="23"/>
      <c r="ET309" s="23"/>
      <c r="EU309" s="23"/>
      <c r="EV309" s="23"/>
      <c r="EW309" s="23"/>
      <c r="EX309" s="23"/>
      <c r="EY309" s="23"/>
      <c r="EZ309" s="23"/>
      <c r="FA309" s="23"/>
      <c r="FB309" s="23"/>
      <c r="FC309" s="23"/>
      <c r="FD309" s="23"/>
      <c r="FE309" s="23"/>
      <c r="FF309" s="23"/>
      <c r="FG309" s="23"/>
      <c r="FH309" s="23"/>
      <c r="FI309" s="23"/>
      <c r="FJ309" s="23"/>
      <c r="FK309" s="23"/>
      <c r="FL309" s="23"/>
      <c r="FM309" s="23"/>
      <c r="FN309" s="23"/>
      <c r="FO309" s="23"/>
      <c r="FP309" s="23"/>
      <c r="FQ309" s="23"/>
      <c r="FR309" s="23"/>
      <c r="FS309" s="23"/>
      <c r="FT309" s="23"/>
      <c r="FU309" s="23"/>
      <c r="FV309" s="23"/>
      <c r="FW309" s="23"/>
      <c r="FX309" s="23"/>
      <c r="FY309" s="23"/>
      <c r="FZ309" s="23"/>
      <c r="GA309" s="23"/>
      <c r="GB309" s="23"/>
      <c r="GC309" s="23"/>
      <c r="GD309" s="23"/>
      <c r="GE309" s="23"/>
      <c r="GF309" s="23"/>
      <c r="GG309" s="23"/>
      <c r="GH309" s="23"/>
      <c r="GI309" s="23"/>
      <c r="GJ309" s="23"/>
      <c r="GK309" s="23"/>
      <c r="GL309" s="23"/>
      <c r="GM309" s="23"/>
      <c r="GN309" s="23"/>
      <c r="GO309" s="23"/>
      <c r="GP309" s="23"/>
      <c r="GQ309" s="23"/>
      <c r="GR309" s="23"/>
      <c r="GS309" s="23"/>
      <c r="GT309" s="23"/>
      <c r="GU309" s="23"/>
      <c r="GV309" s="23"/>
      <c r="GW309" s="23"/>
      <c r="GX309" s="23"/>
      <c r="GY309" s="23"/>
      <c r="GZ309" s="23"/>
      <c r="HA309" s="23"/>
      <c r="HB309" s="23"/>
      <c r="HC309" s="23"/>
      <c r="HD309" s="23"/>
      <c r="HE309" s="23"/>
      <c r="HF309" s="23"/>
      <c r="HG309" s="23"/>
      <c r="HH309" s="23"/>
      <c r="HI309" s="23"/>
      <c r="HJ309" s="23"/>
      <c r="HK309" s="23"/>
      <c r="HL309" s="23"/>
      <c r="HM309" s="23"/>
      <c r="HN309" s="23"/>
      <c r="HO309" s="23"/>
      <c r="HP309" s="23"/>
      <c r="HQ309" s="23"/>
      <c r="HR309" s="23"/>
      <c r="HS309" s="23"/>
      <c r="HT309" s="23"/>
      <c r="HU309" s="23"/>
      <c r="HV309" s="23"/>
      <c r="HW309" s="23"/>
      <c r="HX309" s="23"/>
      <c r="HY309" s="23"/>
      <c r="HZ309" s="23"/>
      <c r="IA309" s="23"/>
      <c r="IB309" s="23"/>
      <c r="IC309" s="23"/>
      <c r="ID309" s="23"/>
      <c r="IE309" s="23"/>
      <c r="IF309" s="23"/>
      <c r="IG309" s="23"/>
      <c r="IH309" s="23"/>
      <c r="II309" s="23"/>
      <c r="IJ309" s="23"/>
      <c r="IK309" s="23"/>
      <c r="IL309" s="23"/>
      <c r="IM309" s="23"/>
      <c r="IN309" s="23"/>
      <c r="IO309" s="23"/>
      <c r="IP309" s="23"/>
      <c r="IQ309" s="23"/>
    </row>
    <row r="310" spans="1:251" s="50" customFormat="1" ht="18.75" customHeight="1">
      <c r="A310" s="34"/>
      <c r="B310" s="48"/>
      <c r="C310" s="130"/>
      <c r="D310" s="130"/>
      <c r="E310" s="130"/>
      <c r="F310" s="130"/>
      <c r="G310" s="130"/>
      <c r="H310" s="130"/>
      <c r="I310" s="130"/>
      <c r="J310" s="130"/>
      <c r="K310" s="130"/>
      <c r="L310" s="130"/>
      <c r="M310" s="130"/>
      <c r="N310" s="130"/>
      <c r="O310" s="130"/>
      <c r="P310" s="130"/>
      <c r="Q310" s="130"/>
      <c r="R310" s="130"/>
      <c r="S310" s="130"/>
      <c r="T310" s="130"/>
      <c r="U310" s="130"/>
      <c r="V310" s="130"/>
      <c r="W310" s="130"/>
      <c r="X310" s="130"/>
      <c r="Y310" s="130"/>
      <c r="Z310" s="131"/>
      <c r="AA310" s="132"/>
      <c r="AB310" s="200"/>
      <c r="AC310" s="200"/>
      <c r="AD310" s="200"/>
      <c r="AE310" s="200"/>
      <c r="AF310" s="200"/>
      <c r="AG310" s="200"/>
      <c r="AH310" s="200"/>
      <c r="AI310" s="201"/>
      <c r="AJ310" s="132"/>
      <c r="AK310" s="196"/>
      <c r="AL310" s="196"/>
      <c r="AM310" s="196"/>
      <c r="AN310" s="196"/>
      <c r="AO310" s="196"/>
      <c r="AP310" s="196"/>
      <c r="AQ310" s="196"/>
      <c r="AR310" s="197"/>
      <c r="AS310" s="136"/>
      <c r="AT310" s="198"/>
      <c r="AU310" s="198"/>
      <c r="AV310" s="198"/>
      <c r="AW310" s="198"/>
      <c r="AX310" s="199"/>
      <c r="AY310" s="23"/>
      <c r="AZ310" s="23"/>
      <c r="BA310" s="23"/>
      <c r="BB310" s="23"/>
      <c r="BC310" s="23"/>
      <c r="BD310" s="23"/>
      <c r="BE310" s="23"/>
      <c r="BF310" s="23"/>
      <c r="BG310" s="23"/>
      <c r="BH310" s="23"/>
      <c r="BI310" s="23"/>
      <c r="BJ310" s="23"/>
      <c r="BK310" s="23"/>
      <c r="BL310" s="23"/>
      <c r="BM310" s="23"/>
      <c r="BN310" s="23"/>
      <c r="BO310" s="23"/>
      <c r="BP310" s="23"/>
      <c r="BQ310" s="23"/>
      <c r="BR310" s="23"/>
      <c r="BS310" s="23"/>
      <c r="BT310" s="23"/>
      <c r="BU310" s="23"/>
      <c r="BV310" s="23"/>
      <c r="BW310" s="23"/>
      <c r="BX310" s="23"/>
      <c r="BY310" s="23"/>
      <c r="BZ310" s="23"/>
      <c r="CA310" s="23"/>
      <c r="CB310" s="23"/>
      <c r="CC310" s="23"/>
      <c r="CD310" s="23"/>
      <c r="CE310" s="23"/>
      <c r="CF310" s="23"/>
      <c r="CG310" s="23"/>
      <c r="CH310" s="23"/>
      <c r="CI310" s="23"/>
      <c r="CJ310" s="23"/>
      <c r="CK310" s="23"/>
      <c r="CL310" s="23"/>
      <c r="CM310" s="23"/>
      <c r="CN310" s="23"/>
      <c r="CO310" s="23"/>
      <c r="CP310" s="23"/>
      <c r="CQ310" s="23"/>
      <c r="CR310" s="23"/>
      <c r="CS310" s="23"/>
      <c r="CT310" s="23"/>
      <c r="CU310" s="23"/>
      <c r="CV310" s="23"/>
      <c r="CW310" s="23"/>
      <c r="CX310" s="23"/>
      <c r="CY310" s="23"/>
      <c r="CZ310" s="23"/>
      <c r="DA310" s="23"/>
      <c r="DB310" s="23"/>
      <c r="DC310" s="23"/>
      <c r="DD310" s="23"/>
      <c r="DE310" s="23"/>
      <c r="DF310" s="23"/>
      <c r="DG310" s="23"/>
      <c r="DH310" s="23"/>
      <c r="DI310" s="23"/>
      <c r="DJ310" s="23"/>
      <c r="DK310" s="23"/>
      <c r="DL310" s="23"/>
      <c r="DM310" s="23"/>
      <c r="DN310" s="23"/>
      <c r="DO310" s="23"/>
      <c r="DP310" s="23"/>
      <c r="DQ310" s="23"/>
      <c r="DR310" s="23"/>
      <c r="DS310" s="23"/>
      <c r="DT310" s="23"/>
      <c r="DU310" s="23"/>
      <c r="DV310" s="23"/>
      <c r="DW310" s="23"/>
      <c r="DX310" s="23"/>
      <c r="DY310" s="23"/>
      <c r="DZ310" s="23"/>
      <c r="EA310" s="23"/>
      <c r="EB310" s="23"/>
      <c r="EC310" s="23"/>
      <c r="ED310" s="23"/>
      <c r="EE310" s="23"/>
      <c r="EF310" s="23"/>
      <c r="EG310" s="23"/>
      <c r="EH310" s="23"/>
      <c r="EI310" s="23"/>
      <c r="EJ310" s="23"/>
      <c r="EK310" s="23"/>
      <c r="EL310" s="23"/>
      <c r="EM310" s="23"/>
      <c r="EN310" s="23"/>
      <c r="EO310" s="23"/>
      <c r="EP310" s="23"/>
      <c r="EQ310" s="23"/>
      <c r="ER310" s="23"/>
      <c r="ES310" s="23"/>
      <c r="ET310" s="23"/>
      <c r="EU310" s="23"/>
      <c r="EV310" s="23"/>
      <c r="EW310" s="23"/>
      <c r="EX310" s="23"/>
      <c r="EY310" s="23"/>
      <c r="EZ310" s="23"/>
      <c r="FA310" s="23"/>
      <c r="FB310" s="23"/>
      <c r="FC310" s="23"/>
      <c r="FD310" s="23"/>
      <c r="FE310" s="23"/>
      <c r="FF310" s="23"/>
      <c r="FG310" s="23"/>
      <c r="FH310" s="23"/>
      <c r="FI310" s="23"/>
      <c r="FJ310" s="23"/>
      <c r="FK310" s="23"/>
      <c r="FL310" s="23"/>
      <c r="FM310" s="23"/>
      <c r="FN310" s="23"/>
      <c r="FO310" s="23"/>
      <c r="FP310" s="23"/>
      <c r="FQ310" s="23"/>
      <c r="FR310" s="23"/>
      <c r="FS310" s="23"/>
      <c r="FT310" s="23"/>
      <c r="FU310" s="23"/>
      <c r="FV310" s="23"/>
      <c r="FW310" s="23"/>
      <c r="FX310" s="23"/>
      <c r="FY310" s="23"/>
      <c r="FZ310" s="23"/>
      <c r="GA310" s="23"/>
      <c r="GB310" s="23"/>
      <c r="GC310" s="23"/>
      <c r="GD310" s="23"/>
      <c r="GE310" s="23"/>
      <c r="GF310" s="23"/>
      <c r="GG310" s="23"/>
      <c r="GH310" s="23"/>
      <c r="GI310" s="23"/>
      <c r="GJ310" s="23"/>
      <c r="GK310" s="23"/>
      <c r="GL310" s="23"/>
      <c r="GM310" s="23"/>
      <c r="GN310" s="23"/>
      <c r="GO310" s="23"/>
      <c r="GP310" s="23"/>
      <c r="GQ310" s="23"/>
      <c r="GR310" s="23"/>
      <c r="GS310" s="23"/>
      <c r="GT310" s="23"/>
      <c r="GU310" s="23"/>
      <c r="GV310" s="23"/>
      <c r="GW310" s="23"/>
      <c r="GX310" s="23"/>
      <c r="GY310" s="23"/>
      <c r="GZ310" s="23"/>
      <c r="HA310" s="23"/>
      <c r="HB310" s="23"/>
      <c r="HC310" s="23"/>
      <c r="HD310" s="23"/>
      <c r="HE310" s="23"/>
      <c r="HF310" s="23"/>
      <c r="HG310" s="23"/>
      <c r="HH310" s="23"/>
      <c r="HI310" s="23"/>
      <c r="HJ310" s="23"/>
      <c r="HK310" s="23"/>
      <c r="HL310" s="23"/>
      <c r="HM310" s="23"/>
      <c r="HN310" s="23"/>
      <c r="HO310" s="23"/>
      <c r="HP310" s="23"/>
      <c r="HQ310" s="23"/>
      <c r="HR310" s="23"/>
      <c r="HS310" s="23"/>
      <c r="HT310" s="23"/>
      <c r="HU310" s="23"/>
      <c r="HV310" s="23"/>
      <c r="HW310" s="23"/>
      <c r="HX310" s="23"/>
      <c r="HY310" s="23"/>
      <c r="HZ310" s="23"/>
      <c r="IA310" s="23"/>
      <c r="IB310" s="23"/>
      <c r="IC310" s="23"/>
      <c r="ID310" s="23"/>
      <c r="IE310" s="23"/>
      <c r="IF310" s="23"/>
      <c r="IG310" s="23"/>
      <c r="IH310" s="23"/>
      <c r="II310" s="23"/>
      <c r="IJ310" s="23"/>
      <c r="IK310" s="23"/>
      <c r="IL310" s="23"/>
      <c r="IM310" s="23"/>
      <c r="IN310" s="23"/>
      <c r="IO310" s="23"/>
      <c r="IP310" s="23"/>
      <c r="IQ310" s="23"/>
    </row>
    <row r="311" spans="1:251" s="50" customFormat="1" ht="18.75" customHeight="1">
      <c r="A311" s="34"/>
      <c r="B311" s="47"/>
      <c r="C311" s="130"/>
      <c r="D311" s="130"/>
      <c r="E311" s="130"/>
      <c r="F311" s="130"/>
      <c r="G311" s="130"/>
      <c r="H311" s="130"/>
      <c r="I311" s="130"/>
      <c r="J311" s="130"/>
      <c r="K311" s="130"/>
      <c r="L311" s="130"/>
      <c r="M311" s="130"/>
      <c r="N311" s="130"/>
      <c r="O311" s="130"/>
      <c r="P311" s="130"/>
      <c r="Q311" s="130"/>
      <c r="R311" s="130"/>
      <c r="S311" s="130"/>
      <c r="T311" s="130"/>
      <c r="U311" s="130"/>
      <c r="V311" s="130"/>
      <c r="W311" s="130"/>
      <c r="X311" s="130"/>
      <c r="Y311" s="130"/>
      <c r="Z311" s="131"/>
      <c r="AA311" s="132"/>
      <c r="AB311" s="200"/>
      <c r="AC311" s="200"/>
      <c r="AD311" s="200"/>
      <c r="AE311" s="200"/>
      <c r="AF311" s="200"/>
      <c r="AG311" s="200"/>
      <c r="AH311" s="200"/>
      <c r="AI311" s="201"/>
      <c r="AJ311" s="132"/>
      <c r="AK311" s="196"/>
      <c r="AL311" s="196"/>
      <c r="AM311" s="196"/>
      <c r="AN311" s="196"/>
      <c r="AO311" s="196"/>
      <c r="AP311" s="196"/>
      <c r="AQ311" s="196"/>
      <c r="AR311" s="197"/>
      <c r="AS311" s="132"/>
      <c r="AT311" s="196"/>
      <c r="AU311" s="196"/>
      <c r="AV311" s="196"/>
      <c r="AW311" s="196"/>
      <c r="AX311" s="202"/>
      <c r="AY311" s="23"/>
      <c r="AZ311" s="23"/>
      <c r="BA311" s="23"/>
      <c r="BB311" s="23"/>
      <c r="BC311" s="23"/>
      <c r="BD311" s="23"/>
      <c r="BE311" s="23"/>
      <c r="BF311" s="23"/>
      <c r="BG311" s="23"/>
      <c r="BH311" s="23"/>
      <c r="BI311" s="23"/>
      <c r="BJ311" s="23"/>
      <c r="BK311" s="23"/>
      <c r="BL311" s="23"/>
      <c r="BM311" s="23"/>
      <c r="BN311" s="23"/>
      <c r="BO311" s="23"/>
      <c r="BP311" s="23"/>
      <c r="BQ311" s="23"/>
      <c r="BR311" s="23"/>
      <c r="BS311" s="23"/>
      <c r="BT311" s="23"/>
      <c r="BU311" s="23"/>
      <c r="BV311" s="23"/>
      <c r="BW311" s="23"/>
      <c r="BX311" s="23"/>
      <c r="BY311" s="23"/>
      <c r="BZ311" s="23"/>
      <c r="CA311" s="23"/>
      <c r="CB311" s="23"/>
      <c r="CC311" s="23"/>
      <c r="CD311" s="23"/>
      <c r="CE311" s="23"/>
      <c r="CF311" s="23"/>
      <c r="CG311" s="23"/>
      <c r="CH311" s="23"/>
      <c r="CI311" s="23"/>
      <c r="CJ311" s="23"/>
      <c r="CK311" s="23"/>
      <c r="CL311" s="23"/>
      <c r="CM311" s="23"/>
      <c r="CN311" s="23"/>
      <c r="CO311" s="23"/>
      <c r="CP311" s="23"/>
      <c r="CQ311" s="23"/>
      <c r="CR311" s="23"/>
      <c r="CS311" s="23"/>
      <c r="CT311" s="23"/>
      <c r="CU311" s="23"/>
      <c r="CV311" s="23"/>
      <c r="CW311" s="23"/>
      <c r="CX311" s="23"/>
      <c r="CY311" s="23"/>
      <c r="CZ311" s="23"/>
      <c r="DA311" s="23"/>
      <c r="DB311" s="23"/>
      <c r="DC311" s="23"/>
      <c r="DD311" s="23"/>
      <c r="DE311" s="23"/>
      <c r="DF311" s="23"/>
      <c r="DG311" s="23"/>
      <c r="DH311" s="23"/>
      <c r="DI311" s="23"/>
      <c r="DJ311" s="23"/>
      <c r="DK311" s="23"/>
      <c r="DL311" s="23"/>
      <c r="DM311" s="23"/>
      <c r="DN311" s="23"/>
      <c r="DO311" s="23"/>
      <c r="DP311" s="23"/>
      <c r="DQ311" s="23"/>
      <c r="DR311" s="23"/>
      <c r="DS311" s="23"/>
      <c r="DT311" s="23"/>
      <c r="DU311" s="23"/>
      <c r="DV311" s="23"/>
      <c r="DW311" s="23"/>
      <c r="DX311" s="23"/>
      <c r="DY311" s="23"/>
      <c r="DZ311" s="23"/>
      <c r="EA311" s="23"/>
      <c r="EB311" s="23"/>
      <c r="EC311" s="23"/>
      <c r="ED311" s="23"/>
      <c r="EE311" s="23"/>
      <c r="EF311" s="23"/>
      <c r="EG311" s="23"/>
      <c r="EH311" s="23"/>
      <c r="EI311" s="23"/>
      <c r="EJ311" s="23"/>
      <c r="EK311" s="23"/>
      <c r="EL311" s="23"/>
      <c r="EM311" s="23"/>
      <c r="EN311" s="23"/>
      <c r="EO311" s="23"/>
      <c r="EP311" s="23"/>
      <c r="EQ311" s="23"/>
      <c r="ER311" s="23"/>
      <c r="ES311" s="23"/>
      <c r="ET311" s="23"/>
      <c r="EU311" s="23"/>
      <c r="EV311" s="23"/>
      <c r="EW311" s="23"/>
      <c r="EX311" s="23"/>
      <c r="EY311" s="23"/>
      <c r="EZ311" s="23"/>
      <c r="FA311" s="23"/>
      <c r="FB311" s="23"/>
      <c r="FC311" s="23"/>
      <c r="FD311" s="23"/>
      <c r="FE311" s="23"/>
      <c r="FF311" s="23"/>
      <c r="FG311" s="23"/>
      <c r="FH311" s="23"/>
      <c r="FI311" s="23"/>
      <c r="FJ311" s="23"/>
      <c r="FK311" s="23"/>
      <c r="FL311" s="23"/>
      <c r="FM311" s="23"/>
      <c r="FN311" s="23"/>
      <c r="FO311" s="23"/>
      <c r="FP311" s="23"/>
      <c r="FQ311" s="23"/>
      <c r="FR311" s="23"/>
      <c r="FS311" s="23"/>
      <c r="FT311" s="23"/>
      <c r="FU311" s="23"/>
      <c r="FV311" s="23"/>
      <c r="FW311" s="23"/>
      <c r="FX311" s="23"/>
      <c r="FY311" s="23"/>
      <c r="FZ311" s="23"/>
      <c r="GA311" s="23"/>
      <c r="GB311" s="23"/>
      <c r="GC311" s="23"/>
      <c r="GD311" s="23"/>
      <c r="GE311" s="23"/>
      <c r="GF311" s="23"/>
      <c r="GG311" s="23"/>
      <c r="GH311" s="23"/>
      <c r="GI311" s="23"/>
      <c r="GJ311" s="23"/>
      <c r="GK311" s="23"/>
      <c r="GL311" s="23"/>
      <c r="GM311" s="23"/>
      <c r="GN311" s="23"/>
      <c r="GO311" s="23"/>
      <c r="GP311" s="23"/>
      <c r="GQ311" s="23"/>
      <c r="GR311" s="23"/>
      <c r="GS311" s="23"/>
      <c r="GT311" s="23"/>
      <c r="GU311" s="23"/>
      <c r="GV311" s="23"/>
      <c r="GW311" s="23"/>
      <c r="GX311" s="23"/>
      <c r="GY311" s="23"/>
      <c r="GZ311" s="23"/>
      <c r="HA311" s="23"/>
      <c r="HB311" s="23"/>
      <c r="HC311" s="23"/>
      <c r="HD311" s="23"/>
      <c r="HE311" s="23"/>
      <c r="HF311" s="23"/>
      <c r="HG311" s="23"/>
      <c r="HH311" s="23"/>
      <c r="HI311" s="23"/>
      <c r="HJ311" s="23"/>
      <c r="HK311" s="23"/>
      <c r="HL311" s="23"/>
      <c r="HM311" s="23"/>
      <c r="HN311" s="23"/>
      <c r="HO311" s="23"/>
      <c r="HP311" s="23"/>
      <c r="HQ311" s="23"/>
      <c r="HR311" s="23"/>
      <c r="HS311" s="23"/>
      <c r="HT311" s="23"/>
      <c r="HU311" s="23"/>
      <c r="HV311" s="23"/>
      <c r="HW311" s="23"/>
      <c r="HX311" s="23"/>
      <c r="HY311" s="23"/>
      <c r="HZ311" s="23"/>
      <c r="IA311" s="23"/>
      <c r="IB311" s="23"/>
      <c r="IC311" s="23"/>
      <c r="ID311" s="23"/>
      <c r="IE311" s="23"/>
      <c r="IF311" s="23"/>
      <c r="IG311" s="23"/>
      <c r="IH311" s="23"/>
      <c r="II311" s="23"/>
      <c r="IJ311" s="23"/>
      <c r="IK311" s="23"/>
      <c r="IL311" s="23"/>
      <c r="IM311" s="23"/>
      <c r="IN311" s="23"/>
      <c r="IO311" s="23"/>
      <c r="IP311" s="23"/>
      <c r="IQ311" s="23"/>
    </row>
    <row r="312" spans="1:251" s="50" customFormat="1" ht="18.75" customHeight="1">
      <c r="A312" s="34"/>
      <c r="B312" s="48"/>
      <c r="C312" s="130"/>
      <c r="D312" s="130"/>
      <c r="E312" s="130"/>
      <c r="F312" s="130"/>
      <c r="G312" s="130"/>
      <c r="H312" s="130"/>
      <c r="I312" s="130"/>
      <c r="J312" s="130"/>
      <c r="K312" s="130"/>
      <c r="L312" s="130"/>
      <c r="M312" s="130"/>
      <c r="N312" s="130"/>
      <c r="O312" s="130"/>
      <c r="P312" s="130"/>
      <c r="Q312" s="130"/>
      <c r="R312" s="130"/>
      <c r="S312" s="130"/>
      <c r="T312" s="130"/>
      <c r="U312" s="130"/>
      <c r="V312" s="130"/>
      <c r="W312" s="130"/>
      <c r="X312" s="130"/>
      <c r="Y312" s="130"/>
      <c r="Z312" s="131"/>
      <c r="AA312" s="132"/>
      <c r="AB312" s="200"/>
      <c r="AC312" s="200"/>
      <c r="AD312" s="200"/>
      <c r="AE312" s="200"/>
      <c r="AF312" s="200"/>
      <c r="AG312" s="200"/>
      <c r="AH312" s="200"/>
      <c r="AI312" s="201"/>
      <c r="AJ312" s="132"/>
      <c r="AK312" s="133"/>
      <c r="AL312" s="133"/>
      <c r="AM312" s="133"/>
      <c r="AN312" s="133"/>
      <c r="AO312" s="133"/>
      <c r="AP312" s="133"/>
      <c r="AQ312" s="133"/>
      <c r="AR312" s="134"/>
      <c r="AS312" s="132"/>
      <c r="AT312" s="196"/>
      <c r="AU312" s="196"/>
      <c r="AV312" s="196"/>
      <c r="AW312" s="196"/>
      <c r="AX312" s="202"/>
      <c r="AY312" s="23"/>
      <c r="AZ312" s="23"/>
      <c r="BA312" s="23"/>
      <c r="BB312" s="23"/>
      <c r="BC312" s="23"/>
      <c r="BD312" s="23"/>
      <c r="BE312" s="23"/>
      <c r="BF312" s="23"/>
      <c r="BG312" s="23"/>
      <c r="BH312" s="23"/>
      <c r="BI312" s="23"/>
      <c r="BJ312" s="23"/>
      <c r="BK312" s="23"/>
      <c r="BL312" s="23"/>
      <c r="BM312" s="23"/>
      <c r="BN312" s="23"/>
      <c r="BO312" s="23"/>
      <c r="BP312" s="23"/>
      <c r="BQ312" s="23"/>
      <c r="BR312" s="23"/>
      <c r="BS312" s="23"/>
      <c r="BT312" s="23"/>
      <c r="BU312" s="23"/>
      <c r="BV312" s="23"/>
      <c r="BW312" s="23"/>
      <c r="BX312" s="23"/>
      <c r="BY312" s="23"/>
      <c r="BZ312" s="23"/>
      <c r="CA312" s="23"/>
      <c r="CB312" s="23"/>
      <c r="CC312" s="23"/>
      <c r="CD312" s="23"/>
      <c r="CE312" s="23"/>
      <c r="CF312" s="23"/>
      <c r="CG312" s="23"/>
      <c r="CH312" s="23"/>
      <c r="CI312" s="23"/>
      <c r="CJ312" s="23"/>
      <c r="CK312" s="23"/>
      <c r="CL312" s="23"/>
      <c r="CM312" s="23"/>
      <c r="CN312" s="23"/>
      <c r="CO312" s="23"/>
      <c r="CP312" s="23"/>
      <c r="CQ312" s="23"/>
      <c r="CR312" s="23"/>
      <c r="CS312" s="23"/>
      <c r="CT312" s="23"/>
      <c r="CU312" s="23"/>
      <c r="CV312" s="23"/>
      <c r="CW312" s="23"/>
      <c r="CX312" s="23"/>
      <c r="CY312" s="23"/>
      <c r="CZ312" s="23"/>
      <c r="DA312" s="23"/>
      <c r="DB312" s="23"/>
      <c r="DC312" s="23"/>
      <c r="DD312" s="23"/>
      <c r="DE312" s="23"/>
      <c r="DF312" s="23"/>
      <c r="DG312" s="23"/>
      <c r="DH312" s="23"/>
      <c r="DI312" s="23"/>
      <c r="DJ312" s="23"/>
      <c r="DK312" s="23"/>
      <c r="DL312" s="23"/>
      <c r="DM312" s="23"/>
      <c r="DN312" s="23"/>
      <c r="DO312" s="23"/>
      <c r="DP312" s="23"/>
      <c r="DQ312" s="23"/>
      <c r="DR312" s="23"/>
      <c r="DS312" s="23"/>
      <c r="DT312" s="23"/>
      <c r="DU312" s="23"/>
      <c r="DV312" s="23"/>
      <c r="DW312" s="23"/>
      <c r="DX312" s="23"/>
      <c r="DY312" s="23"/>
      <c r="DZ312" s="23"/>
      <c r="EA312" s="23"/>
      <c r="EB312" s="23"/>
      <c r="EC312" s="23"/>
      <c r="ED312" s="23"/>
      <c r="EE312" s="23"/>
      <c r="EF312" s="23"/>
      <c r="EG312" s="23"/>
      <c r="EH312" s="23"/>
      <c r="EI312" s="23"/>
      <c r="EJ312" s="23"/>
      <c r="EK312" s="23"/>
      <c r="EL312" s="23"/>
      <c r="EM312" s="23"/>
      <c r="EN312" s="23"/>
      <c r="EO312" s="23"/>
      <c r="EP312" s="23"/>
      <c r="EQ312" s="23"/>
      <c r="ER312" s="23"/>
      <c r="ES312" s="23"/>
      <c r="ET312" s="23"/>
      <c r="EU312" s="23"/>
      <c r="EV312" s="23"/>
      <c r="EW312" s="23"/>
      <c r="EX312" s="23"/>
      <c r="EY312" s="23"/>
      <c r="EZ312" s="23"/>
      <c r="FA312" s="23"/>
      <c r="FB312" s="23"/>
      <c r="FC312" s="23"/>
      <c r="FD312" s="23"/>
      <c r="FE312" s="23"/>
      <c r="FF312" s="23"/>
      <c r="FG312" s="23"/>
      <c r="FH312" s="23"/>
      <c r="FI312" s="23"/>
      <c r="FJ312" s="23"/>
      <c r="FK312" s="23"/>
      <c r="FL312" s="23"/>
      <c r="FM312" s="23"/>
      <c r="FN312" s="23"/>
      <c r="FO312" s="23"/>
      <c r="FP312" s="23"/>
      <c r="FQ312" s="23"/>
      <c r="FR312" s="23"/>
      <c r="FS312" s="23"/>
      <c r="FT312" s="23"/>
      <c r="FU312" s="23"/>
      <c r="FV312" s="23"/>
      <c r="FW312" s="23"/>
      <c r="FX312" s="23"/>
      <c r="FY312" s="23"/>
      <c r="FZ312" s="23"/>
      <c r="GA312" s="23"/>
      <c r="GB312" s="23"/>
      <c r="GC312" s="23"/>
      <c r="GD312" s="23"/>
      <c r="GE312" s="23"/>
      <c r="GF312" s="23"/>
      <c r="GG312" s="23"/>
      <c r="GH312" s="23"/>
      <c r="GI312" s="23"/>
      <c r="GJ312" s="23"/>
      <c r="GK312" s="23"/>
      <c r="GL312" s="23"/>
      <c r="GM312" s="23"/>
      <c r="GN312" s="23"/>
      <c r="GO312" s="23"/>
      <c r="GP312" s="23"/>
      <c r="GQ312" s="23"/>
      <c r="GR312" s="23"/>
      <c r="GS312" s="23"/>
      <c r="GT312" s="23"/>
      <c r="GU312" s="23"/>
      <c r="GV312" s="23"/>
      <c r="GW312" s="23"/>
      <c r="GX312" s="23"/>
      <c r="GY312" s="23"/>
      <c r="GZ312" s="23"/>
      <c r="HA312" s="23"/>
      <c r="HB312" s="23"/>
      <c r="HC312" s="23"/>
      <c r="HD312" s="23"/>
      <c r="HE312" s="23"/>
      <c r="HF312" s="23"/>
      <c r="HG312" s="23"/>
      <c r="HH312" s="23"/>
      <c r="HI312" s="23"/>
      <c r="HJ312" s="23"/>
      <c r="HK312" s="23"/>
      <c r="HL312" s="23"/>
      <c r="HM312" s="23"/>
      <c r="HN312" s="23"/>
      <c r="HO312" s="23"/>
      <c r="HP312" s="23"/>
      <c r="HQ312" s="23"/>
      <c r="HR312" s="23"/>
      <c r="HS312" s="23"/>
      <c r="HT312" s="23"/>
      <c r="HU312" s="23"/>
      <c r="HV312" s="23"/>
      <c r="HW312" s="23"/>
      <c r="HX312" s="23"/>
      <c r="HY312" s="23"/>
      <c r="HZ312" s="23"/>
      <c r="IA312" s="23"/>
      <c r="IB312" s="23"/>
      <c r="IC312" s="23"/>
      <c r="ID312" s="23"/>
      <c r="IE312" s="23"/>
      <c r="IF312" s="23"/>
      <c r="IG312" s="23"/>
      <c r="IH312" s="23"/>
      <c r="II312" s="23"/>
      <c r="IJ312" s="23"/>
      <c r="IK312" s="23"/>
      <c r="IL312" s="23"/>
      <c r="IM312" s="23"/>
      <c r="IN312" s="23"/>
      <c r="IO312" s="23"/>
      <c r="IP312" s="23"/>
      <c r="IQ312" s="23"/>
    </row>
    <row r="313" spans="1:251" s="50" customFormat="1" ht="18.75" customHeight="1" thickBot="1">
      <c r="A313" s="34"/>
      <c r="B313" s="49"/>
      <c r="C313" s="158"/>
      <c r="D313" s="158"/>
      <c r="E313" s="158"/>
      <c r="F313" s="158"/>
      <c r="G313" s="158"/>
      <c r="H313" s="158"/>
      <c r="I313" s="158"/>
      <c r="J313" s="158"/>
      <c r="K313" s="158"/>
      <c r="L313" s="158"/>
      <c r="M313" s="158"/>
      <c r="N313" s="158"/>
      <c r="O313" s="158"/>
      <c r="P313" s="158"/>
      <c r="Q313" s="158"/>
      <c r="R313" s="158"/>
      <c r="S313" s="158"/>
      <c r="T313" s="158"/>
      <c r="U313" s="158"/>
      <c r="V313" s="158"/>
      <c r="W313" s="158"/>
      <c r="X313" s="158"/>
      <c r="Y313" s="158"/>
      <c r="Z313" s="159"/>
      <c r="AA313" s="160"/>
      <c r="AB313" s="211"/>
      <c r="AC313" s="211"/>
      <c r="AD313" s="211"/>
      <c r="AE313" s="211"/>
      <c r="AF313" s="211"/>
      <c r="AG313" s="211"/>
      <c r="AH313" s="211"/>
      <c r="AI313" s="212"/>
      <c r="AJ313" s="160"/>
      <c r="AK313" s="161"/>
      <c r="AL313" s="161"/>
      <c r="AM313" s="161"/>
      <c r="AN313" s="161"/>
      <c r="AO313" s="161"/>
      <c r="AP313" s="161"/>
      <c r="AQ313" s="161"/>
      <c r="AR313" s="162"/>
      <c r="AS313" s="188"/>
      <c r="AT313" s="213"/>
      <c r="AU313" s="213"/>
      <c r="AV313" s="213"/>
      <c r="AW313" s="213"/>
      <c r="AX313" s="214"/>
      <c r="AY313" s="23"/>
      <c r="AZ313" s="23"/>
      <c r="BA313" s="23"/>
      <c r="BB313" s="23"/>
      <c r="BC313" s="23"/>
      <c r="BD313" s="23"/>
      <c r="BE313" s="23"/>
      <c r="BF313" s="23"/>
      <c r="BG313" s="23"/>
      <c r="BH313" s="23"/>
      <c r="BI313" s="23"/>
      <c r="BJ313" s="23"/>
      <c r="BK313" s="23"/>
      <c r="BL313" s="23"/>
      <c r="BM313" s="23"/>
      <c r="BN313" s="23"/>
      <c r="BO313" s="23"/>
      <c r="BP313" s="23"/>
      <c r="BQ313" s="23"/>
      <c r="BR313" s="23"/>
      <c r="BS313" s="23"/>
      <c r="BT313" s="23"/>
      <c r="BU313" s="23"/>
      <c r="BV313" s="23"/>
      <c r="BW313" s="23"/>
      <c r="BX313" s="23"/>
      <c r="BY313" s="23"/>
      <c r="BZ313" s="23"/>
      <c r="CA313" s="23"/>
      <c r="CB313" s="23"/>
      <c r="CC313" s="23"/>
      <c r="CD313" s="23"/>
      <c r="CE313" s="23"/>
      <c r="CF313" s="23"/>
      <c r="CG313" s="23"/>
      <c r="CH313" s="23"/>
      <c r="CI313" s="23"/>
      <c r="CJ313" s="23"/>
      <c r="CK313" s="23"/>
      <c r="CL313" s="23"/>
      <c r="CM313" s="23"/>
      <c r="CN313" s="23"/>
      <c r="CO313" s="23"/>
      <c r="CP313" s="23"/>
      <c r="CQ313" s="23"/>
      <c r="CR313" s="23"/>
      <c r="CS313" s="23"/>
      <c r="CT313" s="23"/>
      <c r="CU313" s="23"/>
      <c r="CV313" s="23"/>
      <c r="CW313" s="23"/>
      <c r="CX313" s="23"/>
      <c r="CY313" s="23"/>
      <c r="CZ313" s="23"/>
      <c r="DA313" s="23"/>
      <c r="DB313" s="23"/>
      <c r="DC313" s="23"/>
      <c r="DD313" s="23"/>
      <c r="DE313" s="23"/>
      <c r="DF313" s="23"/>
      <c r="DG313" s="23"/>
      <c r="DH313" s="23"/>
      <c r="DI313" s="23"/>
      <c r="DJ313" s="23"/>
      <c r="DK313" s="23"/>
      <c r="DL313" s="23"/>
      <c r="DM313" s="23"/>
      <c r="DN313" s="23"/>
      <c r="DO313" s="23"/>
      <c r="DP313" s="23"/>
      <c r="DQ313" s="23"/>
      <c r="DR313" s="23"/>
      <c r="DS313" s="23"/>
      <c r="DT313" s="23"/>
      <c r="DU313" s="23"/>
      <c r="DV313" s="23"/>
      <c r="DW313" s="23"/>
      <c r="DX313" s="23"/>
      <c r="DY313" s="23"/>
      <c r="DZ313" s="23"/>
      <c r="EA313" s="23"/>
      <c r="EB313" s="23"/>
      <c r="EC313" s="23"/>
      <c r="ED313" s="23"/>
      <c r="EE313" s="23"/>
      <c r="EF313" s="23"/>
      <c r="EG313" s="23"/>
      <c r="EH313" s="23"/>
      <c r="EI313" s="23"/>
      <c r="EJ313" s="23"/>
      <c r="EK313" s="23"/>
      <c r="EL313" s="23"/>
      <c r="EM313" s="23"/>
      <c r="EN313" s="23"/>
      <c r="EO313" s="23"/>
      <c r="EP313" s="23"/>
      <c r="EQ313" s="23"/>
      <c r="ER313" s="23"/>
      <c r="ES313" s="23"/>
      <c r="ET313" s="23"/>
      <c r="EU313" s="23"/>
      <c r="EV313" s="23"/>
      <c r="EW313" s="23"/>
      <c r="EX313" s="23"/>
      <c r="EY313" s="23"/>
      <c r="EZ313" s="23"/>
      <c r="FA313" s="23"/>
      <c r="FB313" s="23"/>
      <c r="FC313" s="23"/>
      <c r="FD313" s="23"/>
      <c r="FE313" s="23"/>
      <c r="FF313" s="23"/>
      <c r="FG313" s="23"/>
      <c r="FH313" s="23"/>
      <c r="FI313" s="23"/>
      <c r="FJ313" s="23"/>
      <c r="FK313" s="23"/>
      <c r="FL313" s="23"/>
      <c r="FM313" s="23"/>
      <c r="FN313" s="23"/>
      <c r="FO313" s="23"/>
      <c r="FP313" s="23"/>
      <c r="FQ313" s="23"/>
      <c r="FR313" s="23"/>
      <c r="FS313" s="23"/>
      <c r="FT313" s="23"/>
      <c r="FU313" s="23"/>
      <c r="FV313" s="23"/>
      <c r="FW313" s="23"/>
      <c r="FX313" s="23"/>
      <c r="FY313" s="23"/>
      <c r="FZ313" s="23"/>
      <c r="GA313" s="23"/>
      <c r="GB313" s="23"/>
      <c r="GC313" s="23"/>
      <c r="GD313" s="23"/>
      <c r="GE313" s="23"/>
      <c r="GF313" s="23"/>
      <c r="GG313" s="23"/>
      <c r="GH313" s="23"/>
      <c r="GI313" s="23"/>
      <c r="GJ313" s="23"/>
      <c r="GK313" s="23"/>
      <c r="GL313" s="23"/>
      <c r="GM313" s="23"/>
      <c r="GN313" s="23"/>
      <c r="GO313" s="23"/>
      <c r="GP313" s="23"/>
      <c r="GQ313" s="23"/>
      <c r="GR313" s="23"/>
      <c r="GS313" s="23"/>
      <c r="GT313" s="23"/>
      <c r="GU313" s="23"/>
      <c r="GV313" s="23"/>
      <c r="GW313" s="23"/>
      <c r="GX313" s="23"/>
      <c r="GY313" s="23"/>
      <c r="GZ313" s="23"/>
      <c r="HA313" s="23"/>
      <c r="HB313" s="23"/>
      <c r="HC313" s="23"/>
      <c r="HD313" s="23"/>
      <c r="HE313" s="23"/>
      <c r="HF313" s="23"/>
      <c r="HG313" s="23"/>
      <c r="HH313" s="23"/>
      <c r="HI313" s="23"/>
      <c r="HJ313" s="23"/>
      <c r="HK313" s="23"/>
      <c r="HL313" s="23"/>
      <c r="HM313" s="23"/>
      <c r="HN313" s="23"/>
      <c r="HO313" s="23"/>
      <c r="HP313" s="23"/>
      <c r="HQ313" s="23"/>
      <c r="HR313" s="23"/>
      <c r="HS313" s="23"/>
      <c r="HT313" s="23"/>
      <c r="HU313" s="23"/>
      <c r="HV313" s="23"/>
      <c r="HW313" s="23"/>
      <c r="HX313" s="23"/>
      <c r="HY313" s="23"/>
      <c r="HZ313" s="23"/>
      <c r="IA313" s="23"/>
      <c r="IB313" s="23"/>
      <c r="IC313" s="23"/>
      <c r="ID313" s="23"/>
      <c r="IE313" s="23"/>
      <c r="IF313" s="23"/>
      <c r="IG313" s="23"/>
      <c r="IH313" s="23"/>
      <c r="II313" s="23"/>
      <c r="IJ313" s="23"/>
      <c r="IK313" s="23"/>
      <c r="IL313" s="23"/>
      <c r="IM313" s="23"/>
      <c r="IN313" s="23"/>
      <c r="IO313" s="23"/>
      <c r="IP313" s="23"/>
      <c r="IQ313" s="23"/>
    </row>
    <row r="314" spans="1:251" s="50" customFormat="1" ht="18.75" customHeight="1" thickTop="1" thickBot="1">
      <c r="A314" s="38"/>
      <c r="B314" s="164" t="s">
        <v>105</v>
      </c>
      <c r="C314" s="191"/>
      <c r="D314" s="191"/>
      <c r="E314" s="191"/>
      <c r="F314" s="191"/>
      <c r="G314" s="191"/>
      <c r="H314" s="191"/>
      <c r="I314" s="191"/>
      <c r="J314" s="191"/>
      <c r="K314" s="191"/>
      <c r="L314" s="191"/>
      <c r="M314" s="191"/>
      <c r="N314" s="191"/>
      <c r="O314" s="191"/>
      <c r="P314" s="191"/>
      <c r="Q314" s="191"/>
      <c r="R314" s="191"/>
      <c r="S314" s="191"/>
      <c r="T314" s="191"/>
      <c r="U314" s="191"/>
      <c r="V314" s="191"/>
      <c r="W314" s="191"/>
      <c r="X314" s="191"/>
      <c r="Y314" s="191"/>
      <c r="Z314" s="192"/>
      <c r="AA314" s="167">
        <f>SUM(AA306:AA313)</f>
        <v>2842</v>
      </c>
      <c r="AB314" s="215"/>
      <c r="AC314" s="215"/>
      <c r="AD314" s="215"/>
      <c r="AE314" s="215"/>
      <c r="AF314" s="215"/>
      <c r="AG314" s="215"/>
      <c r="AH314" s="215"/>
      <c r="AI314" s="216"/>
      <c r="AJ314" s="167">
        <f>SUM(AJ306:AJ313)</f>
        <v>1457</v>
      </c>
      <c r="AK314" s="215"/>
      <c r="AL314" s="215"/>
      <c r="AM314" s="215"/>
      <c r="AN314" s="215"/>
      <c r="AO314" s="215"/>
      <c r="AP314" s="215"/>
      <c r="AQ314" s="215"/>
      <c r="AR314" s="216"/>
      <c r="AS314" s="167"/>
      <c r="AT314" s="215"/>
      <c r="AU314" s="215"/>
      <c r="AV314" s="215"/>
      <c r="AW314" s="215"/>
      <c r="AX314" s="217"/>
      <c r="AY314" s="23"/>
      <c r="AZ314" s="23"/>
      <c r="BA314" s="23"/>
      <c r="BB314" s="23"/>
      <c r="BC314" s="23"/>
      <c r="BD314" s="23"/>
      <c r="BE314" s="23"/>
      <c r="BF314" s="23"/>
      <c r="BG314" s="23"/>
      <c r="BH314" s="23"/>
      <c r="BI314" s="23"/>
      <c r="BJ314" s="23"/>
      <c r="BK314" s="23"/>
      <c r="BL314" s="23"/>
      <c r="BM314" s="23"/>
      <c r="BN314" s="23"/>
      <c r="BO314" s="23"/>
      <c r="BP314" s="23"/>
      <c r="BQ314" s="23"/>
      <c r="BR314" s="23"/>
      <c r="BS314" s="23"/>
      <c r="BT314" s="23"/>
      <c r="BU314" s="23"/>
      <c r="BV314" s="23"/>
      <c r="BW314" s="23"/>
      <c r="BX314" s="23"/>
      <c r="BY314" s="23"/>
      <c r="BZ314" s="23"/>
      <c r="CA314" s="23"/>
      <c r="CB314" s="23"/>
      <c r="CC314" s="23"/>
      <c r="CD314" s="23"/>
      <c r="CE314" s="23"/>
      <c r="CF314" s="23"/>
      <c r="CG314" s="23"/>
      <c r="CH314" s="23"/>
      <c r="CI314" s="23"/>
      <c r="CJ314" s="23"/>
      <c r="CK314" s="23"/>
      <c r="CL314" s="23"/>
      <c r="CM314" s="23"/>
      <c r="CN314" s="23"/>
      <c r="CO314" s="23"/>
      <c r="CP314" s="23"/>
      <c r="CQ314" s="23"/>
      <c r="CR314" s="23"/>
      <c r="CS314" s="23"/>
      <c r="CT314" s="23"/>
      <c r="CU314" s="23"/>
      <c r="CV314" s="23"/>
      <c r="CW314" s="23"/>
      <c r="CX314" s="23"/>
      <c r="CY314" s="23"/>
      <c r="CZ314" s="23"/>
      <c r="DA314" s="23"/>
      <c r="DB314" s="23"/>
      <c r="DC314" s="23"/>
      <c r="DD314" s="23"/>
      <c r="DE314" s="23"/>
      <c r="DF314" s="23"/>
      <c r="DG314" s="23"/>
      <c r="DH314" s="23"/>
      <c r="DI314" s="23"/>
      <c r="DJ314" s="23"/>
      <c r="DK314" s="23"/>
      <c r="DL314" s="23"/>
      <c r="DM314" s="23"/>
      <c r="DN314" s="23"/>
      <c r="DO314" s="23"/>
      <c r="DP314" s="23"/>
      <c r="DQ314" s="23"/>
      <c r="DR314" s="23"/>
      <c r="DS314" s="23"/>
      <c r="DT314" s="23"/>
      <c r="DU314" s="23"/>
      <c r="DV314" s="23"/>
      <c r="DW314" s="23"/>
      <c r="DX314" s="23"/>
      <c r="DY314" s="23"/>
      <c r="DZ314" s="23"/>
      <c r="EA314" s="23"/>
      <c r="EB314" s="23"/>
      <c r="EC314" s="23"/>
      <c r="ED314" s="23"/>
      <c r="EE314" s="23"/>
      <c r="EF314" s="23"/>
      <c r="EG314" s="23"/>
      <c r="EH314" s="23"/>
      <c r="EI314" s="23"/>
      <c r="EJ314" s="23"/>
      <c r="EK314" s="23"/>
      <c r="EL314" s="23"/>
      <c r="EM314" s="23"/>
      <c r="EN314" s="23"/>
      <c r="EO314" s="23"/>
      <c r="EP314" s="23"/>
      <c r="EQ314" s="23"/>
      <c r="ER314" s="23"/>
      <c r="ES314" s="23"/>
      <c r="ET314" s="23"/>
      <c r="EU314" s="23"/>
      <c r="EV314" s="23"/>
      <c r="EW314" s="23"/>
      <c r="EX314" s="23"/>
      <c r="EY314" s="23"/>
      <c r="EZ314" s="23"/>
      <c r="FA314" s="23"/>
      <c r="FB314" s="23"/>
      <c r="FC314" s="23"/>
      <c r="FD314" s="23"/>
      <c r="FE314" s="23"/>
      <c r="FF314" s="23"/>
      <c r="FG314" s="23"/>
      <c r="FH314" s="23"/>
      <c r="FI314" s="23"/>
      <c r="FJ314" s="23"/>
      <c r="FK314" s="23"/>
      <c r="FL314" s="23"/>
      <c r="FM314" s="23"/>
      <c r="FN314" s="23"/>
      <c r="FO314" s="23"/>
      <c r="FP314" s="23"/>
      <c r="FQ314" s="23"/>
      <c r="FR314" s="23"/>
      <c r="FS314" s="23"/>
      <c r="FT314" s="23"/>
      <c r="FU314" s="23"/>
      <c r="FV314" s="23"/>
      <c r="FW314" s="23"/>
      <c r="FX314" s="23"/>
      <c r="FY314" s="23"/>
      <c r="FZ314" s="23"/>
      <c r="GA314" s="23"/>
      <c r="GB314" s="23"/>
      <c r="GC314" s="23"/>
      <c r="GD314" s="23"/>
      <c r="GE314" s="23"/>
      <c r="GF314" s="23"/>
      <c r="GG314" s="23"/>
      <c r="GH314" s="23"/>
      <c r="GI314" s="23"/>
      <c r="GJ314" s="23"/>
      <c r="GK314" s="23"/>
      <c r="GL314" s="23"/>
      <c r="GM314" s="23"/>
      <c r="GN314" s="23"/>
      <c r="GO314" s="23"/>
      <c r="GP314" s="23"/>
      <c r="GQ314" s="23"/>
      <c r="GR314" s="23"/>
      <c r="GS314" s="23"/>
      <c r="GT314" s="23"/>
      <c r="GU314" s="23"/>
      <c r="GV314" s="23"/>
      <c r="GW314" s="23"/>
      <c r="GX314" s="23"/>
      <c r="GY314" s="23"/>
      <c r="GZ314" s="23"/>
      <c r="HA314" s="23"/>
      <c r="HB314" s="23"/>
      <c r="HC314" s="23"/>
      <c r="HD314" s="23"/>
      <c r="HE314" s="23"/>
      <c r="HF314" s="23"/>
      <c r="HG314" s="23"/>
      <c r="HH314" s="23"/>
      <c r="HI314" s="23"/>
      <c r="HJ314" s="23"/>
      <c r="HK314" s="23"/>
      <c r="HL314" s="23"/>
      <c r="HM314" s="23"/>
      <c r="HN314" s="23"/>
      <c r="HO314" s="23"/>
      <c r="HP314" s="23"/>
      <c r="HQ314" s="23"/>
      <c r="HR314" s="23"/>
      <c r="HS314" s="23"/>
      <c r="HT314" s="23"/>
      <c r="HU314" s="23"/>
      <c r="HV314" s="23"/>
      <c r="HW314" s="23"/>
      <c r="HX314" s="23"/>
      <c r="HY314" s="23"/>
      <c r="HZ314" s="23"/>
      <c r="IA314" s="23"/>
      <c r="IB314" s="23"/>
      <c r="IC314" s="23"/>
      <c r="ID314" s="23"/>
      <c r="IE314" s="23"/>
      <c r="IF314" s="23"/>
      <c r="IG314" s="23"/>
      <c r="IH314" s="23"/>
      <c r="II314" s="23"/>
      <c r="IJ314" s="23"/>
      <c r="IK314" s="23"/>
      <c r="IL314" s="23"/>
      <c r="IM314" s="23"/>
      <c r="IN314" s="23"/>
      <c r="IO314" s="23"/>
      <c r="IP314" s="23"/>
      <c r="IQ314" s="23"/>
    </row>
    <row r="316" spans="1:251" s="23" customFormat="1" ht="19.2">
      <c r="A316" s="22" t="s">
        <v>86</v>
      </c>
      <c r="AW316" s="24"/>
      <c r="AX316" s="25"/>
      <c r="AY316" s="24"/>
    </row>
    <row r="317" spans="1:251" s="23" customFormat="1" ht="13.2"/>
    <row r="318" spans="1:251" s="23" customFormat="1">
      <c r="A318" s="26"/>
      <c r="B318" s="115" t="s">
        <v>87</v>
      </c>
      <c r="C318" s="153"/>
      <c r="D318" s="153"/>
      <c r="E318" s="153"/>
      <c r="F318" s="153"/>
      <c r="G318" s="153"/>
      <c r="H318" s="153"/>
      <c r="I318" s="153"/>
      <c r="J318" s="153"/>
      <c r="K318" s="153"/>
      <c r="L318" s="153"/>
      <c r="M318" s="153"/>
      <c r="N318" s="153"/>
      <c r="O318" s="153"/>
      <c r="P318" s="153"/>
      <c r="Q318" s="153"/>
      <c r="R318" s="153"/>
      <c r="S318" s="153"/>
      <c r="T318" s="153"/>
      <c r="U318" s="153"/>
      <c r="V318" s="153"/>
      <c r="W318" s="153"/>
      <c r="X318" s="153"/>
      <c r="Y318" s="153"/>
      <c r="Z318" s="153"/>
      <c r="AA318" s="153"/>
      <c r="AB318" s="153"/>
      <c r="AC318" s="153"/>
      <c r="AD318" s="153"/>
      <c r="AE318" s="153"/>
      <c r="AF318" s="153"/>
      <c r="AG318" s="153"/>
      <c r="AH318" s="153"/>
      <c r="AI318" s="153"/>
      <c r="AJ318" s="153"/>
      <c r="AK318" s="153"/>
      <c r="AL318" s="153"/>
      <c r="AM318" s="153"/>
      <c r="AN318" s="153"/>
      <c r="AO318" s="153"/>
      <c r="AP318" s="153"/>
      <c r="AQ318" s="153"/>
      <c r="AR318" s="153"/>
      <c r="AS318" s="153"/>
      <c r="AT318" s="153"/>
      <c r="AU318" s="153"/>
      <c r="AV318" s="153"/>
      <c r="AW318" s="153"/>
      <c r="AX318" s="153"/>
      <c r="AY318" s="26"/>
    </row>
    <row r="319" spans="1:251" s="23" customFormat="1" ht="13.2">
      <c r="Z319" s="27"/>
      <c r="AD319" s="27"/>
      <c r="AE319" s="27"/>
      <c r="AF319" s="27"/>
      <c r="AG319" s="27"/>
      <c r="AH319" s="27"/>
      <c r="AI319" s="27"/>
      <c r="AO319" s="27"/>
    </row>
    <row r="320" spans="1:251" s="23" customFormat="1" ht="13.8" thickBot="1">
      <c r="Z320" s="27"/>
      <c r="AD320" s="27"/>
      <c r="AE320" s="27"/>
      <c r="AF320" s="27"/>
      <c r="AG320" s="27"/>
      <c r="AH320" s="27"/>
      <c r="AI320" s="27"/>
      <c r="AO320" s="27"/>
      <c r="DI320" s="28"/>
    </row>
    <row r="321" spans="1:113" s="23" customFormat="1" ht="24.6" customHeight="1" thickBot="1">
      <c r="A321" s="116" t="s">
        <v>88</v>
      </c>
      <c r="B321" s="117"/>
      <c r="C321" s="117"/>
      <c r="D321" s="117"/>
      <c r="E321" s="117"/>
      <c r="F321" s="117"/>
      <c r="G321" s="117"/>
      <c r="H321" s="117"/>
      <c r="I321" s="117"/>
      <c r="J321" s="117"/>
      <c r="K321" s="118"/>
      <c r="L321" s="154">
        <v>10</v>
      </c>
      <c r="M321" s="154"/>
      <c r="N321" s="154"/>
      <c r="O321" s="155"/>
      <c r="P321" s="122" t="s">
        <v>89</v>
      </c>
      <c r="Q321" s="120"/>
      <c r="R321" s="120"/>
      <c r="S321" s="120"/>
      <c r="T321" s="120"/>
      <c r="U321" s="123"/>
      <c r="V321" s="156" t="s">
        <v>140</v>
      </c>
      <c r="W321" s="156"/>
      <c r="X321" s="156"/>
      <c r="Y321" s="156"/>
      <c r="Z321" s="156"/>
      <c r="AA321" s="156"/>
      <c r="AB321" s="156"/>
      <c r="AC321" s="156"/>
      <c r="AD321" s="156"/>
      <c r="AE321" s="156"/>
      <c r="AF321" s="156"/>
      <c r="AG321" s="156"/>
      <c r="AH321" s="156"/>
      <c r="AI321" s="156"/>
      <c r="AJ321" s="156"/>
      <c r="AK321" s="156"/>
      <c r="AL321" s="156"/>
      <c r="AM321" s="156"/>
      <c r="AN321" s="156"/>
      <c r="AO321" s="156"/>
      <c r="AP321" s="156"/>
      <c r="AQ321" s="156"/>
      <c r="AR321" s="156"/>
      <c r="AS321" s="156"/>
      <c r="AT321" s="156"/>
      <c r="AU321" s="156"/>
      <c r="AV321" s="156"/>
      <c r="AW321" s="156"/>
      <c r="AX321" s="157"/>
      <c r="DI321" s="28"/>
    </row>
    <row r="322" spans="1:113" s="23" customFormat="1" ht="14.4">
      <c r="A322" s="29"/>
      <c r="B322" s="29"/>
      <c r="C322" s="29"/>
      <c r="D322" s="29"/>
      <c r="E322" s="29"/>
      <c r="F322" s="29"/>
      <c r="G322" s="29"/>
      <c r="H322" s="29"/>
      <c r="I322" s="29"/>
      <c r="J322" s="29"/>
      <c r="K322" s="29"/>
      <c r="L322" s="30"/>
      <c r="M322" s="30"/>
      <c r="N322" s="30"/>
      <c r="O322" s="30"/>
      <c r="P322" s="29"/>
      <c r="Q322" s="29"/>
      <c r="R322" s="29"/>
      <c r="S322" s="29"/>
      <c r="T322" s="29"/>
      <c r="U322" s="29"/>
      <c r="V322" s="31"/>
      <c r="W322" s="31"/>
      <c r="X322" s="31"/>
      <c r="Y322" s="31"/>
      <c r="Z322" s="31"/>
      <c r="AA322" s="31"/>
      <c r="AB322" s="31"/>
      <c r="AC322" s="31"/>
      <c r="AD322" s="31"/>
      <c r="AE322" s="31"/>
      <c r="AF322" s="31"/>
      <c r="AG322" s="31"/>
      <c r="AH322" s="31"/>
      <c r="AI322" s="31"/>
      <c r="AJ322" s="31"/>
      <c r="AK322" s="31"/>
      <c r="AL322" s="31"/>
      <c r="AM322" s="31"/>
      <c r="AN322" s="31"/>
      <c r="AO322" s="31"/>
      <c r="AP322" s="31"/>
      <c r="AQ322" s="31"/>
      <c r="AR322" s="31"/>
      <c r="AS322" s="31"/>
      <c r="AT322" s="31"/>
      <c r="AU322" s="31"/>
      <c r="AV322" s="31"/>
      <c r="AW322" s="31"/>
      <c r="AX322" s="31"/>
      <c r="DI322" s="28"/>
    </row>
    <row r="323" spans="1:113" s="23" customFormat="1" ht="15" thickBot="1">
      <c r="A323" s="32"/>
      <c r="B323" s="33" t="s">
        <v>91</v>
      </c>
      <c r="C323" s="34"/>
      <c r="D323" s="34"/>
      <c r="E323" s="34"/>
      <c r="F323" s="34"/>
      <c r="G323" s="34"/>
      <c r="H323" s="34"/>
      <c r="I323" s="34"/>
      <c r="J323" s="34"/>
      <c r="K323" s="34"/>
      <c r="L323" s="35"/>
      <c r="M323" s="35"/>
      <c r="N323" s="35"/>
      <c r="O323" s="35"/>
      <c r="P323" s="34"/>
      <c r="Q323" s="34"/>
      <c r="R323" s="34"/>
      <c r="S323" s="34"/>
      <c r="T323" s="34"/>
      <c r="U323" s="34"/>
      <c r="V323" s="33"/>
      <c r="W323" s="33"/>
      <c r="X323" s="33"/>
      <c r="Y323" s="33"/>
      <c r="Z323" s="33"/>
      <c r="AA323" s="33"/>
      <c r="AB323" s="33"/>
      <c r="AC323" s="33"/>
      <c r="AD323" s="33"/>
      <c r="AE323" s="33"/>
      <c r="AF323" s="33"/>
      <c r="AG323" s="33"/>
      <c r="AH323" s="33"/>
      <c r="AI323" s="33"/>
      <c r="AJ323" s="33"/>
      <c r="AK323" s="33"/>
      <c r="AL323" s="33"/>
      <c r="AM323" s="33"/>
      <c r="AN323" s="33"/>
      <c r="AO323" s="33"/>
      <c r="AP323" s="33"/>
      <c r="AQ323" s="33"/>
      <c r="AR323" s="33"/>
      <c r="AS323" s="33"/>
      <c r="AT323" s="33"/>
      <c r="AU323" s="33"/>
      <c r="AV323" s="33"/>
      <c r="AW323" s="33"/>
      <c r="AX323" s="33"/>
      <c r="DI323" s="28"/>
    </row>
    <row r="324" spans="1:113" s="23" customFormat="1" ht="14.4">
      <c r="A324" s="34"/>
      <c r="B324" s="36"/>
      <c r="C324" s="29"/>
      <c r="D324" s="29"/>
      <c r="E324" s="29"/>
      <c r="F324" s="29"/>
      <c r="G324" s="29"/>
      <c r="H324" s="29"/>
      <c r="I324" s="29"/>
      <c r="J324" s="29"/>
      <c r="K324" s="29"/>
      <c r="L324" s="30"/>
      <c r="M324" s="30"/>
      <c r="N324" s="30"/>
      <c r="O324" s="30"/>
      <c r="P324" s="29"/>
      <c r="Q324" s="29"/>
      <c r="R324" s="29"/>
      <c r="S324" s="29"/>
      <c r="T324" s="29"/>
      <c r="U324" s="29"/>
      <c r="V324" s="31"/>
      <c r="W324" s="31"/>
      <c r="X324" s="31"/>
      <c r="Y324" s="31"/>
      <c r="Z324" s="31"/>
      <c r="AA324" s="31"/>
      <c r="AB324" s="31"/>
      <c r="AC324" s="31"/>
      <c r="AD324" s="31"/>
      <c r="AE324" s="31"/>
      <c r="AF324" s="31"/>
      <c r="AG324" s="31"/>
      <c r="AH324" s="31"/>
      <c r="AI324" s="31"/>
      <c r="AJ324" s="31"/>
      <c r="AK324" s="31"/>
      <c r="AL324" s="31"/>
      <c r="AM324" s="31"/>
      <c r="AN324" s="31"/>
      <c r="AO324" s="31"/>
      <c r="AP324" s="31"/>
      <c r="AQ324" s="31"/>
      <c r="AR324" s="31"/>
      <c r="AS324" s="31"/>
      <c r="AT324" s="31"/>
      <c r="AU324" s="31"/>
      <c r="AV324" s="31"/>
      <c r="AW324" s="31"/>
      <c r="AX324" s="37"/>
    </row>
    <row r="325" spans="1:113" s="23" customFormat="1" ht="10.8" customHeight="1">
      <c r="A325" s="34"/>
      <c r="B325" s="127" t="s">
        <v>141</v>
      </c>
      <c r="C325" s="128"/>
      <c r="D325" s="128"/>
      <c r="E325" s="128"/>
      <c r="F325" s="128"/>
      <c r="G325" s="128"/>
      <c r="H325" s="128"/>
      <c r="I325" s="128"/>
      <c r="J325" s="128"/>
      <c r="K325" s="128"/>
      <c r="L325" s="128"/>
      <c r="M325" s="128"/>
      <c r="N325" s="128"/>
      <c r="O325" s="128"/>
      <c r="P325" s="128"/>
      <c r="Q325" s="128"/>
      <c r="R325" s="128"/>
      <c r="S325" s="128"/>
      <c r="T325" s="128"/>
      <c r="U325" s="128"/>
      <c r="V325" s="128"/>
      <c r="W325" s="128"/>
      <c r="X325" s="128"/>
      <c r="Y325" s="128"/>
      <c r="Z325" s="128"/>
      <c r="AA325" s="128"/>
      <c r="AB325" s="128"/>
      <c r="AC325" s="128"/>
      <c r="AD325" s="128"/>
      <c r="AE325" s="128"/>
      <c r="AF325" s="128"/>
      <c r="AG325" s="128"/>
      <c r="AH325" s="128"/>
      <c r="AI325" s="128"/>
      <c r="AJ325" s="128"/>
      <c r="AK325" s="128"/>
      <c r="AL325" s="128"/>
      <c r="AM325" s="128"/>
      <c r="AN325" s="128"/>
      <c r="AO325" s="128"/>
      <c r="AP325" s="128"/>
      <c r="AQ325" s="128"/>
      <c r="AR325" s="128"/>
      <c r="AS325" s="128"/>
      <c r="AT325" s="128"/>
      <c r="AU325" s="128"/>
      <c r="AV325" s="128"/>
      <c r="AW325" s="128"/>
      <c r="AX325" s="129"/>
    </row>
    <row r="326" spans="1:113" s="23" customFormat="1" ht="10.8" customHeight="1">
      <c r="A326" s="34"/>
      <c r="B326" s="127"/>
      <c r="C326" s="128"/>
      <c r="D326" s="128"/>
      <c r="E326" s="128"/>
      <c r="F326" s="128"/>
      <c r="G326" s="128"/>
      <c r="H326" s="128"/>
      <c r="I326" s="128"/>
      <c r="J326" s="128"/>
      <c r="K326" s="128"/>
      <c r="L326" s="128"/>
      <c r="M326" s="128"/>
      <c r="N326" s="128"/>
      <c r="O326" s="128"/>
      <c r="P326" s="128"/>
      <c r="Q326" s="128"/>
      <c r="R326" s="128"/>
      <c r="S326" s="128"/>
      <c r="T326" s="128"/>
      <c r="U326" s="128"/>
      <c r="V326" s="128"/>
      <c r="W326" s="128"/>
      <c r="X326" s="128"/>
      <c r="Y326" s="128"/>
      <c r="Z326" s="128"/>
      <c r="AA326" s="128"/>
      <c r="AB326" s="128"/>
      <c r="AC326" s="128"/>
      <c r="AD326" s="128"/>
      <c r="AE326" s="128"/>
      <c r="AF326" s="128"/>
      <c r="AG326" s="128"/>
      <c r="AH326" s="128"/>
      <c r="AI326" s="128"/>
      <c r="AJ326" s="128"/>
      <c r="AK326" s="128"/>
      <c r="AL326" s="128"/>
      <c r="AM326" s="128"/>
      <c r="AN326" s="128"/>
      <c r="AO326" s="128"/>
      <c r="AP326" s="128"/>
      <c r="AQ326" s="128"/>
      <c r="AR326" s="128"/>
      <c r="AS326" s="128"/>
      <c r="AT326" s="128"/>
      <c r="AU326" s="128"/>
      <c r="AV326" s="128"/>
      <c r="AW326" s="128"/>
      <c r="AX326" s="129"/>
      <c r="BC326" s="17"/>
    </row>
    <row r="327" spans="1:113" s="23" customFormat="1" ht="10.8" customHeight="1">
      <c r="A327" s="34"/>
      <c r="B327" s="127"/>
      <c r="C327" s="128"/>
      <c r="D327" s="128"/>
      <c r="E327" s="128"/>
      <c r="F327" s="128"/>
      <c r="G327" s="128"/>
      <c r="H327" s="128"/>
      <c r="I327" s="128"/>
      <c r="J327" s="128"/>
      <c r="K327" s="128"/>
      <c r="L327" s="128"/>
      <c r="M327" s="128"/>
      <c r="N327" s="128"/>
      <c r="O327" s="128"/>
      <c r="P327" s="128"/>
      <c r="Q327" s="128"/>
      <c r="R327" s="128"/>
      <c r="S327" s="128"/>
      <c r="T327" s="128"/>
      <c r="U327" s="128"/>
      <c r="V327" s="128"/>
      <c r="W327" s="128"/>
      <c r="X327" s="128"/>
      <c r="Y327" s="128"/>
      <c r="Z327" s="128"/>
      <c r="AA327" s="128"/>
      <c r="AB327" s="128"/>
      <c r="AC327" s="128"/>
      <c r="AD327" s="128"/>
      <c r="AE327" s="128"/>
      <c r="AF327" s="128"/>
      <c r="AG327" s="128"/>
      <c r="AH327" s="128"/>
      <c r="AI327" s="128"/>
      <c r="AJ327" s="128"/>
      <c r="AK327" s="128"/>
      <c r="AL327" s="128"/>
      <c r="AM327" s="128"/>
      <c r="AN327" s="128"/>
      <c r="AO327" s="128"/>
      <c r="AP327" s="128"/>
      <c r="AQ327" s="128"/>
      <c r="AR327" s="128"/>
      <c r="AS327" s="128"/>
      <c r="AT327" s="128"/>
      <c r="AU327" s="128"/>
      <c r="AV327" s="128"/>
      <c r="AW327" s="128"/>
      <c r="AX327" s="129"/>
    </row>
    <row r="328" spans="1:113" s="23" customFormat="1" ht="10.8" customHeight="1">
      <c r="A328" s="34"/>
      <c r="B328" s="127"/>
      <c r="C328" s="128"/>
      <c r="D328" s="128"/>
      <c r="E328" s="128"/>
      <c r="F328" s="128"/>
      <c r="G328" s="128"/>
      <c r="H328" s="128"/>
      <c r="I328" s="128"/>
      <c r="J328" s="128"/>
      <c r="K328" s="128"/>
      <c r="L328" s="128"/>
      <c r="M328" s="128"/>
      <c r="N328" s="128"/>
      <c r="O328" s="128"/>
      <c r="P328" s="128"/>
      <c r="Q328" s="128"/>
      <c r="R328" s="128"/>
      <c r="S328" s="128"/>
      <c r="T328" s="128"/>
      <c r="U328" s="128"/>
      <c r="V328" s="128"/>
      <c r="W328" s="128"/>
      <c r="X328" s="128"/>
      <c r="Y328" s="128"/>
      <c r="Z328" s="128"/>
      <c r="AA328" s="128"/>
      <c r="AB328" s="128"/>
      <c r="AC328" s="128"/>
      <c r="AD328" s="128"/>
      <c r="AE328" s="128"/>
      <c r="AF328" s="128"/>
      <c r="AG328" s="128"/>
      <c r="AH328" s="128"/>
      <c r="AI328" s="128"/>
      <c r="AJ328" s="128"/>
      <c r="AK328" s="128"/>
      <c r="AL328" s="128"/>
      <c r="AM328" s="128"/>
      <c r="AN328" s="128"/>
      <c r="AO328" s="128"/>
      <c r="AP328" s="128"/>
      <c r="AQ328" s="128"/>
      <c r="AR328" s="128"/>
      <c r="AS328" s="128"/>
      <c r="AT328" s="128"/>
      <c r="AU328" s="128"/>
      <c r="AV328" s="128"/>
      <c r="AW328" s="128"/>
      <c r="AX328" s="129"/>
    </row>
    <row r="329" spans="1:113" s="23" customFormat="1" ht="10.8" customHeight="1">
      <c r="A329" s="34"/>
      <c r="B329" s="127"/>
      <c r="C329" s="128"/>
      <c r="D329" s="128"/>
      <c r="E329" s="128"/>
      <c r="F329" s="128"/>
      <c r="G329" s="128"/>
      <c r="H329" s="128"/>
      <c r="I329" s="128"/>
      <c r="J329" s="128"/>
      <c r="K329" s="128"/>
      <c r="L329" s="128"/>
      <c r="M329" s="128"/>
      <c r="N329" s="128"/>
      <c r="O329" s="128"/>
      <c r="P329" s="128"/>
      <c r="Q329" s="128"/>
      <c r="R329" s="128"/>
      <c r="S329" s="128"/>
      <c r="T329" s="128"/>
      <c r="U329" s="128"/>
      <c r="V329" s="128"/>
      <c r="W329" s="128"/>
      <c r="X329" s="128"/>
      <c r="Y329" s="128"/>
      <c r="Z329" s="128"/>
      <c r="AA329" s="128"/>
      <c r="AB329" s="128"/>
      <c r="AC329" s="128"/>
      <c r="AD329" s="128"/>
      <c r="AE329" s="128"/>
      <c r="AF329" s="128"/>
      <c r="AG329" s="128"/>
      <c r="AH329" s="128"/>
      <c r="AI329" s="128"/>
      <c r="AJ329" s="128"/>
      <c r="AK329" s="128"/>
      <c r="AL329" s="128"/>
      <c r="AM329" s="128"/>
      <c r="AN329" s="128"/>
      <c r="AO329" s="128"/>
      <c r="AP329" s="128"/>
      <c r="AQ329" s="128"/>
      <c r="AR329" s="128"/>
      <c r="AS329" s="128"/>
      <c r="AT329" s="128"/>
      <c r="AU329" s="128"/>
      <c r="AV329" s="128"/>
      <c r="AW329" s="128"/>
      <c r="AX329" s="129"/>
    </row>
    <row r="330" spans="1:113" s="23" customFormat="1" ht="10.8" customHeight="1">
      <c r="A330" s="34"/>
      <c r="B330" s="127"/>
      <c r="C330" s="128"/>
      <c r="D330" s="128"/>
      <c r="E330" s="128"/>
      <c r="F330" s="128"/>
      <c r="G330" s="128"/>
      <c r="H330" s="128"/>
      <c r="I330" s="128"/>
      <c r="J330" s="128"/>
      <c r="K330" s="128"/>
      <c r="L330" s="128"/>
      <c r="M330" s="128"/>
      <c r="N330" s="128"/>
      <c r="O330" s="128"/>
      <c r="P330" s="128"/>
      <c r="Q330" s="128"/>
      <c r="R330" s="128"/>
      <c r="S330" s="128"/>
      <c r="T330" s="128"/>
      <c r="U330" s="128"/>
      <c r="V330" s="128"/>
      <c r="W330" s="128"/>
      <c r="X330" s="128"/>
      <c r="Y330" s="128"/>
      <c r="Z330" s="128"/>
      <c r="AA330" s="128"/>
      <c r="AB330" s="128"/>
      <c r="AC330" s="128"/>
      <c r="AD330" s="128"/>
      <c r="AE330" s="128"/>
      <c r="AF330" s="128"/>
      <c r="AG330" s="128"/>
      <c r="AH330" s="128"/>
      <c r="AI330" s="128"/>
      <c r="AJ330" s="128"/>
      <c r="AK330" s="128"/>
      <c r="AL330" s="128"/>
      <c r="AM330" s="128"/>
      <c r="AN330" s="128"/>
      <c r="AO330" s="128"/>
      <c r="AP330" s="128"/>
      <c r="AQ330" s="128"/>
      <c r="AR330" s="128"/>
      <c r="AS330" s="128"/>
      <c r="AT330" s="128"/>
      <c r="AU330" s="128"/>
      <c r="AV330" s="128"/>
      <c r="AW330" s="128"/>
      <c r="AX330" s="129"/>
    </row>
    <row r="331" spans="1:113" s="23" customFormat="1" ht="10.8" customHeight="1">
      <c r="A331" s="34"/>
      <c r="B331" s="127"/>
      <c r="C331" s="128"/>
      <c r="D331" s="128"/>
      <c r="E331" s="128"/>
      <c r="F331" s="128"/>
      <c r="G331" s="128"/>
      <c r="H331" s="128"/>
      <c r="I331" s="128"/>
      <c r="J331" s="128"/>
      <c r="K331" s="128"/>
      <c r="L331" s="128"/>
      <c r="M331" s="128"/>
      <c r="N331" s="128"/>
      <c r="O331" s="128"/>
      <c r="P331" s="128"/>
      <c r="Q331" s="128"/>
      <c r="R331" s="128"/>
      <c r="S331" s="128"/>
      <c r="T331" s="128"/>
      <c r="U331" s="128"/>
      <c r="V331" s="128"/>
      <c r="W331" s="128"/>
      <c r="X331" s="128"/>
      <c r="Y331" s="128"/>
      <c r="Z331" s="128"/>
      <c r="AA331" s="128"/>
      <c r="AB331" s="128"/>
      <c r="AC331" s="128"/>
      <c r="AD331" s="128"/>
      <c r="AE331" s="128"/>
      <c r="AF331" s="128"/>
      <c r="AG331" s="128"/>
      <c r="AH331" s="128"/>
      <c r="AI331" s="128"/>
      <c r="AJ331" s="128"/>
      <c r="AK331" s="128"/>
      <c r="AL331" s="128"/>
      <c r="AM331" s="128"/>
      <c r="AN331" s="128"/>
      <c r="AO331" s="128"/>
      <c r="AP331" s="128"/>
      <c r="AQ331" s="128"/>
      <c r="AR331" s="128"/>
      <c r="AS331" s="128"/>
      <c r="AT331" s="128"/>
      <c r="AU331" s="128"/>
      <c r="AV331" s="128"/>
      <c r="AW331" s="128"/>
      <c r="AX331" s="129"/>
    </row>
    <row r="332" spans="1:113" s="23" customFormat="1" ht="10.8" customHeight="1">
      <c r="A332" s="34"/>
      <c r="B332" s="127"/>
      <c r="C332" s="128"/>
      <c r="D332" s="128"/>
      <c r="E332" s="128"/>
      <c r="F332" s="128"/>
      <c r="G332" s="128"/>
      <c r="H332" s="128"/>
      <c r="I332" s="128"/>
      <c r="J332" s="128"/>
      <c r="K332" s="128"/>
      <c r="L332" s="128"/>
      <c r="M332" s="128"/>
      <c r="N332" s="128"/>
      <c r="O332" s="128"/>
      <c r="P332" s="128"/>
      <c r="Q332" s="128"/>
      <c r="R332" s="128"/>
      <c r="S332" s="128"/>
      <c r="T332" s="128"/>
      <c r="U332" s="128"/>
      <c r="V332" s="128"/>
      <c r="W332" s="128"/>
      <c r="X332" s="128"/>
      <c r="Y332" s="128"/>
      <c r="Z332" s="128"/>
      <c r="AA332" s="128"/>
      <c r="AB332" s="128"/>
      <c r="AC332" s="128"/>
      <c r="AD332" s="128"/>
      <c r="AE332" s="128"/>
      <c r="AF332" s="128"/>
      <c r="AG332" s="128"/>
      <c r="AH332" s="128"/>
      <c r="AI332" s="128"/>
      <c r="AJ332" s="128"/>
      <c r="AK332" s="128"/>
      <c r="AL332" s="128"/>
      <c r="AM332" s="128"/>
      <c r="AN332" s="128"/>
      <c r="AO332" s="128"/>
      <c r="AP332" s="128"/>
      <c r="AQ332" s="128"/>
      <c r="AR332" s="128"/>
      <c r="AS332" s="128"/>
      <c r="AT332" s="128"/>
      <c r="AU332" s="128"/>
      <c r="AV332" s="128"/>
      <c r="AW332" s="128"/>
      <c r="AX332" s="129"/>
    </row>
    <row r="333" spans="1:113" s="23" customFormat="1" ht="10.8" customHeight="1">
      <c r="A333" s="34"/>
      <c r="B333" s="127"/>
      <c r="C333" s="128"/>
      <c r="D333" s="128"/>
      <c r="E333" s="128"/>
      <c r="F333" s="128"/>
      <c r="G333" s="128"/>
      <c r="H333" s="128"/>
      <c r="I333" s="128"/>
      <c r="J333" s="128"/>
      <c r="K333" s="128"/>
      <c r="L333" s="128"/>
      <c r="M333" s="128"/>
      <c r="N333" s="128"/>
      <c r="O333" s="128"/>
      <c r="P333" s="128"/>
      <c r="Q333" s="128"/>
      <c r="R333" s="128"/>
      <c r="S333" s="128"/>
      <c r="T333" s="128"/>
      <c r="U333" s="128"/>
      <c r="V333" s="128"/>
      <c r="W333" s="128"/>
      <c r="X333" s="128"/>
      <c r="Y333" s="128"/>
      <c r="Z333" s="128"/>
      <c r="AA333" s="128"/>
      <c r="AB333" s="128"/>
      <c r="AC333" s="128"/>
      <c r="AD333" s="128"/>
      <c r="AE333" s="128"/>
      <c r="AF333" s="128"/>
      <c r="AG333" s="128"/>
      <c r="AH333" s="128"/>
      <c r="AI333" s="128"/>
      <c r="AJ333" s="128"/>
      <c r="AK333" s="128"/>
      <c r="AL333" s="128"/>
      <c r="AM333" s="128"/>
      <c r="AN333" s="128"/>
      <c r="AO333" s="128"/>
      <c r="AP333" s="128"/>
      <c r="AQ333" s="128"/>
      <c r="AR333" s="128"/>
      <c r="AS333" s="128"/>
      <c r="AT333" s="128"/>
      <c r="AU333" s="128"/>
      <c r="AV333" s="128"/>
      <c r="AW333" s="128"/>
      <c r="AX333" s="129"/>
    </row>
    <row r="334" spans="1:113" s="23" customFormat="1" ht="10.8" customHeight="1">
      <c r="A334" s="34"/>
      <c r="B334" s="127"/>
      <c r="C334" s="128"/>
      <c r="D334" s="128"/>
      <c r="E334" s="128"/>
      <c r="F334" s="128"/>
      <c r="G334" s="128"/>
      <c r="H334" s="128"/>
      <c r="I334" s="128"/>
      <c r="J334" s="128"/>
      <c r="K334" s="128"/>
      <c r="L334" s="128"/>
      <c r="M334" s="128"/>
      <c r="N334" s="128"/>
      <c r="O334" s="128"/>
      <c r="P334" s="128"/>
      <c r="Q334" s="128"/>
      <c r="R334" s="128"/>
      <c r="S334" s="128"/>
      <c r="T334" s="128"/>
      <c r="U334" s="128"/>
      <c r="V334" s="128"/>
      <c r="W334" s="128"/>
      <c r="X334" s="128"/>
      <c r="Y334" s="128"/>
      <c r="Z334" s="128"/>
      <c r="AA334" s="128"/>
      <c r="AB334" s="128"/>
      <c r="AC334" s="128"/>
      <c r="AD334" s="128"/>
      <c r="AE334" s="128"/>
      <c r="AF334" s="128"/>
      <c r="AG334" s="128"/>
      <c r="AH334" s="128"/>
      <c r="AI334" s="128"/>
      <c r="AJ334" s="128"/>
      <c r="AK334" s="128"/>
      <c r="AL334" s="128"/>
      <c r="AM334" s="128"/>
      <c r="AN334" s="128"/>
      <c r="AO334" s="128"/>
      <c r="AP334" s="128"/>
      <c r="AQ334" s="128"/>
      <c r="AR334" s="128"/>
      <c r="AS334" s="128"/>
      <c r="AT334" s="128"/>
      <c r="AU334" s="128"/>
      <c r="AV334" s="128"/>
      <c r="AW334" s="128"/>
      <c r="AX334" s="129"/>
    </row>
    <row r="335" spans="1:113" s="23" customFormat="1" ht="15" thickBot="1">
      <c r="A335" s="38"/>
      <c r="B335" s="39"/>
      <c r="C335" s="40"/>
      <c r="D335" s="40"/>
      <c r="E335" s="40"/>
      <c r="F335" s="40"/>
      <c r="G335" s="40"/>
      <c r="H335" s="40"/>
      <c r="I335" s="40"/>
      <c r="J335" s="40"/>
      <c r="K335" s="40"/>
      <c r="L335" s="40"/>
      <c r="M335" s="40"/>
      <c r="N335" s="40"/>
      <c r="O335" s="40"/>
      <c r="P335" s="40"/>
      <c r="Q335" s="40"/>
      <c r="R335" s="40"/>
      <c r="S335" s="40"/>
      <c r="T335" s="40"/>
      <c r="U335" s="40"/>
      <c r="V335" s="40"/>
      <c r="W335" s="40"/>
      <c r="X335" s="40"/>
      <c r="Y335" s="40"/>
      <c r="Z335" s="40"/>
      <c r="AA335" s="40"/>
      <c r="AB335" s="40"/>
      <c r="AC335" s="40"/>
      <c r="AD335" s="40"/>
      <c r="AE335" s="40"/>
      <c r="AF335" s="40"/>
      <c r="AG335" s="40"/>
      <c r="AH335" s="40"/>
      <c r="AI335" s="40"/>
      <c r="AJ335" s="40"/>
      <c r="AK335" s="40"/>
      <c r="AL335" s="40"/>
      <c r="AM335" s="40"/>
      <c r="AN335" s="40"/>
      <c r="AO335" s="40"/>
      <c r="AP335" s="40"/>
      <c r="AQ335" s="40"/>
      <c r="AR335" s="40"/>
      <c r="AS335" s="40"/>
      <c r="AT335" s="40"/>
      <c r="AU335" s="40"/>
      <c r="AV335" s="40"/>
      <c r="AW335" s="40"/>
      <c r="AX335" s="41"/>
    </row>
    <row r="336" spans="1:113" s="23" customFormat="1" ht="13.2">
      <c r="B336" s="42"/>
    </row>
    <row r="337" spans="1:251" s="23" customFormat="1" ht="14.4">
      <c r="B337" s="33" t="s">
        <v>93</v>
      </c>
      <c r="C337" s="34"/>
      <c r="D337" s="34"/>
      <c r="E337" s="34"/>
      <c r="F337" s="34"/>
      <c r="G337" s="34"/>
      <c r="H337" s="34"/>
      <c r="I337" s="34"/>
      <c r="J337" s="34"/>
      <c r="K337" s="34"/>
      <c r="L337" s="35"/>
      <c r="M337" s="35"/>
      <c r="N337" s="35"/>
      <c r="O337" s="35"/>
      <c r="P337" s="34"/>
      <c r="Q337" s="34"/>
      <c r="R337" s="34"/>
      <c r="S337" s="34"/>
      <c r="T337" s="34"/>
      <c r="U337" s="34"/>
      <c r="V337" s="33"/>
      <c r="W337" s="33"/>
      <c r="X337" s="33"/>
      <c r="Y337" s="33"/>
      <c r="Z337" s="33"/>
      <c r="AA337" s="33"/>
      <c r="AB337" s="33"/>
      <c r="AC337" s="33"/>
      <c r="AD337" s="33"/>
      <c r="AE337" s="33"/>
      <c r="AF337" s="33"/>
      <c r="AG337" s="33"/>
      <c r="AH337" s="33"/>
      <c r="AI337" s="33"/>
      <c r="AJ337" s="33"/>
      <c r="AK337" s="33"/>
      <c r="AL337" s="33"/>
      <c r="AM337" s="33"/>
      <c r="AN337" s="33"/>
      <c r="AO337" s="33"/>
      <c r="AP337" s="33"/>
      <c r="AQ337" s="33"/>
      <c r="AR337" s="33"/>
      <c r="AS337" s="33"/>
      <c r="AT337" s="33"/>
      <c r="AU337" s="33"/>
      <c r="AV337" s="33"/>
      <c r="AW337" s="33"/>
      <c r="AX337" s="33"/>
    </row>
    <row r="338" spans="1:251" s="23" customFormat="1" ht="15" thickBot="1">
      <c r="B338" s="33"/>
      <c r="C338" s="34"/>
      <c r="D338" s="34"/>
      <c r="E338" s="34"/>
      <c r="F338" s="34"/>
      <c r="G338" s="34"/>
      <c r="H338" s="34"/>
      <c r="I338" s="34"/>
      <c r="J338" s="34"/>
      <c r="K338" s="34"/>
      <c r="L338" s="35"/>
      <c r="M338" s="35"/>
      <c r="N338" s="35"/>
      <c r="O338" s="35"/>
      <c r="P338" s="34"/>
      <c r="Q338" s="34"/>
      <c r="R338" s="34"/>
      <c r="S338" s="34"/>
      <c r="T338" s="34"/>
      <c r="U338" s="34"/>
      <c r="V338" s="33"/>
      <c r="W338" s="33"/>
      <c r="X338" s="33"/>
      <c r="Y338" s="33"/>
      <c r="Z338" s="33"/>
      <c r="AA338" s="33"/>
      <c r="AB338" s="33"/>
      <c r="AC338" s="33"/>
      <c r="AD338" s="33"/>
      <c r="AE338" s="33"/>
      <c r="AF338" s="33"/>
      <c r="AG338" s="33"/>
      <c r="AH338" s="33"/>
      <c r="AI338" s="33"/>
      <c r="AJ338" s="33"/>
      <c r="AK338" s="33"/>
      <c r="AL338" s="33"/>
      <c r="AM338" s="33"/>
      <c r="AN338" s="33"/>
      <c r="AO338" s="33"/>
      <c r="AP338" s="33"/>
      <c r="AQ338" s="33"/>
      <c r="AR338" s="33"/>
      <c r="AS338" s="33"/>
      <c r="AT338" s="33"/>
      <c r="AU338" s="33"/>
      <c r="AV338" s="33"/>
      <c r="AW338" s="33"/>
      <c r="AX338" s="43" t="s">
        <v>94</v>
      </c>
    </row>
    <row r="339" spans="1:251" s="50" customFormat="1" ht="13.5" customHeight="1">
      <c r="A339" s="34"/>
      <c r="B339" s="139" t="s">
        <v>95</v>
      </c>
      <c r="C339" s="203"/>
      <c r="D339" s="203"/>
      <c r="E339" s="203"/>
      <c r="F339" s="203"/>
      <c r="G339" s="203"/>
      <c r="H339" s="203"/>
      <c r="I339" s="203"/>
      <c r="J339" s="203"/>
      <c r="K339" s="203"/>
      <c r="L339" s="203"/>
      <c r="M339" s="203"/>
      <c r="N339" s="203"/>
      <c r="O339" s="203"/>
      <c r="P339" s="203"/>
      <c r="Q339" s="203"/>
      <c r="R339" s="203"/>
      <c r="S339" s="203"/>
      <c r="T339" s="203"/>
      <c r="U339" s="203"/>
      <c r="V339" s="203"/>
      <c r="W339" s="203"/>
      <c r="X339" s="203"/>
      <c r="Y339" s="203"/>
      <c r="Z339" s="204"/>
      <c r="AA339" s="145" t="s">
        <v>116</v>
      </c>
      <c r="AB339" s="203"/>
      <c r="AC339" s="203"/>
      <c r="AD339" s="203"/>
      <c r="AE339" s="203"/>
      <c r="AF339" s="203"/>
      <c r="AG339" s="203"/>
      <c r="AH339" s="203"/>
      <c r="AI339" s="204"/>
      <c r="AJ339" s="145" t="s">
        <v>117</v>
      </c>
      <c r="AK339" s="203"/>
      <c r="AL339" s="203"/>
      <c r="AM339" s="203"/>
      <c r="AN339" s="203"/>
      <c r="AO339" s="203"/>
      <c r="AP339" s="203"/>
      <c r="AQ339" s="203"/>
      <c r="AR339" s="204"/>
      <c r="AS339" s="145" t="s">
        <v>98</v>
      </c>
      <c r="AT339" s="203"/>
      <c r="AU339" s="203"/>
      <c r="AV339" s="203"/>
      <c r="AW339" s="203"/>
      <c r="AX339" s="209"/>
      <c r="AY339" s="23"/>
      <c r="AZ339" s="23"/>
      <c r="BA339" s="23"/>
      <c r="BB339" s="23"/>
      <c r="BC339" s="23"/>
      <c r="BD339" s="23"/>
      <c r="BE339" s="23"/>
      <c r="BF339" s="23"/>
      <c r="BG339" s="23"/>
      <c r="BH339" s="23"/>
      <c r="BI339" s="23"/>
      <c r="BJ339" s="23"/>
      <c r="BK339" s="23"/>
      <c r="BL339" s="23"/>
      <c r="BM339" s="23"/>
      <c r="BN339" s="23"/>
      <c r="BO339" s="23"/>
      <c r="BP339" s="23"/>
      <c r="BQ339" s="23"/>
      <c r="BR339" s="23"/>
      <c r="BS339" s="23"/>
      <c r="BT339" s="23"/>
      <c r="BU339" s="23"/>
      <c r="BV339" s="23"/>
      <c r="BW339" s="23"/>
      <c r="BX339" s="23"/>
      <c r="BY339" s="23"/>
      <c r="BZ339" s="23"/>
      <c r="CA339" s="23"/>
      <c r="CB339" s="23"/>
      <c r="CC339" s="23"/>
      <c r="CD339" s="23"/>
      <c r="CE339" s="23"/>
      <c r="CF339" s="23"/>
      <c r="CG339" s="23"/>
      <c r="CH339" s="23"/>
      <c r="CI339" s="23"/>
      <c r="CJ339" s="23"/>
      <c r="CK339" s="23"/>
      <c r="CL339" s="23"/>
      <c r="CM339" s="23"/>
      <c r="CN339" s="23"/>
      <c r="CO339" s="23"/>
      <c r="CP339" s="23"/>
      <c r="CQ339" s="23"/>
      <c r="CR339" s="23"/>
      <c r="CS339" s="23"/>
      <c r="CT339" s="23"/>
      <c r="CU339" s="23"/>
      <c r="CV339" s="23"/>
      <c r="CW339" s="23"/>
      <c r="CX339" s="23"/>
      <c r="CY339" s="23"/>
      <c r="CZ339" s="23"/>
      <c r="DA339" s="23"/>
      <c r="DB339" s="23"/>
      <c r="DC339" s="23"/>
      <c r="DD339" s="23"/>
      <c r="DE339" s="23"/>
      <c r="DF339" s="23"/>
      <c r="DG339" s="23"/>
      <c r="DH339" s="23"/>
      <c r="DI339" s="23"/>
      <c r="DJ339" s="23"/>
      <c r="DK339" s="23"/>
      <c r="DL339" s="23"/>
      <c r="DM339" s="23"/>
      <c r="DN339" s="23"/>
      <c r="DO339" s="23"/>
      <c r="DP339" s="23"/>
      <c r="DQ339" s="23"/>
      <c r="DR339" s="23"/>
      <c r="DS339" s="23"/>
      <c r="DT339" s="23"/>
      <c r="DU339" s="23"/>
      <c r="DV339" s="23"/>
      <c r="DW339" s="23"/>
      <c r="DX339" s="23"/>
      <c r="DY339" s="23"/>
      <c r="DZ339" s="23"/>
      <c r="EA339" s="23"/>
      <c r="EB339" s="23"/>
      <c r="EC339" s="23"/>
      <c r="ED339" s="23"/>
      <c r="EE339" s="23"/>
      <c r="EF339" s="23"/>
      <c r="EG339" s="23"/>
      <c r="EH339" s="23"/>
      <c r="EI339" s="23"/>
      <c r="EJ339" s="23"/>
      <c r="EK339" s="23"/>
      <c r="EL339" s="23"/>
      <c r="EM339" s="23"/>
      <c r="EN339" s="23"/>
      <c r="EO339" s="23"/>
      <c r="EP339" s="23"/>
      <c r="EQ339" s="23"/>
      <c r="ER339" s="23"/>
      <c r="ES339" s="23"/>
      <c r="ET339" s="23"/>
      <c r="EU339" s="23"/>
      <c r="EV339" s="23"/>
      <c r="EW339" s="23"/>
      <c r="EX339" s="23"/>
      <c r="EY339" s="23"/>
      <c r="EZ339" s="23"/>
      <c r="FA339" s="23"/>
      <c r="FB339" s="23"/>
      <c r="FC339" s="23"/>
      <c r="FD339" s="23"/>
      <c r="FE339" s="23"/>
      <c r="FF339" s="23"/>
      <c r="FG339" s="23"/>
      <c r="FH339" s="23"/>
      <c r="FI339" s="23"/>
      <c r="FJ339" s="23"/>
      <c r="FK339" s="23"/>
      <c r="FL339" s="23"/>
      <c r="FM339" s="23"/>
      <c r="FN339" s="23"/>
      <c r="FO339" s="23"/>
      <c r="FP339" s="23"/>
      <c r="FQ339" s="23"/>
      <c r="FR339" s="23"/>
      <c r="FS339" s="23"/>
      <c r="FT339" s="23"/>
      <c r="FU339" s="23"/>
      <c r="FV339" s="23"/>
      <c r="FW339" s="23"/>
      <c r="FX339" s="23"/>
      <c r="FY339" s="23"/>
      <c r="FZ339" s="23"/>
      <c r="GA339" s="23"/>
      <c r="GB339" s="23"/>
      <c r="GC339" s="23"/>
      <c r="GD339" s="23"/>
      <c r="GE339" s="23"/>
      <c r="GF339" s="23"/>
      <c r="GG339" s="23"/>
      <c r="GH339" s="23"/>
      <c r="GI339" s="23"/>
      <c r="GJ339" s="23"/>
      <c r="GK339" s="23"/>
      <c r="GL339" s="23"/>
      <c r="GM339" s="23"/>
      <c r="GN339" s="23"/>
      <c r="GO339" s="23"/>
      <c r="GP339" s="23"/>
      <c r="GQ339" s="23"/>
      <c r="GR339" s="23"/>
      <c r="GS339" s="23"/>
      <c r="GT339" s="23"/>
      <c r="GU339" s="23"/>
      <c r="GV339" s="23"/>
      <c r="GW339" s="23"/>
      <c r="GX339" s="23"/>
      <c r="GY339" s="23"/>
      <c r="GZ339" s="23"/>
      <c r="HA339" s="23"/>
      <c r="HB339" s="23"/>
      <c r="HC339" s="23"/>
      <c r="HD339" s="23"/>
      <c r="HE339" s="23"/>
      <c r="HF339" s="23"/>
      <c r="HG339" s="23"/>
      <c r="HH339" s="23"/>
      <c r="HI339" s="23"/>
      <c r="HJ339" s="23"/>
      <c r="HK339" s="23"/>
      <c r="HL339" s="23"/>
      <c r="HM339" s="23"/>
      <c r="HN339" s="23"/>
      <c r="HO339" s="23"/>
      <c r="HP339" s="23"/>
      <c r="HQ339" s="23"/>
      <c r="HR339" s="23"/>
      <c r="HS339" s="23"/>
      <c r="HT339" s="23"/>
      <c r="HU339" s="23"/>
      <c r="HV339" s="23"/>
      <c r="HW339" s="23"/>
      <c r="HX339" s="23"/>
      <c r="HY339" s="23"/>
      <c r="HZ339" s="23"/>
      <c r="IA339" s="23"/>
      <c r="IB339" s="23"/>
      <c r="IC339" s="23"/>
      <c r="ID339" s="23"/>
      <c r="IE339" s="23"/>
      <c r="IF339" s="23"/>
      <c r="IG339" s="23"/>
      <c r="IH339" s="23"/>
      <c r="II339" s="23"/>
      <c r="IJ339" s="23"/>
      <c r="IK339" s="23"/>
      <c r="IL339" s="23"/>
      <c r="IM339" s="23"/>
      <c r="IN339" s="23"/>
      <c r="IO339" s="23"/>
      <c r="IP339" s="23"/>
      <c r="IQ339" s="23"/>
    </row>
    <row r="340" spans="1:251" s="50" customFormat="1">
      <c r="A340" s="34"/>
      <c r="B340" s="205"/>
      <c r="C340" s="206"/>
      <c r="D340" s="206"/>
      <c r="E340" s="206"/>
      <c r="F340" s="206"/>
      <c r="G340" s="206"/>
      <c r="H340" s="206"/>
      <c r="I340" s="206"/>
      <c r="J340" s="206"/>
      <c r="K340" s="206"/>
      <c r="L340" s="206"/>
      <c r="M340" s="206"/>
      <c r="N340" s="206"/>
      <c r="O340" s="206"/>
      <c r="P340" s="206"/>
      <c r="Q340" s="206"/>
      <c r="R340" s="206"/>
      <c r="S340" s="206"/>
      <c r="T340" s="206"/>
      <c r="U340" s="206"/>
      <c r="V340" s="206"/>
      <c r="W340" s="206"/>
      <c r="X340" s="206"/>
      <c r="Y340" s="206"/>
      <c r="Z340" s="207"/>
      <c r="AA340" s="208"/>
      <c r="AB340" s="206"/>
      <c r="AC340" s="206"/>
      <c r="AD340" s="206"/>
      <c r="AE340" s="206"/>
      <c r="AF340" s="206"/>
      <c r="AG340" s="206"/>
      <c r="AH340" s="206"/>
      <c r="AI340" s="207"/>
      <c r="AJ340" s="208"/>
      <c r="AK340" s="206"/>
      <c r="AL340" s="206"/>
      <c r="AM340" s="206"/>
      <c r="AN340" s="206"/>
      <c r="AO340" s="206"/>
      <c r="AP340" s="206"/>
      <c r="AQ340" s="206"/>
      <c r="AR340" s="207"/>
      <c r="AS340" s="208"/>
      <c r="AT340" s="206"/>
      <c r="AU340" s="206"/>
      <c r="AV340" s="206"/>
      <c r="AW340" s="206"/>
      <c r="AX340" s="210"/>
      <c r="AY340" s="23"/>
      <c r="AZ340" s="23"/>
      <c r="BA340" s="23"/>
      <c r="BB340"/>
      <c r="BC340" s="45"/>
      <c r="BE340" s="23"/>
      <c r="BF340" s="23"/>
      <c r="BG340" s="23"/>
      <c r="BH340" s="23"/>
      <c r="BI340" s="23"/>
      <c r="BJ340" s="23"/>
      <c r="BK340" s="23"/>
      <c r="BL340" s="23"/>
      <c r="BM340" s="23"/>
      <c r="BN340" s="23"/>
      <c r="BO340" s="23"/>
      <c r="BP340" s="23"/>
      <c r="BQ340" s="23"/>
      <c r="BR340" s="23"/>
      <c r="BS340" s="23"/>
      <c r="BT340" s="23"/>
      <c r="BU340" s="23"/>
      <c r="BV340" s="23"/>
      <c r="BW340" s="23"/>
      <c r="BX340" s="23"/>
      <c r="BY340" s="23"/>
      <c r="BZ340" s="23"/>
      <c r="CA340" s="23"/>
      <c r="CB340" s="23"/>
      <c r="CC340" s="23"/>
      <c r="CD340" s="23"/>
      <c r="CE340" s="23"/>
      <c r="CF340" s="23"/>
      <c r="CG340" s="23"/>
      <c r="CH340" s="23"/>
      <c r="CI340" s="23"/>
      <c r="CJ340" s="23"/>
      <c r="CK340" s="23"/>
      <c r="CL340" s="23"/>
      <c r="CM340" s="23"/>
      <c r="CN340" s="23"/>
      <c r="CO340" s="23"/>
      <c r="CP340" s="23"/>
      <c r="CQ340" s="23"/>
      <c r="CR340" s="23"/>
      <c r="CS340" s="23"/>
      <c r="CT340" s="23"/>
      <c r="CU340" s="23"/>
      <c r="CV340" s="23"/>
      <c r="CW340" s="23"/>
      <c r="CX340" s="23"/>
      <c r="CY340" s="23"/>
      <c r="CZ340" s="23"/>
      <c r="DA340" s="23"/>
      <c r="DB340" s="23"/>
      <c r="DC340" s="23"/>
      <c r="DD340" s="23"/>
      <c r="DE340" s="23"/>
      <c r="DF340" s="23"/>
      <c r="DG340" s="23"/>
      <c r="DH340" s="23"/>
      <c r="DI340" s="23"/>
      <c r="DJ340" s="23"/>
      <c r="DK340" s="23"/>
      <c r="DL340" s="23"/>
      <c r="DM340" s="23"/>
      <c r="DN340" s="23"/>
      <c r="DO340" s="23"/>
      <c r="DP340" s="23"/>
      <c r="DQ340" s="23"/>
      <c r="DR340" s="23"/>
      <c r="DS340" s="23"/>
      <c r="DT340" s="23"/>
      <c r="DU340" s="23"/>
      <c r="DV340" s="23"/>
      <c r="DW340" s="23"/>
      <c r="DX340" s="23"/>
      <c r="DY340" s="23"/>
      <c r="DZ340" s="23"/>
      <c r="EA340" s="23"/>
      <c r="EB340" s="23"/>
      <c r="EC340" s="23"/>
      <c r="ED340" s="23"/>
      <c r="EE340" s="23"/>
      <c r="EF340" s="23"/>
      <c r="EG340" s="23"/>
      <c r="EH340" s="23"/>
      <c r="EI340" s="23"/>
      <c r="EJ340" s="23"/>
      <c r="EK340" s="23"/>
      <c r="EL340" s="23"/>
      <c r="EM340" s="23"/>
      <c r="EN340" s="23"/>
      <c r="EO340" s="23"/>
      <c r="EP340" s="23"/>
      <c r="EQ340" s="23"/>
      <c r="ER340" s="23"/>
      <c r="ES340" s="23"/>
      <c r="ET340" s="23"/>
      <c r="EU340" s="23"/>
      <c r="EV340" s="23"/>
      <c r="EW340" s="23"/>
      <c r="EX340" s="23"/>
      <c r="EY340" s="23"/>
      <c r="EZ340" s="23"/>
      <c r="FA340" s="23"/>
      <c r="FB340" s="23"/>
      <c r="FC340" s="23"/>
      <c r="FD340" s="23"/>
      <c r="FE340" s="23"/>
      <c r="FF340" s="23"/>
      <c r="FG340" s="23"/>
      <c r="FH340" s="23"/>
      <c r="FI340" s="23"/>
      <c r="FJ340" s="23"/>
      <c r="FK340" s="23"/>
      <c r="FL340" s="23"/>
      <c r="FM340" s="23"/>
      <c r="FN340" s="23"/>
      <c r="FO340" s="23"/>
      <c r="FP340" s="23"/>
      <c r="FQ340" s="23"/>
      <c r="FR340" s="23"/>
      <c r="FS340" s="23"/>
      <c r="FT340" s="23"/>
      <c r="FU340" s="23"/>
      <c r="FV340" s="23"/>
      <c r="FW340" s="23"/>
      <c r="FX340" s="23"/>
      <c r="FY340" s="23"/>
      <c r="FZ340" s="23"/>
      <c r="GA340" s="23"/>
      <c r="GB340" s="23"/>
      <c r="GC340" s="23"/>
      <c r="GD340" s="23"/>
      <c r="GE340" s="23"/>
      <c r="GF340" s="23"/>
      <c r="GG340" s="23"/>
      <c r="GH340" s="23"/>
      <c r="GI340" s="23"/>
      <c r="GJ340" s="23"/>
      <c r="GK340" s="23"/>
      <c r="GL340" s="23"/>
      <c r="GM340" s="23"/>
      <c r="GN340" s="23"/>
      <c r="GO340" s="23"/>
      <c r="GP340" s="23"/>
      <c r="GQ340" s="23"/>
      <c r="GR340" s="23"/>
      <c r="GS340" s="23"/>
      <c r="GT340" s="23"/>
      <c r="GU340" s="23"/>
      <c r="GV340" s="23"/>
      <c r="GW340" s="23"/>
      <c r="GX340" s="23"/>
      <c r="GY340" s="23"/>
      <c r="GZ340" s="23"/>
      <c r="HA340" s="23"/>
      <c r="HB340" s="23"/>
      <c r="HC340" s="23"/>
      <c r="HD340" s="23"/>
      <c r="HE340" s="23"/>
      <c r="HF340" s="23"/>
      <c r="HG340" s="23"/>
      <c r="HH340" s="23"/>
      <c r="HI340" s="23"/>
      <c r="HJ340" s="23"/>
      <c r="HK340" s="23"/>
      <c r="HL340" s="23"/>
      <c r="HM340" s="23"/>
      <c r="HN340" s="23"/>
      <c r="HO340" s="23"/>
      <c r="HP340" s="23"/>
      <c r="HQ340" s="23"/>
      <c r="HR340" s="23"/>
      <c r="HS340" s="23"/>
      <c r="HT340" s="23"/>
      <c r="HU340" s="23"/>
      <c r="HV340" s="23"/>
      <c r="HW340" s="23"/>
      <c r="HX340" s="23"/>
      <c r="HY340" s="23"/>
      <c r="HZ340" s="23"/>
      <c r="IA340" s="23"/>
      <c r="IB340" s="23"/>
      <c r="IC340" s="23"/>
      <c r="ID340" s="23"/>
      <c r="IE340" s="23"/>
      <c r="IF340" s="23"/>
      <c r="IG340" s="23"/>
      <c r="IH340" s="23"/>
      <c r="II340" s="23"/>
      <c r="IJ340" s="23"/>
      <c r="IK340" s="23"/>
      <c r="IL340" s="23"/>
      <c r="IM340" s="23"/>
      <c r="IN340" s="23"/>
      <c r="IO340" s="23"/>
      <c r="IP340" s="23"/>
      <c r="IQ340" s="23"/>
    </row>
    <row r="341" spans="1:251" s="50" customFormat="1" ht="18.75" customHeight="1">
      <c r="A341" s="34"/>
      <c r="B341" s="46"/>
      <c r="C341" s="130" t="s">
        <v>142</v>
      </c>
      <c r="D341" s="130"/>
      <c r="E341" s="130"/>
      <c r="F341" s="130"/>
      <c r="G341" s="130"/>
      <c r="H341" s="130"/>
      <c r="I341" s="130"/>
      <c r="J341" s="130"/>
      <c r="K341" s="130"/>
      <c r="L341" s="130"/>
      <c r="M341" s="130"/>
      <c r="N341" s="130"/>
      <c r="O341" s="130"/>
      <c r="P341" s="130"/>
      <c r="Q341" s="130"/>
      <c r="R341" s="130"/>
      <c r="S341" s="130"/>
      <c r="T341" s="130"/>
      <c r="U341" s="130"/>
      <c r="V341" s="130"/>
      <c r="W341" s="130"/>
      <c r="X341" s="130"/>
      <c r="Y341" s="130"/>
      <c r="Z341" s="131"/>
      <c r="AA341" s="132">
        <v>1000</v>
      </c>
      <c r="AB341" s="196"/>
      <c r="AC341" s="196"/>
      <c r="AD341" s="196"/>
      <c r="AE341" s="196"/>
      <c r="AF341" s="196"/>
      <c r="AG341" s="196"/>
      <c r="AH341" s="196"/>
      <c r="AI341" s="197"/>
      <c r="AJ341" s="132">
        <v>1000</v>
      </c>
      <c r="AK341" s="196"/>
      <c r="AL341" s="196"/>
      <c r="AM341" s="196"/>
      <c r="AN341" s="196"/>
      <c r="AO341" s="196"/>
      <c r="AP341" s="196"/>
      <c r="AQ341" s="196"/>
      <c r="AR341" s="197"/>
      <c r="AS341" s="132"/>
      <c r="AT341" s="196"/>
      <c r="AU341" s="196"/>
      <c r="AV341" s="196"/>
      <c r="AW341" s="196"/>
      <c r="AX341" s="202"/>
      <c r="AY341" s="23"/>
      <c r="AZ341" s="23"/>
      <c r="BA341" s="23"/>
      <c r="BB341" s="23"/>
      <c r="BC341" s="23"/>
      <c r="BD341" s="23"/>
      <c r="BE341" s="23"/>
      <c r="BF341" s="23"/>
      <c r="BG341" s="23"/>
      <c r="BH341" s="23"/>
      <c r="BI341" s="23"/>
      <c r="BJ341" s="23"/>
      <c r="BK341" s="23"/>
      <c r="BL341" s="23"/>
      <c r="BM341" s="23"/>
      <c r="BN341" s="23"/>
      <c r="BO341" s="23"/>
      <c r="BP341" s="23"/>
      <c r="BQ341" s="23"/>
      <c r="BR341" s="23"/>
      <c r="BS341" s="23"/>
      <c r="BT341" s="23"/>
      <c r="BU341" s="23"/>
      <c r="BV341" s="23"/>
      <c r="BW341" s="23"/>
      <c r="BX341" s="23"/>
      <c r="BY341" s="23"/>
      <c r="BZ341" s="23"/>
      <c r="CA341" s="23"/>
      <c r="CB341" s="23"/>
      <c r="CC341" s="23"/>
      <c r="CD341" s="23"/>
      <c r="CE341" s="23"/>
      <c r="CF341" s="23"/>
      <c r="CG341" s="23"/>
      <c r="CH341" s="23"/>
      <c r="CI341" s="23"/>
      <c r="CJ341" s="23"/>
      <c r="CK341" s="23"/>
      <c r="CL341" s="23"/>
      <c r="CM341" s="23"/>
      <c r="CN341" s="23"/>
      <c r="CO341" s="23"/>
      <c r="CP341" s="23"/>
      <c r="CQ341" s="23"/>
      <c r="CR341" s="23"/>
      <c r="CS341" s="23"/>
      <c r="CT341" s="23"/>
      <c r="CU341" s="23"/>
      <c r="CV341" s="23"/>
      <c r="CW341" s="23"/>
      <c r="CX341" s="23"/>
      <c r="CY341" s="23"/>
      <c r="CZ341" s="23"/>
      <c r="DA341" s="23"/>
      <c r="DB341" s="23"/>
      <c r="DC341" s="23"/>
      <c r="DD341" s="23"/>
      <c r="DE341" s="23"/>
      <c r="DF341" s="23"/>
      <c r="DG341" s="23"/>
      <c r="DH341" s="23"/>
      <c r="DI341" s="23"/>
      <c r="DJ341" s="23"/>
      <c r="DK341" s="23"/>
      <c r="DL341" s="23"/>
      <c r="DM341" s="23"/>
      <c r="DN341" s="23"/>
      <c r="DO341" s="23"/>
      <c r="DP341" s="23"/>
      <c r="DQ341" s="23"/>
      <c r="DR341" s="23"/>
      <c r="DS341" s="23"/>
      <c r="DT341" s="23"/>
      <c r="DU341" s="23"/>
      <c r="DV341" s="23"/>
      <c r="DW341" s="23"/>
      <c r="DX341" s="23"/>
      <c r="DY341" s="23"/>
      <c r="DZ341" s="23"/>
      <c r="EA341" s="23"/>
      <c r="EB341" s="23"/>
      <c r="EC341" s="23"/>
      <c r="ED341" s="23"/>
      <c r="EE341" s="23"/>
      <c r="EF341" s="23"/>
      <c r="EG341" s="23"/>
      <c r="EH341" s="23"/>
      <c r="EI341" s="23"/>
      <c r="EJ341" s="23"/>
      <c r="EK341" s="23"/>
      <c r="EL341" s="23"/>
      <c r="EM341" s="23"/>
      <c r="EN341" s="23"/>
      <c r="EO341" s="23"/>
      <c r="EP341" s="23"/>
      <c r="EQ341" s="23"/>
      <c r="ER341" s="23"/>
      <c r="ES341" s="23"/>
      <c r="ET341" s="23"/>
      <c r="EU341" s="23"/>
      <c r="EV341" s="23"/>
      <c r="EW341" s="23"/>
      <c r="EX341" s="23"/>
      <c r="EY341" s="23"/>
      <c r="EZ341" s="23"/>
      <c r="FA341" s="23"/>
      <c r="FB341" s="23"/>
      <c r="FC341" s="23"/>
      <c r="FD341" s="23"/>
      <c r="FE341" s="23"/>
      <c r="FF341" s="23"/>
      <c r="FG341" s="23"/>
      <c r="FH341" s="23"/>
      <c r="FI341" s="23"/>
      <c r="FJ341" s="23"/>
      <c r="FK341" s="23"/>
      <c r="FL341" s="23"/>
      <c r="FM341" s="23"/>
      <c r="FN341" s="23"/>
      <c r="FO341" s="23"/>
      <c r="FP341" s="23"/>
      <c r="FQ341" s="23"/>
      <c r="FR341" s="23"/>
      <c r="FS341" s="23"/>
      <c r="FT341" s="23"/>
      <c r="FU341" s="23"/>
      <c r="FV341" s="23"/>
      <c r="FW341" s="23"/>
      <c r="FX341" s="23"/>
      <c r="FY341" s="23"/>
      <c r="FZ341" s="23"/>
      <c r="GA341" s="23"/>
      <c r="GB341" s="23"/>
      <c r="GC341" s="23"/>
      <c r="GD341" s="23"/>
      <c r="GE341" s="23"/>
      <c r="GF341" s="23"/>
      <c r="GG341" s="23"/>
      <c r="GH341" s="23"/>
      <c r="GI341" s="23"/>
      <c r="GJ341" s="23"/>
      <c r="GK341" s="23"/>
      <c r="GL341" s="23"/>
      <c r="GM341" s="23"/>
      <c r="GN341" s="23"/>
      <c r="GO341" s="23"/>
      <c r="GP341" s="23"/>
      <c r="GQ341" s="23"/>
      <c r="GR341" s="23"/>
      <c r="GS341" s="23"/>
      <c r="GT341" s="23"/>
      <c r="GU341" s="23"/>
      <c r="GV341" s="23"/>
      <c r="GW341" s="23"/>
      <c r="GX341" s="23"/>
      <c r="GY341" s="23"/>
      <c r="GZ341" s="23"/>
      <c r="HA341" s="23"/>
      <c r="HB341" s="23"/>
      <c r="HC341" s="23"/>
      <c r="HD341" s="23"/>
      <c r="HE341" s="23"/>
      <c r="HF341" s="23"/>
      <c r="HG341" s="23"/>
      <c r="HH341" s="23"/>
      <c r="HI341" s="23"/>
      <c r="HJ341" s="23"/>
      <c r="HK341" s="23"/>
      <c r="HL341" s="23"/>
      <c r="HM341" s="23"/>
      <c r="HN341" s="23"/>
      <c r="HO341" s="23"/>
      <c r="HP341" s="23"/>
      <c r="HQ341" s="23"/>
      <c r="HR341" s="23"/>
      <c r="HS341" s="23"/>
      <c r="HT341" s="23"/>
      <c r="HU341" s="23"/>
      <c r="HV341" s="23"/>
      <c r="HW341" s="23"/>
      <c r="HX341" s="23"/>
      <c r="HY341" s="23"/>
      <c r="HZ341" s="23"/>
      <c r="IA341" s="23"/>
      <c r="IB341" s="23"/>
      <c r="IC341" s="23"/>
      <c r="ID341" s="23"/>
      <c r="IE341" s="23"/>
      <c r="IF341" s="23"/>
      <c r="IG341" s="23"/>
      <c r="IH341" s="23"/>
      <c r="II341" s="23"/>
      <c r="IJ341" s="23"/>
      <c r="IK341" s="23"/>
      <c r="IL341" s="23"/>
      <c r="IM341" s="23"/>
      <c r="IN341" s="23"/>
      <c r="IO341" s="23"/>
      <c r="IP341" s="23"/>
      <c r="IQ341" s="23"/>
    </row>
    <row r="342" spans="1:251" s="50" customFormat="1" ht="18.75" customHeight="1">
      <c r="A342" s="34"/>
      <c r="B342" s="47"/>
      <c r="C342" s="130"/>
      <c r="D342" s="130"/>
      <c r="E342" s="130"/>
      <c r="F342" s="130"/>
      <c r="G342" s="130"/>
      <c r="H342" s="130"/>
      <c r="I342" s="130"/>
      <c r="J342" s="130"/>
      <c r="K342" s="130"/>
      <c r="L342" s="130"/>
      <c r="M342" s="130"/>
      <c r="N342" s="130"/>
      <c r="O342" s="130"/>
      <c r="P342" s="130"/>
      <c r="Q342" s="130"/>
      <c r="R342" s="130"/>
      <c r="S342" s="130"/>
      <c r="T342" s="130"/>
      <c r="U342" s="130"/>
      <c r="V342" s="130"/>
      <c r="W342" s="130"/>
      <c r="X342" s="130"/>
      <c r="Y342" s="130"/>
      <c r="Z342" s="131"/>
      <c r="AA342" s="132"/>
      <c r="AB342" s="200"/>
      <c r="AC342" s="200"/>
      <c r="AD342" s="200"/>
      <c r="AE342" s="200"/>
      <c r="AF342" s="200"/>
      <c r="AG342" s="200"/>
      <c r="AH342" s="200"/>
      <c r="AI342" s="201"/>
      <c r="AJ342" s="132"/>
      <c r="AK342" s="196"/>
      <c r="AL342" s="196"/>
      <c r="AM342" s="196"/>
      <c r="AN342" s="196"/>
      <c r="AO342" s="196"/>
      <c r="AP342" s="196"/>
      <c r="AQ342" s="196"/>
      <c r="AR342" s="197"/>
      <c r="AS342" s="132"/>
      <c r="AT342" s="196"/>
      <c r="AU342" s="196"/>
      <c r="AV342" s="196"/>
      <c r="AW342" s="196"/>
      <c r="AX342" s="202"/>
      <c r="AY342" s="23"/>
      <c r="AZ342" s="23"/>
      <c r="BA342" s="23"/>
      <c r="BB342" s="23"/>
      <c r="BC342" s="23"/>
      <c r="BD342" s="23"/>
      <c r="BE342" s="23"/>
      <c r="BF342" s="23"/>
      <c r="BG342" s="23"/>
      <c r="BH342" s="23"/>
      <c r="BI342" s="23"/>
      <c r="BJ342" s="23"/>
      <c r="BK342" s="23"/>
      <c r="BL342" s="23"/>
      <c r="BM342" s="23"/>
      <c r="BN342" s="23"/>
      <c r="BO342" s="23"/>
      <c r="BP342" s="23"/>
      <c r="BQ342" s="23"/>
      <c r="BR342" s="23"/>
      <c r="BS342" s="23"/>
      <c r="BT342" s="23"/>
      <c r="BU342" s="23"/>
      <c r="BV342" s="23"/>
      <c r="BW342" s="23"/>
      <c r="BX342" s="23"/>
      <c r="BY342" s="23"/>
      <c r="BZ342" s="23"/>
      <c r="CA342" s="23"/>
      <c r="CB342" s="23"/>
      <c r="CC342" s="23"/>
      <c r="CD342" s="23"/>
      <c r="CE342" s="23"/>
      <c r="CF342" s="23"/>
      <c r="CG342" s="23"/>
      <c r="CH342" s="23"/>
      <c r="CI342" s="23"/>
      <c r="CJ342" s="23"/>
      <c r="CK342" s="23"/>
      <c r="CL342" s="23"/>
      <c r="CM342" s="23"/>
      <c r="CN342" s="23"/>
      <c r="CO342" s="23"/>
      <c r="CP342" s="23"/>
      <c r="CQ342" s="23"/>
      <c r="CR342" s="23"/>
      <c r="CS342" s="23"/>
      <c r="CT342" s="23"/>
      <c r="CU342" s="23"/>
      <c r="CV342" s="23"/>
      <c r="CW342" s="23"/>
      <c r="CX342" s="23"/>
      <c r="CY342" s="23"/>
      <c r="CZ342" s="23"/>
      <c r="DA342" s="23"/>
      <c r="DB342" s="23"/>
      <c r="DC342" s="23"/>
      <c r="DD342" s="23"/>
      <c r="DE342" s="23"/>
      <c r="DF342" s="23"/>
      <c r="DG342" s="23"/>
      <c r="DH342" s="23"/>
      <c r="DI342" s="23"/>
      <c r="DJ342" s="23"/>
      <c r="DK342" s="23"/>
      <c r="DL342" s="23"/>
      <c r="DM342" s="23"/>
      <c r="DN342" s="23"/>
      <c r="DO342" s="23"/>
      <c r="DP342" s="23"/>
      <c r="DQ342" s="23"/>
      <c r="DR342" s="23"/>
      <c r="DS342" s="23"/>
      <c r="DT342" s="23"/>
      <c r="DU342" s="23"/>
      <c r="DV342" s="23"/>
      <c r="DW342" s="23"/>
      <c r="DX342" s="23"/>
      <c r="DY342" s="23"/>
      <c r="DZ342" s="23"/>
      <c r="EA342" s="23"/>
      <c r="EB342" s="23"/>
      <c r="EC342" s="23"/>
      <c r="ED342" s="23"/>
      <c r="EE342" s="23"/>
      <c r="EF342" s="23"/>
      <c r="EG342" s="23"/>
      <c r="EH342" s="23"/>
      <c r="EI342" s="23"/>
      <c r="EJ342" s="23"/>
      <c r="EK342" s="23"/>
      <c r="EL342" s="23"/>
      <c r="EM342" s="23"/>
      <c r="EN342" s="23"/>
      <c r="EO342" s="23"/>
      <c r="EP342" s="23"/>
      <c r="EQ342" s="23"/>
      <c r="ER342" s="23"/>
      <c r="ES342" s="23"/>
      <c r="ET342" s="23"/>
      <c r="EU342" s="23"/>
      <c r="EV342" s="23"/>
      <c r="EW342" s="23"/>
      <c r="EX342" s="23"/>
      <c r="EY342" s="23"/>
      <c r="EZ342" s="23"/>
      <c r="FA342" s="23"/>
      <c r="FB342" s="23"/>
      <c r="FC342" s="23"/>
      <c r="FD342" s="23"/>
      <c r="FE342" s="23"/>
      <c r="FF342" s="23"/>
      <c r="FG342" s="23"/>
      <c r="FH342" s="23"/>
      <c r="FI342" s="23"/>
      <c r="FJ342" s="23"/>
      <c r="FK342" s="23"/>
      <c r="FL342" s="23"/>
      <c r="FM342" s="23"/>
      <c r="FN342" s="23"/>
      <c r="FO342" s="23"/>
      <c r="FP342" s="23"/>
      <c r="FQ342" s="23"/>
      <c r="FR342" s="23"/>
      <c r="FS342" s="23"/>
      <c r="FT342" s="23"/>
      <c r="FU342" s="23"/>
      <c r="FV342" s="23"/>
      <c r="FW342" s="23"/>
      <c r="FX342" s="23"/>
      <c r="FY342" s="23"/>
      <c r="FZ342" s="23"/>
      <c r="GA342" s="23"/>
      <c r="GB342" s="23"/>
      <c r="GC342" s="23"/>
      <c r="GD342" s="23"/>
      <c r="GE342" s="23"/>
      <c r="GF342" s="23"/>
      <c r="GG342" s="23"/>
      <c r="GH342" s="23"/>
      <c r="GI342" s="23"/>
      <c r="GJ342" s="23"/>
      <c r="GK342" s="23"/>
      <c r="GL342" s="23"/>
      <c r="GM342" s="23"/>
      <c r="GN342" s="23"/>
      <c r="GO342" s="23"/>
      <c r="GP342" s="23"/>
      <c r="GQ342" s="23"/>
      <c r="GR342" s="23"/>
      <c r="GS342" s="23"/>
      <c r="GT342" s="23"/>
      <c r="GU342" s="23"/>
      <c r="GV342" s="23"/>
      <c r="GW342" s="23"/>
      <c r="GX342" s="23"/>
      <c r="GY342" s="23"/>
      <c r="GZ342" s="23"/>
      <c r="HA342" s="23"/>
      <c r="HB342" s="23"/>
      <c r="HC342" s="23"/>
      <c r="HD342" s="23"/>
      <c r="HE342" s="23"/>
      <c r="HF342" s="23"/>
      <c r="HG342" s="23"/>
      <c r="HH342" s="23"/>
      <c r="HI342" s="23"/>
      <c r="HJ342" s="23"/>
      <c r="HK342" s="23"/>
      <c r="HL342" s="23"/>
      <c r="HM342" s="23"/>
      <c r="HN342" s="23"/>
      <c r="HO342" s="23"/>
      <c r="HP342" s="23"/>
      <c r="HQ342" s="23"/>
      <c r="HR342" s="23"/>
      <c r="HS342" s="23"/>
      <c r="HT342" s="23"/>
      <c r="HU342" s="23"/>
      <c r="HV342" s="23"/>
      <c r="HW342" s="23"/>
      <c r="HX342" s="23"/>
      <c r="HY342" s="23"/>
      <c r="HZ342" s="23"/>
      <c r="IA342" s="23"/>
      <c r="IB342" s="23"/>
      <c r="IC342" s="23"/>
      <c r="ID342" s="23"/>
      <c r="IE342" s="23"/>
      <c r="IF342" s="23"/>
      <c r="IG342" s="23"/>
      <c r="IH342" s="23"/>
      <c r="II342" s="23"/>
      <c r="IJ342" s="23"/>
      <c r="IK342" s="23"/>
      <c r="IL342" s="23"/>
      <c r="IM342" s="23"/>
      <c r="IN342" s="23"/>
      <c r="IO342" s="23"/>
      <c r="IP342" s="23"/>
      <c r="IQ342" s="23"/>
    </row>
    <row r="343" spans="1:251" s="50" customFormat="1" ht="18.75" customHeight="1">
      <c r="A343" s="34"/>
      <c r="B343" s="47"/>
      <c r="C343" s="130"/>
      <c r="D343" s="130"/>
      <c r="E343" s="130"/>
      <c r="F343" s="130"/>
      <c r="G343" s="130"/>
      <c r="H343" s="130"/>
      <c r="I343" s="130"/>
      <c r="J343" s="130"/>
      <c r="K343" s="130"/>
      <c r="L343" s="130"/>
      <c r="M343" s="130"/>
      <c r="N343" s="130"/>
      <c r="O343" s="130"/>
      <c r="P343" s="130"/>
      <c r="Q343" s="130"/>
      <c r="R343" s="130"/>
      <c r="S343" s="130"/>
      <c r="T343" s="130"/>
      <c r="U343" s="130"/>
      <c r="V343" s="130"/>
      <c r="W343" s="130"/>
      <c r="X343" s="130"/>
      <c r="Y343" s="130"/>
      <c r="Z343" s="131"/>
      <c r="AA343" s="132"/>
      <c r="AB343" s="200"/>
      <c r="AC343" s="200"/>
      <c r="AD343" s="200"/>
      <c r="AE343" s="200"/>
      <c r="AF343" s="200"/>
      <c r="AG343" s="200"/>
      <c r="AH343" s="200"/>
      <c r="AI343" s="201"/>
      <c r="AJ343" s="132"/>
      <c r="AK343" s="196"/>
      <c r="AL343" s="196"/>
      <c r="AM343" s="196"/>
      <c r="AN343" s="196"/>
      <c r="AO343" s="196"/>
      <c r="AP343" s="196"/>
      <c r="AQ343" s="196"/>
      <c r="AR343" s="197"/>
      <c r="AS343" s="132"/>
      <c r="AT343" s="196"/>
      <c r="AU343" s="196"/>
      <c r="AV343" s="196"/>
      <c r="AW343" s="196"/>
      <c r="AX343" s="202"/>
      <c r="AY343" s="23"/>
      <c r="AZ343" s="23"/>
      <c r="BA343" s="23"/>
      <c r="BB343" s="23"/>
      <c r="BC343" s="23"/>
      <c r="BD343" s="23"/>
      <c r="BE343" s="23"/>
      <c r="BF343" s="23"/>
      <c r="BG343" s="23"/>
      <c r="BH343" s="23"/>
      <c r="BI343" s="23"/>
      <c r="BJ343" s="23"/>
      <c r="BK343" s="23"/>
      <c r="BL343" s="23"/>
      <c r="BM343" s="23"/>
      <c r="BN343" s="23"/>
      <c r="BO343" s="23"/>
      <c r="BP343" s="23"/>
      <c r="BQ343" s="23"/>
      <c r="BR343" s="23"/>
      <c r="BS343" s="23"/>
      <c r="BT343" s="23"/>
      <c r="BU343" s="23"/>
      <c r="BV343" s="23"/>
      <c r="BW343" s="23"/>
      <c r="BX343" s="23"/>
      <c r="BY343" s="23"/>
      <c r="BZ343" s="23"/>
      <c r="CA343" s="23"/>
      <c r="CB343" s="23"/>
      <c r="CC343" s="23"/>
      <c r="CD343" s="23"/>
      <c r="CE343" s="23"/>
      <c r="CF343" s="23"/>
      <c r="CG343" s="23"/>
      <c r="CH343" s="23"/>
      <c r="CI343" s="23"/>
      <c r="CJ343" s="23"/>
      <c r="CK343" s="23"/>
      <c r="CL343" s="23"/>
      <c r="CM343" s="23"/>
      <c r="CN343" s="23"/>
      <c r="CO343" s="23"/>
      <c r="CP343" s="23"/>
      <c r="CQ343" s="23"/>
      <c r="CR343" s="23"/>
      <c r="CS343" s="23"/>
      <c r="CT343" s="23"/>
      <c r="CU343" s="23"/>
      <c r="CV343" s="23"/>
      <c r="CW343" s="23"/>
      <c r="CX343" s="23"/>
      <c r="CY343" s="23"/>
      <c r="CZ343" s="23"/>
      <c r="DA343" s="23"/>
      <c r="DB343" s="23"/>
      <c r="DC343" s="23"/>
      <c r="DD343" s="23"/>
      <c r="DE343" s="23"/>
      <c r="DF343" s="23"/>
      <c r="DG343" s="23"/>
      <c r="DH343" s="23"/>
      <c r="DI343" s="23"/>
      <c r="DJ343" s="23"/>
      <c r="DK343" s="23"/>
      <c r="DL343" s="23"/>
      <c r="DM343" s="23"/>
      <c r="DN343" s="23"/>
      <c r="DO343" s="23"/>
      <c r="DP343" s="23"/>
      <c r="DQ343" s="23"/>
      <c r="DR343" s="23"/>
      <c r="DS343" s="23"/>
      <c r="DT343" s="23"/>
      <c r="DU343" s="23"/>
      <c r="DV343" s="23"/>
      <c r="DW343" s="23"/>
      <c r="DX343" s="23"/>
      <c r="DY343" s="23"/>
      <c r="DZ343" s="23"/>
      <c r="EA343" s="23"/>
      <c r="EB343" s="23"/>
      <c r="EC343" s="23"/>
      <c r="ED343" s="23"/>
      <c r="EE343" s="23"/>
      <c r="EF343" s="23"/>
      <c r="EG343" s="23"/>
      <c r="EH343" s="23"/>
      <c r="EI343" s="23"/>
      <c r="EJ343" s="23"/>
      <c r="EK343" s="23"/>
      <c r="EL343" s="23"/>
      <c r="EM343" s="23"/>
      <c r="EN343" s="23"/>
      <c r="EO343" s="23"/>
      <c r="EP343" s="23"/>
      <c r="EQ343" s="23"/>
      <c r="ER343" s="23"/>
      <c r="ES343" s="23"/>
      <c r="ET343" s="23"/>
      <c r="EU343" s="23"/>
      <c r="EV343" s="23"/>
      <c r="EW343" s="23"/>
      <c r="EX343" s="23"/>
      <c r="EY343" s="23"/>
      <c r="EZ343" s="23"/>
      <c r="FA343" s="23"/>
      <c r="FB343" s="23"/>
      <c r="FC343" s="23"/>
      <c r="FD343" s="23"/>
      <c r="FE343" s="23"/>
      <c r="FF343" s="23"/>
      <c r="FG343" s="23"/>
      <c r="FH343" s="23"/>
      <c r="FI343" s="23"/>
      <c r="FJ343" s="23"/>
      <c r="FK343" s="23"/>
      <c r="FL343" s="23"/>
      <c r="FM343" s="23"/>
      <c r="FN343" s="23"/>
      <c r="FO343" s="23"/>
      <c r="FP343" s="23"/>
      <c r="FQ343" s="23"/>
      <c r="FR343" s="23"/>
      <c r="FS343" s="23"/>
      <c r="FT343" s="23"/>
      <c r="FU343" s="23"/>
      <c r="FV343" s="23"/>
      <c r="FW343" s="23"/>
      <c r="FX343" s="23"/>
      <c r="FY343" s="23"/>
      <c r="FZ343" s="23"/>
      <c r="GA343" s="23"/>
      <c r="GB343" s="23"/>
      <c r="GC343" s="23"/>
      <c r="GD343" s="23"/>
      <c r="GE343" s="23"/>
      <c r="GF343" s="23"/>
      <c r="GG343" s="23"/>
      <c r="GH343" s="23"/>
      <c r="GI343" s="23"/>
      <c r="GJ343" s="23"/>
      <c r="GK343" s="23"/>
      <c r="GL343" s="23"/>
      <c r="GM343" s="23"/>
      <c r="GN343" s="23"/>
      <c r="GO343" s="23"/>
      <c r="GP343" s="23"/>
      <c r="GQ343" s="23"/>
      <c r="GR343" s="23"/>
      <c r="GS343" s="23"/>
      <c r="GT343" s="23"/>
      <c r="GU343" s="23"/>
      <c r="GV343" s="23"/>
      <c r="GW343" s="23"/>
      <c r="GX343" s="23"/>
      <c r="GY343" s="23"/>
      <c r="GZ343" s="23"/>
      <c r="HA343" s="23"/>
      <c r="HB343" s="23"/>
      <c r="HC343" s="23"/>
      <c r="HD343" s="23"/>
      <c r="HE343" s="23"/>
      <c r="HF343" s="23"/>
      <c r="HG343" s="23"/>
      <c r="HH343" s="23"/>
      <c r="HI343" s="23"/>
      <c r="HJ343" s="23"/>
      <c r="HK343" s="23"/>
      <c r="HL343" s="23"/>
      <c r="HM343" s="23"/>
      <c r="HN343" s="23"/>
      <c r="HO343" s="23"/>
      <c r="HP343" s="23"/>
      <c r="HQ343" s="23"/>
      <c r="HR343" s="23"/>
      <c r="HS343" s="23"/>
      <c r="HT343" s="23"/>
      <c r="HU343" s="23"/>
      <c r="HV343" s="23"/>
      <c r="HW343" s="23"/>
      <c r="HX343" s="23"/>
      <c r="HY343" s="23"/>
      <c r="HZ343" s="23"/>
      <c r="IA343" s="23"/>
      <c r="IB343" s="23"/>
      <c r="IC343" s="23"/>
      <c r="ID343" s="23"/>
      <c r="IE343" s="23"/>
      <c r="IF343" s="23"/>
      <c r="IG343" s="23"/>
      <c r="IH343" s="23"/>
      <c r="II343" s="23"/>
      <c r="IJ343" s="23"/>
      <c r="IK343" s="23"/>
      <c r="IL343" s="23"/>
      <c r="IM343" s="23"/>
      <c r="IN343" s="23"/>
      <c r="IO343" s="23"/>
      <c r="IP343" s="23"/>
      <c r="IQ343" s="23"/>
    </row>
    <row r="344" spans="1:251" s="50" customFormat="1" ht="18.75" customHeight="1">
      <c r="A344" s="34"/>
      <c r="B344" s="47"/>
      <c r="C344" s="130"/>
      <c r="D344" s="130"/>
      <c r="E344" s="130"/>
      <c r="F344" s="130"/>
      <c r="G344" s="130"/>
      <c r="H344" s="130"/>
      <c r="I344" s="130"/>
      <c r="J344" s="130"/>
      <c r="K344" s="130"/>
      <c r="L344" s="130"/>
      <c r="M344" s="130"/>
      <c r="N344" s="130"/>
      <c r="O344" s="130"/>
      <c r="P344" s="130"/>
      <c r="Q344" s="130"/>
      <c r="R344" s="130"/>
      <c r="S344" s="130"/>
      <c r="T344" s="130"/>
      <c r="U344" s="130"/>
      <c r="V344" s="130"/>
      <c r="W344" s="130"/>
      <c r="X344" s="130"/>
      <c r="Y344" s="130"/>
      <c r="Z344" s="131"/>
      <c r="AA344" s="132"/>
      <c r="AB344" s="200"/>
      <c r="AC344" s="200"/>
      <c r="AD344" s="200"/>
      <c r="AE344" s="200"/>
      <c r="AF344" s="200"/>
      <c r="AG344" s="200"/>
      <c r="AH344" s="200"/>
      <c r="AI344" s="201"/>
      <c r="AJ344" s="132"/>
      <c r="AK344" s="196"/>
      <c r="AL344" s="196"/>
      <c r="AM344" s="196"/>
      <c r="AN344" s="196"/>
      <c r="AO344" s="196"/>
      <c r="AP344" s="196"/>
      <c r="AQ344" s="196"/>
      <c r="AR344" s="197"/>
      <c r="AS344" s="132"/>
      <c r="AT344" s="196"/>
      <c r="AU344" s="196"/>
      <c r="AV344" s="196"/>
      <c r="AW344" s="196"/>
      <c r="AX344" s="202"/>
      <c r="AY344" s="23"/>
      <c r="AZ344" s="23"/>
      <c r="BA344" s="23"/>
      <c r="BB344" s="23"/>
      <c r="BC344" s="23"/>
      <c r="BD344" s="23"/>
      <c r="BE344" s="23"/>
      <c r="BF344" s="23"/>
      <c r="BG344" s="23"/>
      <c r="BH344" s="23"/>
      <c r="BI344" s="23"/>
      <c r="BJ344" s="23"/>
      <c r="BK344" s="23"/>
      <c r="BL344" s="23"/>
      <c r="BM344" s="23"/>
      <c r="BN344" s="23"/>
      <c r="BO344" s="23"/>
      <c r="BP344" s="23"/>
      <c r="BQ344" s="23"/>
      <c r="BR344" s="23"/>
      <c r="BS344" s="23"/>
      <c r="BT344" s="23"/>
      <c r="BU344" s="23"/>
      <c r="BV344" s="23"/>
      <c r="BW344" s="23"/>
      <c r="BX344" s="23"/>
      <c r="BY344" s="23"/>
      <c r="BZ344" s="23"/>
      <c r="CA344" s="23"/>
      <c r="CB344" s="23"/>
      <c r="CC344" s="23"/>
      <c r="CD344" s="23"/>
      <c r="CE344" s="23"/>
      <c r="CF344" s="23"/>
      <c r="CG344" s="23"/>
      <c r="CH344" s="23"/>
      <c r="CI344" s="23"/>
      <c r="CJ344" s="23"/>
      <c r="CK344" s="23"/>
      <c r="CL344" s="23"/>
      <c r="CM344" s="23"/>
      <c r="CN344" s="23"/>
      <c r="CO344" s="23"/>
      <c r="CP344" s="23"/>
      <c r="CQ344" s="23"/>
      <c r="CR344" s="23"/>
      <c r="CS344" s="23"/>
      <c r="CT344" s="23"/>
      <c r="CU344" s="23"/>
      <c r="CV344" s="23"/>
      <c r="CW344" s="23"/>
      <c r="CX344" s="23"/>
      <c r="CY344" s="23"/>
      <c r="CZ344" s="23"/>
      <c r="DA344" s="23"/>
      <c r="DB344" s="23"/>
      <c r="DC344" s="23"/>
      <c r="DD344" s="23"/>
      <c r="DE344" s="23"/>
      <c r="DF344" s="23"/>
      <c r="DG344" s="23"/>
      <c r="DH344" s="23"/>
      <c r="DI344" s="23"/>
      <c r="DJ344" s="23"/>
      <c r="DK344" s="23"/>
      <c r="DL344" s="23"/>
      <c r="DM344" s="23"/>
      <c r="DN344" s="23"/>
      <c r="DO344" s="23"/>
      <c r="DP344" s="23"/>
      <c r="DQ344" s="23"/>
      <c r="DR344" s="23"/>
      <c r="DS344" s="23"/>
      <c r="DT344" s="23"/>
      <c r="DU344" s="23"/>
      <c r="DV344" s="23"/>
      <c r="DW344" s="23"/>
      <c r="DX344" s="23"/>
      <c r="DY344" s="23"/>
      <c r="DZ344" s="23"/>
      <c r="EA344" s="23"/>
      <c r="EB344" s="23"/>
      <c r="EC344" s="23"/>
      <c r="ED344" s="23"/>
      <c r="EE344" s="23"/>
      <c r="EF344" s="23"/>
      <c r="EG344" s="23"/>
      <c r="EH344" s="23"/>
      <c r="EI344" s="23"/>
      <c r="EJ344" s="23"/>
      <c r="EK344" s="23"/>
      <c r="EL344" s="23"/>
      <c r="EM344" s="23"/>
      <c r="EN344" s="23"/>
      <c r="EO344" s="23"/>
      <c r="EP344" s="23"/>
      <c r="EQ344" s="23"/>
      <c r="ER344" s="23"/>
      <c r="ES344" s="23"/>
      <c r="ET344" s="23"/>
      <c r="EU344" s="23"/>
      <c r="EV344" s="23"/>
      <c r="EW344" s="23"/>
      <c r="EX344" s="23"/>
      <c r="EY344" s="23"/>
      <c r="EZ344" s="23"/>
      <c r="FA344" s="23"/>
      <c r="FB344" s="23"/>
      <c r="FC344" s="23"/>
      <c r="FD344" s="23"/>
      <c r="FE344" s="23"/>
      <c r="FF344" s="23"/>
      <c r="FG344" s="23"/>
      <c r="FH344" s="23"/>
      <c r="FI344" s="23"/>
      <c r="FJ344" s="23"/>
      <c r="FK344" s="23"/>
      <c r="FL344" s="23"/>
      <c r="FM344" s="23"/>
      <c r="FN344" s="23"/>
      <c r="FO344" s="23"/>
      <c r="FP344" s="23"/>
      <c r="FQ344" s="23"/>
      <c r="FR344" s="23"/>
      <c r="FS344" s="23"/>
      <c r="FT344" s="23"/>
      <c r="FU344" s="23"/>
      <c r="FV344" s="23"/>
      <c r="FW344" s="23"/>
      <c r="FX344" s="23"/>
      <c r="FY344" s="23"/>
      <c r="FZ344" s="23"/>
      <c r="GA344" s="23"/>
      <c r="GB344" s="23"/>
      <c r="GC344" s="23"/>
      <c r="GD344" s="23"/>
      <c r="GE344" s="23"/>
      <c r="GF344" s="23"/>
      <c r="GG344" s="23"/>
      <c r="GH344" s="23"/>
      <c r="GI344" s="23"/>
      <c r="GJ344" s="23"/>
      <c r="GK344" s="23"/>
      <c r="GL344" s="23"/>
      <c r="GM344" s="23"/>
      <c r="GN344" s="23"/>
      <c r="GO344" s="23"/>
      <c r="GP344" s="23"/>
      <c r="GQ344" s="23"/>
      <c r="GR344" s="23"/>
      <c r="GS344" s="23"/>
      <c r="GT344" s="23"/>
      <c r="GU344" s="23"/>
      <c r="GV344" s="23"/>
      <c r="GW344" s="23"/>
      <c r="GX344" s="23"/>
      <c r="GY344" s="23"/>
      <c r="GZ344" s="23"/>
      <c r="HA344" s="23"/>
      <c r="HB344" s="23"/>
      <c r="HC344" s="23"/>
      <c r="HD344" s="23"/>
      <c r="HE344" s="23"/>
      <c r="HF344" s="23"/>
      <c r="HG344" s="23"/>
      <c r="HH344" s="23"/>
      <c r="HI344" s="23"/>
      <c r="HJ344" s="23"/>
      <c r="HK344" s="23"/>
      <c r="HL344" s="23"/>
      <c r="HM344" s="23"/>
      <c r="HN344" s="23"/>
      <c r="HO344" s="23"/>
      <c r="HP344" s="23"/>
      <c r="HQ344" s="23"/>
      <c r="HR344" s="23"/>
      <c r="HS344" s="23"/>
      <c r="HT344" s="23"/>
      <c r="HU344" s="23"/>
      <c r="HV344" s="23"/>
      <c r="HW344" s="23"/>
      <c r="HX344" s="23"/>
      <c r="HY344" s="23"/>
      <c r="HZ344" s="23"/>
      <c r="IA344" s="23"/>
      <c r="IB344" s="23"/>
      <c r="IC344" s="23"/>
      <c r="ID344" s="23"/>
      <c r="IE344" s="23"/>
      <c r="IF344" s="23"/>
      <c r="IG344" s="23"/>
      <c r="IH344" s="23"/>
      <c r="II344" s="23"/>
      <c r="IJ344" s="23"/>
      <c r="IK344" s="23"/>
      <c r="IL344" s="23"/>
      <c r="IM344" s="23"/>
      <c r="IN344" s="23"/>
      <c r="IO344" s="23"/>
      <c r="IP344" s="23"/>
      <c r="IQ344" s="23"/>
    </row>
    <row r="345" spans="1:251" s="50" customFormat="1" ht="18.75" customHeight="1">
      <c r="A345" s="34"/>
      <c r="B345" s="48"/>
      <c r="C345" s="130"/>
      <c r="D345" s="130"/>
      <c r="E345" s="130"/>
      <c r="F345" s="130"/>
      <c r="G345" s="130"/>
      <c r="H345" s="130"/>
      <c r="I345" s="130"/>
      <c r="J345" s="130"/>
      <c r="K345" s="130"/>
      <c r="L345" s="130"/>
      <c r="M345" s="130"/>
      <c r="N345" s="130"/>
      <c r="O345" s="130"/>
      <c r="P345" s="130"/>
      <c r="Q345" s="130"/>
      <c r="R345" s="130"/>
      <c r="S345" s="130"/>
      <c r="T345" s="130"/>
      <c r="U345" s="130"/>
      <c r="V345" s="130"/>
      <c r="W345" s="130"/>
      <c r="X345" s="130"/>
      <c r="Y345" s="130"/>
      <c r="Z345" s="131"/>
      <c r="AA345" s="132"/>
      <c r="AB345" s="200"/>
      <c r="AC345" s="200"/>
      <c r="AD345" s="200"/>
      <c r="AE345" s="200"/>
      <c r="AF345" s="200"/>
      <c r="AG345" s="200"/>
      <c r="AH345" s="200"/>
      <c r="AI345" s="201"/>
      <c r="AJ345" s="132"/>
      <c r="AK345" s="196"/>
      <c r="AL345" s="196"/>
      <c r="AM345" s="196"/>
      <c r="AN345" s="196"/>
      <c r="AO345" s="196"/>
      <c r="AP345" s="196"/>
      <c r="AQ345" s="196"/>
      <c r="AR345" s="197"/>
      <c r="AS345" s="136"/>
      <c r="AT345" s="198"/>
      <c r="AU345" s="198"/>
      <c r="AV345" s="198"/>
      <c r="AW345" s="198"/>
      <c r="AX345" s="199"/>
      <c r="AY345" s="23"/>
      <c r="AZ345" s="23"/>
      <c r="BA345" s="23"/>
      <c r="BB345" s="23"/>
      <c r="BC345" s="23"/>
      <c r="BD345" s="23"/>
      <c r="BE345" s="23"/>
      <c r="BF345" s="23"/>
      <c r="BG345" s="23"/>
      <c r="BH345" s="23"/>
      <c r="BI345" s="23"/>
      <c r="BJ345" s="23"/>
      <c r="BK345" s="23"/>
      <c r="BL345" s="23"/>
      <c r="BM345" s="23"/>
      <c r="BN345" s="23"/>
      <c r="BO345" s="23"/>
      <c r="BP345" s="23"/>
      <c r="BQ345" s="23"/>
      <c r="BR345" s="23"/>
      <c r="BS345" s="23"/>
      <c r="BT345" s="23"/>
      <c r="BU345" s="23"/>
      <c r="BV345" s="23"/>
      <c r="BW345" s="23"/>
      <c r="BX345" s="23"/>
      <c r="BY345" s="23"/>
      <c r="BZ345" s="23"/>
      <c r="CA345" s="23"/>
      <c r="CB345" s="23"/>
      <c r="CC345" s="23"/>
      <c r="CD345" s="23"/>
      <c r="CE345" s="23"/>
      <c r="CF345" s="23"/>
      <c r="CG345" s="23"/>
      <c r="CH345" s="23"/>
      <c r="CI345" s="23"/>
      <c r="CJ345" s="23"/>
      <c r="CK345" s="23"/>
      <c r="CL345" s="23"/>
      <c r="CM345" s="23"/>
      <c r="CN345" s="23"/>
      <c r="CO345" s="23"/>
      <c r="CP345" s="23"/>
      <c r="CQ345" s="23"/>
      <c r="CR345" s="23"/>
      <c r="CS345" s="23"/>
      <c r="CT345" s="23"/>
      <c r="CU345" s="23"/>
      <c r="CV345" s="23"/>
      <c r="CW345" s="23"/>
      <c r="CX345" s="23"/>
      <c r="CY345" s="23"/>
      <c r="CZ345" s="23"/>
      <c r="DA345" s="23"/>
      <c r="DB345" s="23"/>
      <c r="DC345" s="23"/>
      <c r="DD345" s="23"/>
      <c r="DE345" s="23"/>
      <c r="DF345" s="23"/>
      <c r="DG345" s="23"/>
      <c r="DH345" s="23"/>
      <c r="DI345" s="23"/>
      <c r="DJ345" s="23"/>
      <c r="DK345" s="23"/>
      <c r="DL345" s="23"/>
      <c r="DM345" s="23"/>
      <c r="DN345" s="23"/>
      <c r="DO345" s="23"/>
      <c r="DP345" s="23"/>
      <c r="DQ345" s="23"/>
      <c r="DR345" s="23"/>
      <c r="DS345" s="23"/>
      <c r="DT345" s="23"/>
      <c r="DU345" s="23"/>
      <c r="DV345" s="23"/>
      <c r="DW345" s="23"/>
      <c r="DX345" s="23"/>
      <c r="DY345" s="23"/>
      <c r="DZ345" s="23"/>
      <c r="EA345" s="23"/>
      <c r="EB345" s="23"/>
      <c r="EC345" s="23"/>
      <c r="ED345" s="23"/>
      <c r="EE345" s="23"/>
      <c r="EF345" s="23"/>
      <c r="EG345" s="23"/>
      <c r="EH345" s="23"/>
      <c r="EI345" s="23"/>
      <c r="EJ345" s="23"/>
      <c r="EK345" s="23"/>
      <c r="EL345" s="23"/>
      <c r="EM345" s="23"/>
      <c r="EN345" s="23"/>
      <c r="EO345" s="23"/>
      <c r="EP345" s="23"/>
      <c r="EQ345" s="23"/>
      <c r="ER345" s="23"/>
      <c r="ES345" s="23"/>
      <c r="ET345" s="23"/>
      <c r="EU345" s="23"/>
      <c r="EV345" s="23"/>
      <c r="EW345" s="23"/>
      <c r="EX345" s="23"/>
      <c r="EY345" s="23"/>
      <c r="EZ345" s="23"/>
      <c r="FA345" s="23"/>
      <c r="FB345" s="23"/>
      <c r="FC345" s="23"/>
      <c r="FD345" s="23"/>
      <c r="FE345" s="23"/>
      <c r="FF345" s="23"/>
      <c r="FG345" s="23"/>
      <c r="FH345" s="23"/>
      <c r="FI345" s="23"/>
      <c r="FJ345" s="23"/>
      <c r="FK345" s="23"/>
      <c r="FL345" s="23"/>
      <c r="FM345" s="23"/>
      <c r="FN345" s="23"/>
      <c r="FO345" s="23"/>
      <c r="FP345" s="23"/>
      <c r="FQ345" s="23"/>
      <c r="FR345" s="23"/>
      <c r="FS345" s="23"/>
      <c r="FT345" s="23"/>
      <c r="FU345" s="23"/>
      <c r="FV345" s="23"/>
      <c r="FW345" s="23"/>
      <c r="FX345" s="23"/>
      <c r="FY345" s="23"/>
      <c r="FZ345" s="23"/>
      <c r="GA345" s="23"/>
      <c r="GB345" s="23"/>
      <c r="GC345" s="23"/>
      <c r="GD345" s="23"/>
      <c r="GE345" s="23"/>
      <c r="GF345" s="23"/>
      <c r="GG345" s="23"/>
      <c r="GH345" s="23"/>
      <c r="GI345" s="23"/>
      <c r="GJ345" s="23"/>
      <c r="GK345" s="23"/>
      <c r="GL345" s="23"/>
      <c r="GM345" s="23"/>
      <c r="GN345" s="23"/>
      <c r="GO345" s="23"/>
      <c r="GP345" s="23"/>
      <c r="GQ345" s="23"/>
      <c r="GR345" s="23"/>
      <c r="GS345" s="23"/>
      <c r="GT345" s="23"/>
      <c r="GU345" s="23"/>
      <c r="GV345" s="23"/>
      <c r="GW345" s="23"/>
      <c r="GX345" s="23"/>
      <c r="GY345" s="23"/>
      <c r="GZ345" s="23"/>
      <c r="HA345" s="23"/>
      <c r="HB345" s="23"/>
      <c r="HC345" s="23"/>
      <c r="HD345" s="23"/>
      <c r="HE345" s="23"/>
      <c r="HF345" s="23"/>
      <c r="HG345" s="23"/>
      <c r="HH345" s="23"/>
      <c r="HI345" s="23"/>
      <c r="HJ345" s="23"/>
      <c r="HK345" s="23"/>
      <c r="HL345" s="23"/>
      <c r="HM345" s="23"/>
      <c r="HN345" s="23"/>
      <c r="HO345" s="23"/>
      <c r="HP345" s="23"/>
      <c r="HQ345" s="23"/>
      <c r="HR345" s="23"/>
      <c r="HS345" s="23"/>
      <c r="HT345" s="23"/>
      <c r="HU345" s="23"/>
      <c r="HV345" s="23"/>
      <c r="HW345" s="23"/>
      <c r="HX345" s="23"/>
      <c r="HY345" s="23"/>
      <c r="HZ345" s="23"/>
      <c r="IA345" s="23"/>
      <c r="IB345" s="23"/>
      <c r="IC345" s="23"/>
      <c r="ID345" s="23"/>
      <c r="IE345" s="23"/>
      <c r="IF345" s="23"/>
      <c r="IG345" s="23"/>
      <c r="IH345" s="23"/>
      <c r="II345" s="23"/>
      <c r="IJ345" s="23"/>
      <c r="IK345" s="23"/>
      <c r="IL345" s="23"/>
      <c r="IM345" s="23"/>
      <c r="IN345" s="23"/>
      <c r="IO345" s="23"/>
      <c r="IP345" s="23"/>
      <c r="IQ345" s="23"/>
    </row>
    <row r="346" spans="1:251" s="50" customFormat="1" ht="18.75" customHeight="1">
      <c r="A346" s="34"/>
      <c r="B346" s="47"/>
      <c r="C346" s="130"/>
      <c r="D346" s="130"/>
      <c r="E346" s="130"/>
      <c r="F346" s="130"/>
      <c r="G346" s="130"/>
      <c r="H346" s="130"/>
      <c r="I346" s="130"/>
      <c r="J346" s="130"/>
      <c r="K346" s="130"/>
      <c r="L346" s="130"/>
      <c r="M346" s="130"/>
      <c r="N346" s="130"/>
      <c r="O346" s="130"/>
      <c r="P346" s="130"/>
      <c r="Q346" s="130"/>
      <c r="R346" s="130"/>
      <c r="S346" s="130"/>
      <c r="T346" s="130"/>
      <c r="U346" s="130"/>
      <c r="V346" s="130"/>
      <c r="W346" s="130"/>
      <c r="X346" s="130"/>
      <c r="Y346" s="130"/>
      <c r="Z346" s="131"/>
      <c r="AA346" s="132"/>
      <c r="AB346" s="200"/>
      <c r="AC346" s="200"/>
      <c r="AD346" s="200"/>
      <c r="AE346" s="200"/>
      <c r="AF346" s="200"/>
      <c r="AG346" s="200"/>
      <c r="AH346" s="200"/>
      <c r="AI346" s="201"/>
      <c r="AJ346" s="132"/>
      <c r="AK346" s="196"/>
      <c r="AL346" s="196"/>
      <c r="AM346" s="196"/>
      <c r="AN346" s="196"/>
      <c r="AO346" s="196"/>
      <c r="AP346" s="196"/>
      <c r="AQ346" s="196"/>
      <c r="AR346" s="197"/>
      <c r="AS346" s="132"/>
      <c r="AT346" s="196"/>
      <c r="AU346" s="196"/>
      <c r="AV346" s="196"/>
      <c r="AW346" s="196"/>
      <c r="AX346" s="202"/>
      <c r="AY346" s="23"/>
      <c r="AZ346" s="23"/>
      <c r="BA346" s="23"/>
      <c r="BB346" s="23"/>
      <c r="BC346" s="23"/>
      <c r="BD346" s="23"/>
      <c r="BE346" s="23"/>
      <c r="BF346" s="23"/>
      <c r="BG346" s="23"/>
      <c r="BH346" s="23"/>
      <c r="BI346" s="23"/>
      <c r="BJ346" s="23"/>
      <c r="BK346" s="23"/>
      <c r="BL346" s="23"/>
      <c r="BM346" s="23"/>
      <c r="BN346" s="23"/>
      <c r="BO346" s="23"/>
      <c r="BP346" s="23"/>
      <c r="BQ346" s="23"/>
      <c r="BR346" s="23"/>
      <c r="BS346" s="23"/>
      <c r="BT346" s="23"/>
      <c r="BU346" s="23"/>
      <c r="BV346" s="23"/>
      <c r="BW346" s="23"/>
      <c r="BX346" s="23"/>
      <c r="BY346" s="23"/>
      <c r="BZ346" s="23"/>
      <c r="CA346" s="23"/>
      <c r="CB346" s="23"/>
      <c r="CC346" s="23"/>
      <c r="CD346" s="23"/>
      <c r="CE346" s="23"/>
      <c r="CF346" s="23"/>
      <c r="CG346" s="23"/>
      <c r="CH346" s="23"/>
      <c r="CI346" s="23"/>
      <c r="CJ346" s="23"/>
      <c r="CK346" s="23"/>
      <c r="CL346" s="23"/>
      <c r="CM346" s="23"/>
      <c r="CN346" s="23"/>
      <c r="CO346" s="23"/>
      <c r="CP346" s="23"/>
      <c r="CQ346" s="23"/>
      <c r="CR346" s="23"/>
      <c r="CS346" s="23"/>
      <c r="CT346" s="23"/>
      <c r="CU346" s="23"/>
      <c r="CV346" s="23"/>
      <c r="CW346" s="23"/>
      <c r="CX346" s="23"/>
      <c r="CY346" s="23"/>
      <c r="CZ346" s="23"/>
      <c r="DA346" s="23"/>
      <c r="DB346" s="23"/>
      <c r="DC346" s="23"/>
      <c r="DD346" s="23"/>
      <c r="DE346" s="23"/>
      <c r="DF346" s="23"/>
      <c r="DG346" s="23"/>
      <c r="DH346" s="23"/>
      <c r="DI346" s="23"/>
      <c r="DJ346" s="23"/>
      <c r="DK346" s="23"/>
      <c r="DL346" s="23"/>
      <c r="DM346" s="23"/>
      <c r="DN346" s="23"/>
      <c r="DO346" s="23"/>
      <c r="DP346" s="23"/>
      <c r="DQ346" s="23"/>
      <c r="DR346" s="23"/>
      <c r="DS346" s="23"/>
      <c r="DT346" s="23"/>
      <c r="DU346" s="23"/>
      <c r="DV346" s="23"/>
      <c r="DW346" s="23"/>
      <c r="DX346" s="23"/>
      <c r="DY346" s="23"/>
      <c r="DZ346" s="23"/>
      <c r="EA346" s="23"/>
      <c r="EB346" s="23"/>
      <c r="EC346" s="23"/>
      <c r="ED346" s="23"/>
      <c r="EE346" s="23"/>
      <c r="EF346" s="23"/>
      <c r="EG346" s="23"/>
      <c r="EH346" s="23"/>
      <c r="EI346" s="23"/>
      <c r="EJ346" s="23"/>
      <c r="EK346" s="23"/>
      <c r="EL346" s="23"/>
      <c r="EM346" s="23"/>
      <c r="EN346" s="23"/>
      <c r="EO346" s="23"/>
      <c r="EP346" s="23"/>
      <c r="EQ346" s="23"/>
      <c r="ER346" s="23"/>
      <c r="ES346" s="23"/>
      <c r="ET346" s="23"/>
      <c r="EU346" s="23"/>
      <c r="EV346" s="23"/>
      <c r="EW346" s="23"/>
      <c r="EX346" s="23"/>
      <c r="EY346" s="23"/>
      <c r="EZ346" s="23"/>
      <c r="FA346" s="23"/>
      <c r="FB346" s="23"/>
      <c r="FC346" s="23"/>
      <c r="FD346" s="23"/>
      <c r="FE346" s="23"/>
      <c r="FF346" s="23"/>
      <c r="FG346" s="23"/>
      <c r="FH346" s="23"/>
      <c r="FI346" s="23"/>
      <c r="FJ346" s="23"/>
      <c r="FK346" s="23"/>
      <c r="FL346" s="23"/>
      <c r="FM346" s="23"/>
      <c r="FN346" s="23"/>
      <c r="FO346" s="23"/>
      <c r="FP346" s="23"/>
      <c r="FQ346" s="23"/>
      <c r="FR346" s="23"/>
      <c r="FS346" s="23"/>
      <c r="FT346" s="23"/>
      <c r="FU346" s="23"/>
      <c r="FV346" s="23"/>
      <c r="FW346" s="23"/>
      <c r="FX346" s="23"/>
      <c r="FY346" s="23"/>
      <c r="FZ346" s="23"/>
      <c r="GA346" s="23"/>
      <c r="GB346" s="23"/>
      <c r="GC346" s="23"/>
      <c r="GD346" s="23"/>
      <c r="GE346" s="23"/>
      <c r="GF346" s="23"/>
      <c r="GG346" s="23"/>
      <c r="GH346" s="23"/>
      <c r="GI346" s="23"/>
      <c r="GJ346" s="23"/>
      <c r="GK346" s="23"/>
      <c r="GL346" s="23"/>
      <c r="GM346" s="23"/>
      <c r="GN346" s="23"/>
      <c r="GO346" s="23"/>
      <c r="GP346" s="23"/>
      <c r="GQ346" s="23"/>
      <c r="GR346" s="23"/>
      <c r="GS346" s="23"/>
      <c r="GT346" s="23"/>
      <c r="GU346" s="23"/>
      <c r="GV346" s="23"/>
      <c r="GW346" s="23"/>
      <c r="GX346" s="23"/>
      <c r="GY346" s="23"/>
      <c r="GZ346" s="23"/>
      <c r="HA346" s="23"/>
      <c r="HB346" s="23"/>
      <c r="HC346" s="23"/>
      <c r="HD346" s="23"/>
      <c r="HE346" s="23"/>
      <c r="HF346" s="23"/>
      <c r="HG346" s="23"/>
      <c r="HH346" s="23"/>
      <c r="HI346" s="23"/>
      <c r="HJ346" s="23"/>
      <c r="HK346" s="23"/>
      <c r="HL346" s="23"/>
      <c r="HM346" s="23"/>
      <c r="HN346" s="23"/>
      <c r="HO346" s="23"/>
      <c r="HP346" s="23"/>
      <c r="HQ346" s="23"/>
      <c r="HR346" s="23"/>
      <c r="HS346" s="23"/>
      <c r="HT346" s="23"/>
      <c r="HU346" s="23"/>
      <c r="HV346" s="23"/>
      <c r="HW346" s="23"/>
      <c r="HX346" s="23"/>
      <c r="HY346" s="23"/>
      <c r="HZ346" s="23"/>
      <c r="IA346" s="23"/>
      <c r="IB346" s="23"/>
      <c r="IC346" s="23"/>
      <c r="ID346" s="23"/>
      <c r="IE346" s="23"/>
      <c r="IF346" s="23"/>
      <c r="IG346" s="23"/>
      <c r="IH346" s="23"/>
      <c r="II346" s="23"/>
      <c r="IJ346" s="23"/>
      <c r="IK346" s="23"/>
      <c r="IL346" s="23"/>
      <c r="IM346" s="23"/>
      <c r="IN346" s="23"/>
      <c r="IO346" s="23"/>
      <c r="IP346" s="23"/>
      <c r="IQ346" s="23"/>
    </row>
    <row r="347" spans="1:251" s="50" customFormat="1" ht="18.75" customHeight="1">
      <c r="A347" s="34"/>
      <c r="B347" s="48"/>
      <c r="C347" s="130"/>
      <c r="D347" s="130"/>
      <c r="E347" s="130"/>
      <c r="F347" s="130"/>
      <c r="G347" s="130"/>
      <c r="H347" s="130"/>
      <c r="I347" s="130"/>
      <c r="J347" s="130"/>
      <c r="K347" s="130"/>
      <c r="L347" s="130"/>
      <c r="M347" s="130"/>
      <c r="N347" s="130"/>
      <c r="O347" s="130"/>
      <c r="P347" s="130"/>
      <c r="Q347" s="130"/>
      <c r="R347" s="130"/>
      <c r="S347" s="130"/>
      <c r="T347" s="130"/>
      <c r="U347" s="130"/>
      <c r="V347" s="130"/>
      <c r="W347" s="130"/>
      <c r="X347" s="130"/>
      <c r="Y347" s="130"/>
      <c r="Z347" s="131"/>
      <c r="AA347" s="132"/>
      <c r="AB347" s="200"/>
      <c r="AC347" s="200"/>
      <c r="AD347" s="200"/>
      <c r="AE347" s="200"/>
      <c r="AF347" s="200"/>
      <c r="AG347" s="200"/>
      <c r="AH347" s="200"/>
      <c r="AI347" s="201"/>
      <c r="AJ347" s="132"/>
      <c r="AK347" s="133"/>
      <c r="AL347" s="133"/>
      <c r="AM347" s="133"/>
      <c r="AN347" s="133"/>
      <c r="AO347" s="133"/>
      <c r="AP347" s="133"/>
      <c r="AQ347" s="133"/>
      <c r="AR347" s="134"/>
      <c r="AS347" s="132"/>
      <c r="AT347" s="196"/>
      <c r="AU347" s="196"/>
      <c r="AV347" s="196"/>
      <c r="AW347" s="196"/>
      <c r="AX347" s="202"/>
      <c r="AY347" s="23"/>
      <c r="AZ347" s="23"/>
      <c r="BA347" s="23"/>
      <c r="BB347" s="23"/>
      <c r="BC347" s="23"/>
      <c r="BD347" s="23"/>
      <c r="BE347" s="23"/>
      <c r="BF347" s="23"/>
      <c r="BG347" s="23"/>
      <c r="BH347" s="23"/>
      <c r="BI347" s="23"/>
      <c r="BJ347" s="23"/>
      <c r="BK347" s="23"/>
      <c r="BL347" s="23"/>
      <c r="BM347" s="23"/>
      <c r="BN347" s="23"/>
      <c r="BO347" s="23"/>
      <c r="BP347" s="23"/>
      <c r="BQ347" s="23"/>
      <c r="BR347" s="23"/>
      <c r="BS347" s="23"/>
      <c r="BT347" s="23"/>
      <c r="BU347" s="23"/>
      <c r="BV347" s="23"/>
      <c r="BW347" s="23"/>
      <c r="BX347" s="23"/>
      <c r="BY347" s="23"/>
      <c r="BZ347" s="23"/>
      <c r="CA347" s="23"/>
      <c r="CB347" s="23"/>
      <c r="CC347" s="23"/>
      <c r="CD347" s="23"/>
      <c r="CE347" s="23"/>
      <c r="CF347" s="23"/>
      <c r="CG347" s="23"/>
      <c r="CH347" s="23"/>
      <c r="CI347" s="23"/>
      <c r="CJ347" s="23"/>
      <c r="CK347" s="23"/>
      <c r="CL347" s="23"/>
      <c r="CM347" s="23"/>
      <c r="CN347" s="23"/>
      <c r="CO347" s="23"/>
      <c r="CP347" s="23"/>
      <c r="CQ347" s="23"/>
      <c r="CR347" s="23"/>
      <c r="CS347" s="23"/>
      <c r="CT347" s="23"/>
      <c r="CU347" s="23"/>
      <c r="CV347" s="23"/>
      <c r="CW347" s="23"/>
      <c r="CX347" s="23"/>
      <c r="CY347" s="23"/>
      <c r="CZ347" s="23"/>
      <c r="DA347" s="23"/>
      <c r="DB347" s="23"/>
      <c r="DC347" s="23"/>
      <c r="DD347" s="23"/>
      <c r="DE347" s="23"/>
      <c r="DF347" s="23"/>
      <c r="DG347" s="23"/>
      <c r="DH347" s="23"/>
      <c r="DI347" s="23"/>
      <c r="DJ347" s="23"/>
      <c r="DK347" s="23"/>
      <c r="DL347" s="23"/>
      <c r="DM347" s="23"/>
      <c r="DN347" s="23"/>
      <c r="DO347" s="23"/>
      <c r="DP347" s="23"/>
      <c r="DQ347" s="23"/>
      <c r="DR347" s="23"/>
      <c r="DS347" s="23"/>
      <c r="DT347" s="23"/>
      <c r="DU347" s="23"/>
      <c r="DV347" s="23"/>
      <c r="DW347" s="23"/>
      <c r="DX347" s="23"/>
      <c r="DY347" s="23"/>
      <c r="DZ347" s="23"/>
      <c r="EA347" s="23"/>
      <c r="EB347" s="23"/>
      <c r="EC347" s="23"/>
      <c r="ED347" s="23"/>
      <c r="EE347" s="23"/>
      <c r="EF347" s="23"/>
      <c r="EG347" s="23"/>
      <c r="EH347" s="23"/>
      <c r="EI347" s="23"/>
      <c r="EJ347" s="23"/>
      <c r="EK347" s="23"/>
      <c r="EL347" s="23"/>
      <c r="EM347" s="23"/>
      <c r="EN347" s="23"/>
      <c r="EO347" s="23"/>
      <c r="EP347" s="23"/>
      <c r="EQ347" s="23"/>
      <c r="ER347" s="23"/>
      <c r="ES347" s="23"/>
      <c r="ET347" s="23"/>
      <c r="EU347" s="23"/>
      <c r="EV347" s="23"/>
      <c r="EW347" s="23"/>
      <c r="EX347" s="23"/>
      <c r="EY347" s="23"/>
      <c r="EZ347" s="23"/>
      <c r="FA347" s="23"/>
      <c r="FB347" s="23"/>
      <c r="FC347" s="23"/>
      <c r="FD347" s="23"/>
      <c r="FE347" s="23"/>
      <c r="FF347" s="23"/>
      <c r="FG347" s="23"/>
      <c r="FH347" s="23"/>
      <c r="FI347" s="23"/>
      <c r="FJ347" s="23"/>
      <c r="FK347" s="23"/>
      <c r="FL347" s="23"/>
      <c r="FM347" s="23"/>
      <c r="FN347" s="23"/>
      <c r="FO347" s="23"/>
      <c r="FP347" s="23"/>
      <c r="FQ347" s="23"/>
      <c r="FR347" s="23"/>
      <c r="FS347" s="23"/>
      <c r="FT347" s="23"/>
      <c r="FU347" s="23"/>
      <c r="FV347" s="23"/>
      <c r="FW347" s="23"/>
      <c r="FX347" s="23"/>
      <c r="FY347" s="23"/>
      <c r="FZ347" s="23"/>
      <c r="GA347" s="23"/>
      <c r="GB347" s="23"/>
      <c r="GC347" s="23"/>
      <c r="GD347" s="23"/>
      <c r="GE347" s="23"/>
      <c r="GF347" s="23"/>
      <c r="GG347" s="23"/>
      <c r="GH347" s="23"/>
      <c r="GI347" s="23"/>
      <c r="GJ347" s="23"/>
      <c r="GK347" s="23"/>
      <c r="GL347" s="23"/>
      <c r="GM347" s="23"/>
      <c r="GN347" s="23"/>
      <c r="GO347" s="23"/>
      <c r="GP347" s="23"/>
      <c r="GQ347" s="23"/>
      <c r="GR347" s="23"/>
      <c r="GS347" s="23"/>
      <c r="GT347" s="23"/>
      <c r="GU347" s="23"/>
      <c r="GV347" s="23"/>
      <c r="GW347" s="23"/>
      <c r="GX347" s="23"/>
      <c r="GY347" s="23"/>
      <c r="GZ347" s="23"/>
      <c r="HA347" s="23"/>
      <c r="HB347" s="23"/>
      <c r="HC347" s="23"/>
      <c r="HD347" s="23"/>
      <c r="HE347" s="23"/>
      <c r="HF347" s="23"/>
      <c r="HG347" s="23"/>
      <c r="HH347" s="23"/>
      <c r="HI347" s="23"/>
      <c r="HJ347" s="23"/>
      <c r="HK347" s="23"/>
      <c r="HL347" s="23"/>
      <c r="HM347" s="23"/>
      <c r="HN347" s="23"/>
      <c r="HO347" s="23"/>
      <c r="HP347" s="23"/>
      <c r="HQ347" s="23"/>
      <c r="HR347" s="23"/>
      <c r="HS347" s="23"/>
      <c r="HT347" s="23"/>
      <c r="HU347" s="23"/>
      <c r="HV347" s="23"/>
      <c r="HW347" s="23"/>
      <c r="HX347" s="23"/>
      <c r="HY347" s="23"/>
      <c r="HZ347" s="23"/>
      <c r="IA347" s="23"/>
      <c r="IB347" s="23"/>
      <c r="IC347" s="23"/>
      <c r="ID347" s="23"/>
      <c r="IE347" s="23"/>
      <c r="IF347" s="23"/>
      <c r="IG347" s="23"/>
      <c r="IH347" s="23"/>
      <c r="II347" s="23"/>
      <c r="IJ347" s="23"/>
      <c r="IK347" s="23"/>
      <c r="IL347" s="23"/>
      <c r="IM347" s="23"/>
      <c r="IN347" s="23"/>
      <c r="IO347" s="23"/>
      <c r="IP347" s="23"/>
      <c r="IQ347" s="23"/>
    </row>
    <row r="348" spans="1:251" s="50" customFormat="1" ht="18.75" customHeight="1" thickBot="1">
      <c r="A348" s="34"/>
      <c r="B348" s="49"/>
      <c r="C348" s="158"/>
      <c r="D348" s="158"/>
      <c r="E348" s="158"/>
      <c r="F348" s="158"/>
      <c r="G348" s="158"/>
      <c r="H348" s="158"/>
      <c r="I348" s="158"/>
      <c r="J348" s="158"/>
      <c r="K348" s="158"/>
      <c r="L348" s="158"/>
      <c r="M348" s="158"/>
      <c r="N348" s="158"/>
      <c r="O348" s="158"/>
      <c r="P348" s="158"/>
      <c r="Q348" s="158"/>
      <c r="R348" s="158"/>
      <c r="S348" s="158"/>
      <c r="T348" s="158"/>
      <c r="U348" s="158"/>
      <c r="V348" s="158"/>
      <c r="W348" s="158"/>
      <c r="X348" s="158"/>
      <c r="Y348" s="158"/>
      <c r="Z348" s="159"/>
      <c r="AA348" s="160"/>
      <c r="AB348" s="211"/>
      <c r="AC348" s="211"/>
      <c r="AD348" s="211"/>
      <c r="AE348" s="211"/>
      <c r="AF348" s="211"/>
      <c r="AG348" s="211"/>
      <c r="AH348" s="211"/>
      <c r="AI348" s="212"/>
      <c r="AJ348" s="160"/>
      <c r="AK348" s="161"/>
      <c r="AL348" s="161"/>
      <c r="AM348" s="161"/>
      <c r="AN348" s="161"/>
      <c r="AO348" s="161"/>
      <c r="AP348" s="161"/>
      <c r="AQ348" s="161"/>
      <c r="AR348" s="162"/>
      <c r="AS348" s="188"/>
      <c r="AT348" s="213"/>
      <c r="AU348" s="213"/>
      <c r="AV348" s="213"/>
      <c r="AW348" s="213"/>
      <c r="AX348" s="214"/>
      <c r="AY348" s="23"/>
      <c r="AZ348" s="23"/>
      <c r="BA348" s="23"/>
      <c r="BB348" s="23"/>
      <c r="BC348" s="23"/>
      <c r="BD348" s="23"/>
      <c r="BE348" s="23"/>
      <c r="BF348" s="23"/>
      <c r="BG348" s="23"/>
      <c r="BH348" s="23"/>
      <c r="BI348" s="23"/>
      <c r="BJ348" s="23"/>
      <c r="BK348" s="23"/>
      <c r="BL348" s="23"/>
      <c r="BM348" s="23"/>
      <c r="BN348" s="23"/>
      <c r="BO348" s="23"/>
      <c r="BP348" s="23"/>
      <c r="BQ348" s="23"/>
      <c r="BR348" s="23"/>
      <c r="BS348" s="23"/>
      <c r="BT348" s="23"/>
      <c r="BU348" s="23"/>
      <c r="BV348" s="23"/>
      <c r="BW348" s="23"/>
      <c r="BX348" s="23"/>
      <c r="BY348" s="23"/>
      <c r="BZ348" s="23"/>
      <c r="CA348" s="23"/>
      <c r="CB348" s="23"/>
      <c r="CC348" s="23"/>
      <c r="CD348" s="23"/>
      <c r="CE348" s="23"/>
      <c r="CF348" s="23"/>
      <c r="CG348" s="23"/>
      <c r="CH348" s="23"/>
      <c r="CI348" s="23"/>
      <c r="CJ348" s="23"/>
      <c r="CK348" s="23"/>
      <c r="CL348" s="23"/>
      <c r="CM348" s="23"/>
      <c r="CN348" s="23"/>
      <c r="CO348" s="23"/>
      <c r="CP348" s="23"/>
      <c r="CQ348" s="23"/>
      <c r="CR348" s="23"/>
      <c r="CS348" s="23"/>
      <c r="CT348" s="23"/>
      <c r="CU348" s="23"/>
      <c r="CV348" s="23"/>
      <c r="CW348" s="23"/>
      <c r="CX348" s="23"/>
      <c r="CY348" s="23"/>
      <c r="CZ348" s="23"/>
      <c r="DA348" s="23"/>
      <c r="DB348" s="23"/>
      <c r="DC348" s="23"/>
      <c r="DD348" s="23"/>
      <c r="DE348" s="23"/>
      <c r="DF348" s="23"/>
      <c r="DG348" s="23"/>
      <c r="DH348" s="23"/>
      <c r="DI348" s="23"/>
      <c r="DJ348" s="23"/>
      <c r="DK348" s="23"/>
      <c r="DL348" s="23"/>
      <c r="DM348" s="23"/>
      <c r="DN348" s="23"/>
      <c r="DO348" s="23"/>
      <c r="DP348" s="23"/>
      <c r="DQ348" s="23"/>
      <c r="DR348" s="23"/>
      <c r="DS348" s="23"/>
      <c r="DT348" s="23"/>
      <c r="DU348" s="23"/>
      <c r="DV348" s="23"/>
      <c r="DW348" s="23"/>
      <c r="DX348" s="23"/>
      <c r="DY348" s="23"/>
      <c r="DZ348" s="23"/>
      <c r="EA348" s="23"/>
      <c r="EB348" s="23"/>
      <c r="EC348" s="23"/>
      <c r="ED348" s="23"/>
      <c r="EE348" s="23"/>
      <c r="EF348" s="23"/>
      <c r="EG348" s="23"/>
      <c r="EH348" s="23"/>
      <c r="EI348" s="23"/>
      <c r="EJ348" s="23"/>
      <c r="EK348" s="23"/>
      <c r="EL348" s="23"/>
      <c r="EM348" s="23"/>
      <c r="EN348" s="23"/>
      <c r="EO348" s="23"/>
      <c r="EP348" s="23"/>
      <c r="EQ348" s="23"/>
      <c r="ER348" s="23"/>
      <c r="ES348" s="23"/>
      <c r="ET348" s="23"/>
      <c r="EU348" s="23"/>
      <c r="EV348" s="23"/>
      <c r="EW348" s="23"/>
      <c r="EX348" s="23"/>
      <c r="EY348" s="23"/>
      <c r="EZ348" s="23"/>
      <c r="FA348" s="23"/>
      <c r="FB348" s="23"/>
      <c r="FC348" s="23"/>
      <c r="FD348" s="23"/>
      <c r="FE348" s="23"/>
      <c r="FF348" s="23"/>
      <c r="FG348" s="23"/>
      <c r="FH348" s="23"/>
      <c r="FI348" s="23"/>
      <c r="FJ348" s="23"/>
      <c r="FK348" s="23"/>
      <c r="FL348" s="23"/>
      <c r="FM348" s="23"/>
      <c r="FN348" s="23"/>
      <c r="FO348" s="23"/>
      <c r="FP348" s="23"/>
      <c r="FQ348" s="23"/>
      <c r="FR348" s="23"/>
      <c r="FS348" s="23"/>
      <c r="FT348" s="23"/>
      <c r="FU348" s="23"/>
      <c r="FV348" s="23"/>
      <c r="FW348" s="23"/>
      <c r="FX348" s="23"/>
      <c r="FY348" s="23"/>
      <c r="FZ348" s="23"/>
      <c r="GA348" s="23"/>
      <c r="GB348" s="23"/>
      <c r="GC348" s="23"/>
      <c r="GD348" s="23"/>
      <c r="GE348" s="23"/>
      <c r="GF348" s="23"/>
      <c r="GG348" s="23"/>
      <c r="GH348" s="23"/>
      <c r="GI348" s="23"/>
      <c r="GJ348" s="23"/>
      <c r="GK348" s="23"/>
      <c r="GL348" s="23"/>
      <c r="GM348" s="23"/>
      <c r="GN348" s="23"/>
      <c r="GO348" s="23"/>
      <c r="GP348" s="23"/>
      <c r="GQ348" s="23"/>
      <c r="GR348" s="23"/>
      <c r="GS348" s="23"/>
      <c r="GT348" s="23"/>
      <c r="GU348" s="23"/>
      <c r="GV348" s="23"/>
      <c r="GW348" s="23"/>
      <c r="GX348" s="23"/>
      <c r="GY348" s="23"/>
      <c r="GZ348" s="23"/>
      <c r="HA348" s="23"/>
      <c r="HB348" s="23"/>
      <c r="HC348" s="23"/>
      <c r="HD348" s="23"/>
      <c r="HE348" s="23"/>
      <c r="HF348" s="23"/>
      <c r="HG348" s="23"/>
      <c r="HH348" s="23"/>
      <c r="HI348" s="23"/>
      <c r="HJ348" s="23"/>
      <c r="HK348" s="23"/>
      <c r="HL348" s="23"/>
      <c r="HM348" s="23"/>
      <c r="HN348" s="23"/>
      <c r="HO348" s="23"/>
      <c r="HP348" s="23"/>
      <c r="HQ348" s="23"/>
      <c r="HR348" s="23"/>
      <c r="HS348" s="23"/>
      <c r="HT348" s="23"/>
      <c r="HU348" s="23"/>
      <c r="HV348" s="23"/>
      <c r="HW348" s="23"/>
      <c r="HX348" s="23"/>
      <c r="HY348" s="23"/>
      <c r="HZ348" s="23"/>
      <c r="IA348" s="23"/>
      <c r="IB348" s="23"/>
      <c r="IC348" s="23"/>
      <c r="ID348" s="23"/>
      <c r="IE348" s="23"/>
      <c r="IF348" s="23"/>
      <c r="IG348" s="23"/>
      <c r="IH348" s="23"/>
      <c r="II348" s="23"/>
      <c r="IJ348" s="23"/>
      <c r="IK348" s="23"/>
      <c r="IL348" s="23"/>
      <c r="IM348" s="23"/>
      <c r="IN348" s="23"/>
      <c r="IO348" s="23"/>
      <c r="IP348" s="23"/>
      <c r="IQ348" s="23"/>
    </row>
    <row r="349" spans="1:251" s="50" customFormat="1" ht="18.75" customHeight="1" thickTop="1" thickBot="1">
      <c r="A349" s="38"/>
      <c r="B349" s="164" t="s">
        <v>105</v>
      </c>
      <c r="C349" s="191"/>
      <c r="D349" s="191"/>
      <c r="E349" s="191"/>
      <c r="F349" s="191"/>
      <c r="G349" s="191"/>
      <c r="H349" s="191"/>
      <c r="I349" s="191"/>
      <c r="J349" s="191"/>
      <c r="K349" s="191"/>
      <c r="L349" s="191"/>
      <c r="M349" s="191"/>
      <c r="N349" s="191"/>
      <c r="O349" s="191"/>
      <c r="P349" s="191"/>
      <c r="Q349" s="191"/>
      <c r="R349" s="191"/>
      <c r="S349" s="191"/>
      <c r="T349" s="191"/>
      <c r="U349" s="191"/>
      <c r="V349" s="191"/>
      <c r="W349" s="191"/>
      <c r="X349" s="191"/>
      <c r="Y349" s="191"/>
      <c r="Z349" s="192"/>
      <c r="AA349" s="167">
        <f>SUM(AA341:AA348)</f>
        <v>1000</v>
      </c>
      <c r="AB349" s="215"/>
      <c r="AC349" s="215"/>
      <c r="AD349" s="215"/>
      <c r="AE349" s="215"/>
      <c r="AF349" s="215"/>
      <c r="AG349" s="215"/>
      <c r="AH349" s="215"/>
      <c r="AI349" s="216"/>
      <c r="AJ349" s="167">
        <f>SUM(AJ341:AJ348)</f>
        <v>1000</v>
      </c>
      <c r="AK349" s="215"/>
      <c r="AL349" s="215"/>
      <c r="AM349" s="215"/>
      <c r="AN349" s="215"/>
      <c r="AO349" s="215"/>
      <c r="AP349" s="215"/>
      <c r="AQ349" s="215"/>
      <c r="AR349" s="216"/>
      <c r="AS349" s="167"/>
      <c r="AT349" s="215"/>
      <c r="AU349" s="215"/>
      <c r="AV349" s="215"/>
      <c r="AW349" s="215"/>
      <c r="AX349" s="217"/>
      <c r="AY349" s="23"/>
      <c r="AZ349" s="23"/>
      <c r="BA349" s="23"/>
      <c r="BB349" s="23"/>
      <c r="BC349" s="23"/>
      <c r="BD349" s="23"/>
      <c r="BE349" s="23"/>
      <c r="BF349" s="23"/>
      <c r="BG349" s="23"/>
      <c r="BH349" s="23"/>
      <c r="BI349" s="23"/>
      <c r="BJ349" s="23"/>
      <c r="BK349" s="23"/>
      <c r="BL349" s="23"/>
      <c r="BM349" s="23"/>
      <c r="BN349" s="23"/>
      <c r="BO349" s="23"/>
      <c r="BP349" s="23"/>
      <c r="BQ349" s="23"/>
      <c r="BR349" s="23"/>
      <c r="BS349" s="23"/>
      <c r="BT349" s="23"/>
      <c r="BU349" s="23"/>
      <c r="BV349" s="23"/>
      <c r="BW349" s="23"/>
      <c r="BX349" s="23"/>
      <c r="BY349" s="23"/>
      <c r="BZ349" s="23"/>
      <c r="CA349" s="23"/>
      <c r="CB349" s="23"/>
      <c r="CC349" s="23"/>
      <c r="CD349" s="23"/>
      <c r="CE349" s="23"/>
      <c r="CF349" s="23"/>
      <c r="CG349" s="23"/>
      <c r="CH349" s="23"/>
      <c r="CI349" s="23"/>
      <c r="CJ349" s="23"/>
      <c r="CK349" s="23"/>
      <c r="CL349" s="23"/>
      <c r="CM349" s="23"/>
      <c r="CN349" s="23"/>
      <c r="CO349" s="23"/>
      <c r="CP349" s="23"/>
      <c r="CQ349" s="23"/>
      <c r="CR349" s="23"/>
      <c r="CS349" s="23"/>
      <c r="CT349" s="23"/>
      <c r="CU349" s="23"/>
      <c r="CV349" s="23"/>
      <c r="CW349" s="23"/>
      <c r="CX349" s="23"/>
      <c r="CY349" s="23"/>
      <c r="CZ349" s="23"/>
      <c r="DA349" s="23"/>
      <c r="DB349" s="23"/>
      <c r="DC349" s="23"/>
      <c r="DD349" s="23"/>
      <c r="DE349" s="23"/>
      <c r="DF349" s="23"/>
      <c r="DG349" s="23"/>
      <c r="DH349" s="23"/>
      <c r="DI349" s="23"/>
      <c r="DJ349" s="23"/>
      <c r="DK349" s="23"/>
      <c r="DL349" s="23"/>
      <c r="DM349" s="23"/>
      <c r="DN349" s="23"/>
      <c r="DO349" s="23"/>
      <c r="DP349" s="23"/>
      <c r="DQ349" s="23"/>
      <c r="DR349" s="23"/>
      <c r="DS349" s="23"/>
      <c r="DT349" s="23"/>
      <c r="DU349" s="23"/>
      <c r="DV349" s="23"/>
      <c r="DW349" s="23"/>
      <c r="DX349" s="23"/>
      <c r="DY349" s="23"/>
      <c r="DZ349" s="23"/>
      <c r="EA349" s="23"/>
      <c r="EB349" s="23"/>
      <c r="EC349" s="23"/>
      <c r="ED349" s="23"/>
      <c r="EE349" s="23"/>
      <c r="EF349" s="23"/>
      <c r="EG349" s="23"/>
      <c r="EH349" s="23"/>
      <c r="EI349" s="23"/>
      <c r="EJ349" s="23"/>
      <c r="EK349" s="23"/>
      <c r="EL349" s="23"/>
      <c r="EM349" s="23"/>
      <c r="EN349" s="23"/>
      <c r="EO349" s="23"/>
      <c r="EP349" s="23"/>
      <c r="EQ349" s="23"/>
      <c r="ER349" s="23"/>
      <c r="ES349" s="23"/>
      <c r="ET349" s="23"/>
      <c r="EU349" s="23"/>
      <c r="EV349" s="23"/>
      <c r="EW349" s="23"/>
      <c r="EX349" s="23"/>
      <c r="EY349" s="23"/>
      <c r="EZ349" s="23"/>
      <c r="FA349" s="23"/>
      <c r="FB349" s="23"/>
      <c r="FC349" s="23"/>
      <c r="FD349" s="23"/>
      <c r="FE349" s="23"/>
      <c r="FF349" s="23"/>
      <c r="FG349" s="23"/>
      <c r="FH349" s="23"/>
      <c r="FI349" s="23"/>
      <c r="FJ349" s="23"/>
      <c r="FK349" s="23"/>
      <c r="FL349" s="23"/>
      <c r="FM349" s="23"/>
      <c r="FN349" s="23"/>
      <c r="FO349" s="23"/>
      <c r="FP349" s="23"/>
      <c r="FQ349" s="23"/>
      <c r="FR349" s="23"/>
      <c r="FS349" s="23"/>
      <c r="FT349" s="23"/>
      <c r="FU349" s="23"/>
      <c r="FV349" s="23"/>
      <c r="FW349" s="23"/>
      <c r="FX349" s="23"/>
      <c r="FY349" s="23"/>
      <c r="FZ349" s="23"/>
      <c r="GA349" s="23"/>
      <c r="GB349" s="23"/>
      <c r="GC349" s="23"/>
      <c r="GD349" s="23"/>
      <c r="GE349" s="23"/>
      <c r="GF349" s="23"/>
      <c r="GG349" s="23"/>
      <c r="GH349" s="23"/>
      <c r="GI349" s="23"/>
      <c r="GJ349" s="23"/>
      <c r="GK349" s="23"/>
      <c r="GL349" s="23"/>
      <c r="GM349" s="23"/>
      <c r="GN349" s="23"/>
      <c r="GO349" s="23"/>
      <c r="GP349" s="23"/>
      <c r="GQ349" s="23"/>
      <c r="GR349" s="23"/>
      <c r="GS349" s="23"/>
      <c r="GT349" s="23"/>
      <c r="GU349" s="23"/>
      <c r="GV349" s="23"/>
      <c r="GW349" s="23"/>
      <c r="GX349" s="23"/>
      <c r="GY349" s="23"/>
      <c r="GZ349" s="23"/>
      <c r="HA349" s="23"/>
      <c r="HB349" s="23"/>
      <c r="HC349" s="23"/>
      <c r="HD349" s="23"/>
      <c r="HE349" s="23"/>
      <c r="HF349" s="23"/>
      <c r="HG349" s="23"/>
      <c r="HH349" s="23"/>
      <c r="HI349" s="23"/>
      <c r="HJ349" s="23"/>
      <c r="HK349" s="23"/>
      <c r="HL349" s="23"/>
      <c r="HM349" s="23"/>
      <c r="HN349" s="23"/>
      <c r="HO349" s="23"/>
      <c r="HP349" s="23"/>
      <c r="HQ349" s="23"/>
      <c r="HR349" s="23"/>
      <c r="HS349" s="23"/>
      <c r="HT349" s="23"/>
      <c r="HU349" s="23"/>
      <c r="HV349" s="23"/>
      <c r="HW349" s="23"/>
      <c r="HX349" s="23"/>
      <c r="HY349" s="23"/>
      <c r="HZ349" s="23"/>
      <c r="IA349" s="23"/>
      <c r="IB349" s="23"/>
      <c r="IC349" s="23"/>
      <c r="ID349" s="23"/>
      <c r="IE349" s="23"/>
      <c r="IF349" s="23"/>
      <c r="IG349" s="23"/>
      <c r="IH349" s="23"/>
      <c r="II349" s="23"/>
      <c r="IJ349" s="23"/>
      <c r="IK349" s="23"/>
      <c r="IL349" s="23"/>
      <c r="IM349" s="23"/>
      <c r="IN349" s="23"/>
      <c r="IO349" s="23"/>
      <c r="IP349" s="23"/>
      <c r="IQ349" s="23"/>
    </row>
    <row r="350" spans="1:251" s="23" customFormat="1" ht="13.2">
      <c r="E350" s="56"/>
      <c r="F350" s="56"/>
      <c r="G350" s="56"/>
      <c r="H350" s="56"/>
      <c r="I350" s="56"/>
      <c r="J350" s="56"/>
      <c r="K350" s="56"/>
      <c r="L350" s="56"/>
      <c r="M350" s="56"/>
      <c r="N350" s="56"/>
      <c r="O350" s="56"/>
      <c r="P350" s="56"/>
      <c r="Q350" s="56"/>
      <c r="R350" s="56"/>
      <c r="S350" s="56"/>
      <c r="T350" s="56"/>
      <c r="U350" s="56"/>
      <c r="V350" s="56"/>
      <c r="W350" s="56"/>
      <c r="X350" s="56"/>
      <c r="Y350" s="56"/>
      <c r="Z350" s="56"/>
      <c r="AA350" s="56"/>
      <c r="AB350" s="56"/>
      <c r="AC350" s="56"/>
      <c r="AD350" s="56"/>
      <c r="AE350" s="56"/>
      <c r="AF350" s="56"/>
      <c r="AG350" s="56"/>
      <c r="AH350" s="56"/>
      <c r="AI350" s="56"/>
      <c r="AJ350" s="56"/>
      <c r="AK350" s="56"/>
      <c r="AL350" s="56"/>
      <c r="AM350" s="56"/>
      <c r="AN350" s="56"/>
      <c r="AO350" s="56"/>
      <c r="AP350" s="56"/>
      <c r="AQ350" s="56"/>
      <c r="AR350" s="56"/>
      <c r="AS350" s="56"/>
      <c r="AT350" s="56"/>
      <c r="AU350" s="56"/>
      <c r="AV350" s="56"/>
      <c r="AW350" s="56"/>
      <c r="AX350" s="56"/>
    </row>
    <row r="351" spans="1:251" s="23" customFormat="1" ht="19.2">
      <c r="A351" s="22" t="s">
        <v>86</v>
      </c>
      <c r="AW351" s="24"/>
      <c r="AX351" s="25"/>
      <c r="AY351" s="24"/>
    </row>
    <row r="352" spans="1:251" s="23" customFormat="1" ht="13.2"/>
    <row r="353" spans="1:113" s="23" customFormat="1">
      <c r="A353" s="26"/>
      <c r="B353" s="115" t="s">
        <v>87</v>
      </c>
      <c r="C353" s="153"/>
      <c r="D353" s="153"/>
      <c r="E353" s="153"/>
      <c r="F353" s="153"/>
      <c r="G353" s="153"/>
      <c r="H353" s="153"/>
      <c r="I353" s="153"/>
      <c r="J353" s="153"/>
      <c r="K353" s="153"/>
      <c r="L353" s="153"/>
      <c r="M353" s="153"/>
      <c r="N353" s="153"/>
      <c r="O353" s="153"/>
      <c r="P353" s="153"/>
      <c r="Q353" s="153"/>
      <c r="R353" s="153"/>
      <c r="S353" s="153"/>
      <c r="T353" s="153"/>
      <c r="U353" s="153"/>
      <c r="V353" s="153"/>
      <c r="W353" s="153"/>
      <c r="X353" s="153"/>
      <c r="Y353" s="153"/>
      <c r="Z353" s="153"/>
      <c r="AA353" s="153"/>
      <c r="AB353" s="153"/>
      <c r="AC353" s="153"/>
      <c r="AD353" s="153"/>
      <c r="AE353" s="153"/>
      <c r="AF353" s="153"/>
      <c r="AG353" s="153"/>
      <c r="AH353" s="153"/>
      <c r="AI353" s="153"/>
      <c r="AJ353" s="153"/>
      <c r="AK353" s="153"/>
      <c r="AL353" s="153"/>
      <c r="AM353" s="153"/>
      <c r="AN353" s="153"/>
      <c r="AO353" s="153"/>
      <c r="AP353" s="153"/>
      <c r="AQ353" s="153"/>
      <c r="AR353" s="153"/>
      <c r="AS353" s="153"/>
      <c r="AT353" s="153"/>
      <c r="AU353" s="153"/>
      <c r="AV353" s="153"/>
      <c r="AW353" s="153"/>
      <c r="AX353" s="153"/>
      <c r="AY353" s="26"/>
    </row>
    <row r="354" spans="1:113" s="23" customFormat="1" ht="13.2">
      <c r="Z354" s="27"/>
      <c r="AD354" s="27"/>
      <c r="AE354" s="27"/>
      <c r="AF354" s="27"/>
      <c r="AG354" s="27"/>
      <c r="AH354" s="27"/>
      <c r="AI354" s="27"/>
      <c r="AO354" s="27"/>
    </row>
    <row r="355" spans="1:113" s="23" customFormat="1" ht="13.8" thickBot="1">
      <c r="Z355" s="27"/>
      <c r="AD355" s="27"/>
      <c r="AE355" s="27"/>
      <c r="AF355" s="27"/>
      <c r="AG355" s="27"/>
      <c r="AH355" s="27"/>
      <c r="AI355" s="27"/>
      <c r="AO355" s="27"/>
      <c r="DI355" s="28"/>
    </row>
    <row r="356" spans="1:113" s="23" customFormat="1" ht="24.6" customHeight="1" thickBot="1">
      <c r="A356" s="116" t="s">
        <v>88</v>
      </c>
      <c r="B356" s="117"/>
      <c r="C356" s="117"/>
      <c r="D356" s="117"/>
      <c r="E356" s="117"/>
      <c r="F356" s="117"/>
      <c r="G356" s="117"/>
      <c r="H356" s="117"/>
      <c r="I356" s="117"/>
      <c r="J356" s="117"/>
      <c r="K356" s="118"/>
      <c r="L356" s="154">
        <v>11</v>
      </c>
      <c r="M356" s="154"/>
      <c r="N356" s="154"/>
      <c r="O356" s="155"/>
      <c r="P356" s="122" t="s">
        <v>89</v>
      </c>
      <c r="Q356" s="120"/>
      <c r="R356" s="120"/>
      <c r="S356" s="120"/>
      <c r="T356" s="120"/>
      <c r="U356" s="123"/>
      <c r="V356" s="156" t="s">
        <v>143</v>
      </c>
      <c r="W356" s="156"/>
      <c r="X356" s="156"/>
      <c r="Y356" s="156"/>
      <c r="Z356" s="156"/>
      <c r="AA356" s="156"/>
      <c r="AB356" s="156"/>
      <c r="AC356" s="156"/>
      <c r="AD356" s="156"/>
      <c r="AE356" s="156"/>
      <c r="AF356" s="156"/>
      <c r="AG356" s="156"/>
      <c r="AH356" s="156"/>
      <c r="AI356" s="156"/>
      <c r="AJ356" s="156"/>
      <c r="AK356" s="156"/>
      <c r="AL356" s="156"/>
      <c r="AM356" s="156"/>
      <c r="AN356" s="156"/>
      <c r="AO356" s="156"/>
      <c r="AP356" s="156"/>
      <c r="AQ356" s="156"/>
      <c r="AR356" s="156"/>
      <c r="AS356" s="156"/>
      <c r="AT356" s="156"/>
      <c r="AU356" s="156"/>
      <c r="AV356" s="156"/>
      <c r="AW356" s="156"/>
      <c r="AX356" s="157"/>
      <c r="DI356" s="28"/>
    </row>
    <row r="357" spans="1:113" s="23" customFormat="1" ht="14.4">
      <c r="A357" s="29"/>
      <c r="B357" s="29"/>
      <c r="C357" s="29"/>
      <c r="D357" s="29"/>
      <c r="E357" s="29"/>
      <c r="F357" s="29"/>
      <c r="G357" s="29"/>
      <c r="H357" s="29"/>
      <c r="I357" s="29"/>
      <c r="J357" s="29"/>
      <c r="K357" s="29"/>
      <c r="L357" s="30"/>
      <c r="M357" s="30"/>
      <c r="N357" s="30"/>
      <c r="O357" s="30"/>
      <c r="P357" s="29"/>
      <c r="Q357" s="29"/>
      <c r="R357" s="29"/>
      <c r="S357" s="29"/>
      <c r="T357" s="29"/>
      <c r="U357" s="29"/>
      <c r="V357" s="31"/>
      <c r="W357" s="31"/>
      <c r="X357" s="31"/>
      <c r="Y357" s="31"/>
      <c r="Z357" s="31"/>
      <c r="AA357" s="31"/>
      <c r="AB357" s="31"/>
      <c r="AC357" s="31"/>
      <c r="AD357" s="31"/>
      <c r="AE357" s="31"/>
      <c r="AF357" s="31"/>
      <c r="AG357" s="31"/>
      <c r="AH357" s="31"/>
      <c r="AI357" s="31"/>
      <c r="AJ357" s="31"/>
      <c r="AK357" s="31"/>
      <c r="AL357" s="31"/>
      <c r="AM357" s="31"/>
      <c r="AN357" s="31"/>
      <c r="AO357" s="31"/>
      <c r="AP357" s="31"/>
      <c r="AQ357" s="31"/>
      <c r="AR357" s="31"/>
      <c r="AS357" s="31"/>
      <c r="AT357" s="31"/>
      <c r="AU357" s="31"/>
      <c r="AV357" s="31"/>
      <c r="AW357" s="31"/>
      <c r="AX357" s="31"/>
      <c r="DI357" s="28"/>
    </row>
    <row r="358" spans="1:113" s="23" customFormat="1" ht="15" thickBot="1">
      <c r="A358" s="32"/>
      <c r="B358" s="33" t="s">
        <v>91</v>
      </c>
      <c r="C358" s="34"/>
      <c r="D358" s="34"/>
      <c r="E358" s="34"/>
      <c r="F358" s="34"/>
      <c r="G358" s="34"/>
      <c r="H358" s="34"/>
      <c r="I358" s="34"/>
      <c r="J358" s="34"/>
      <c r="K358" s="34"/>
      <c r="L358" s="35"/>
      <c r="M358" s="35"/>
      <c r="N358" s="35"/>
      <c r="O358" s="35"/>
      <c r="P358" s="34"/>
      <c r="Q358" s="34"/>
      <c r="R358" s="34"/>
      <c r="S358" s="34"/>
      <c r="T358" s="34"/>
      <c r="U358" s="34"/>
      <c r="V358" s="33"/>
      <c r="W358" s="33"/>
      <c r="X358" s="33"/>
      <c r="Y358" s="33"/>
      <c r="Z358" s="33"/>
      <c r="AA358" s="33"/>
      <c r="AB358" s="33"/>
      <c r="AC358" s="33"/>
      <c r="AD358" s="33"/>
      <c r="AE358" s="33"/>
      <c r="AF358" s="33"/>
      <c r="AG358" s="33"/>
      <c r="AH358" s="33"/>
      <c r="AI358" s="33"/>
      <c r="AJ358" s="33"/>
      <c r="AK358" s="33"/>
      <c r="AL358" s="33"/>
      <c r="AM358" s="33"/>
      <c r="AN358" s="33"/>
      <c r="AO358" s="33"/>
      <c r="AP358" s="33"/>
      <c r="AQ358" s="33"/>
      <c r="AR358" s="33"/>
      <c r="AS358" s="33"/>
      <c r="AT358" s="33"/>
      <c r="AU358" s="33"/>
      <c r="AV358" s="33"/>
      <c r="AW358" s="33"/>
      <c r="AX358" s="33"/>
      <c r="DI358" s="28"/>
    </row>
    <row r="359" spans="1:113" s="23" customFormat="1" ht="14.4">
      <c r="A359" s="34"/>
      <c r="B359" s="36"/>
      <c r="C359" s="29"/>
      <c r="D359" s="29"/>
      <c r="E359" s="29"/>
      <c r="F359" s="29"/>
      <c r="G359" s="29"/>
      <c r="H359" s="29"/>
      <c r="I359" s="29"/>
      <c r="J359" s="29"/>
      <c r="K359" s="29"/>
      <c r="L359" s="30"/>
      <c r="M359" s="30"/>
      <c r="N359" s="30"/>
      <c r="O359" s="30"/>
      <c r="P359" s="29"/>
      <c r="Q359" s="29"/>
      <c r="R359" s="29"/>
      <c r="S359" s="29"/>
      <c r="T359" s="29"/>
      <c r="U359" s="29"/>
      <c r="V359" s="31"/>
      <c r="W359" s="31"/>
      <c r="X359" s="31"/>
      <c r="Y359" s="31"/>
      <c r="Z359" s="31"/>
      <c r="AA359" s="31"/>
      <c r="AB359" s="31"/>
      <c r="AC359" s="31"/>
      <c r="AD359" s="31"/>
      <c r="AE359" s="31"/>
      <c r="AF359" s="31"/>
      <c r="AG359" s="31"/>
      <c r="AH359" s="31"/>
      <c r="AI359" s="31"/>
      <c r="AJ359" s="31"/>
      <c r="AK359" s="31"/>
      <c r="AL359" s="31"/>
      <c r="AM359" s="31"/>
      <c r="AN359" s="31"/>
      <c r="AO359" s="31"/>
      <c r="AP359" s="31"/>
      <c r="AQ359" s="31"/>
      <c r="AR359" s="31"/>
      <c r="AS359" s="31"/>
      <c r="AT359" s="31"/>
      <c r="AU359" s="31"/>
      <c r="AV359" s="31"/>
      <c r="AW359" s="31"/>
      <c r="AX359" s="37"/>
    </row>
    <row r="360" spans="1:113" s="23" customFormat="1" ht="10.8" customHeight="1">
      <c r="A360" s="34"/>
      <c r="B360" s="127" t="s">
        <v>144</v>
      </c>
      <c r="C360" s="128"/>
      <c r="D360" s="128"/>
      <c r="E360" s="128"/>
      <c r="F360" s="128"/>
      <c r="G360" s="128"/>
      <c r="H360" s="128"/>
      <c r="I360" s="128"/>
      <c r="J360" s="128"/>
      <c r="K360" s="128"/>
      <c r="L360" s="128"/>
      <c r="M360" s="128"/>
      <c r="N360" s="128"/>
      <c r="O360" s="128"/>
      <c r="P360" s="128"/>
      <c r="Q360" s="128"/>
      <c r="R360" s="128"/>
      <c r="S360" s="128"/>
      <c r="T360" s="128"/>
      <c r="U360" s="128"/>
      <c r="V360" s="128"/>
      <c r="W360" s="128"/>
      <c r="X360" s="128"/>
      <c r="Y360" s="128"/>
      <c r="Z360" s="128"/>
      <c r="AA360" s="128"/>
      <c r="AB360" s="128"/>
      <c r="AC360" s="128"/>
      <c r="AD360" s="128"/>
      <c r="AE360" s="128"/>
      <c r="AF360" s="128"/>
      <c r="AG360" s="128"/>
      <c r="AH360" s="128"/>
      <c r="AI360" s="128"/>
      <c r="AJ360" s="128"/>
      <c r="AK360" s="128"/>
      <c r="AL360" s="128"/>
      <c r="AM360" s="128"/>
      <c r="AN360" s="128"/>
      <c r="AO360" s="128"/>
      <c r="AP360" s="128"/>
      <c r="AQ360" s="128"/>
      <c r="AR360" s="128"/>
      <c r="AS360" s="128"/>
      <c r="AT360" s="128"/>
      <c r="AU360" s="128"/>
      <c r="AV360" s="128"/>
      <c r="AW360" s="128"/>
      <c r="AX360" s="129"/>
    </row>
    <row r="361" spans="1:113" s="23" customFormat="1" ht="10.8" customHeight="1">
      <c r="A361" s="34"/>
      <c r="B361" s="127"/>
      <c r="C361" s="128"/>
      <c r="D361" s="128"/>
      <c r="E361" s="128"/>
      <c r="F361" s="128"/>
      <c r="G361" s="128"/>
      <c r="H361" s="128"/>
      <c r="I361" s="128"/>
      <c r="J361" s="128"/>
      <c r="K361" s="128"/>
      <c r="L361" s="128"/>
      <c r="M361" s="128"/>
      <c r="N361" s="128"/>
      <c r="O361" s="128"/>
      <c r="P361" s="128"/>
      <c r="Q361" s="128"/>
      <c r="R361" s="128"/>
      <c r="S361" s="128"/>
      <c r="T361" s="128"/>
      <c r="U361" s="128"/>
      <c r="V361" s="128"/>
      <c r="W361" s="128"/>
      <c r="X361" s="128"/>
      <c r="Y361" s="128"/>
      <c r="Z361" s="128"/>
      <c r="AA361" s="128"/>
      <c r="AB361" s="128"/>
      <c r="AC361" s="128"/>
      <c r="AD361" s="128"/>
      <c r="AE361" s="128"/>
      <c r="AF361" s="128"/>
      <c r="AG361" s="128"/>
      <c r="AH361" s="128"/>
      <c r="AI361" s="128"/>
      <c r="AJ361" s="128"/>
      <c r="AK361" s="128"/>
      <c r="AL361" s="128"/>
      <c r="AM361" s="128"/>
      <c r="AN361" s="128"/>
      <c r="AO361" s="128"/>
      <c r="AP361" s="128"/>
      <c r="AQ361" s="128"/>
      <c r="AR361" s="128"/>
      <c r="AS361" s="128"/>
      <c r="AT361" s="128"/>
      <c r="AU361" s="128"/>
      <c r="AV361" s="128"/>
      <c r="AW361" s="128"/>
      <c r="AX361" s="129"/>
      <c r="BC361" s="17"/>
    </row>
    <row r="362" spans="1:113" s="23" customFormat="1" ht="10.8" customHeight="1">
      <c r="A362" s="34"/>
      <c r="B362" s="127"/>
      <c r="C362" s="128"/>
      <c r="D362" s="128"/>
      <c r="E362" s="128"/>
      <c r="F362" s="128"/>
      <c r="G362" s="128"/>
      <c r="H362" s="128"/>
      <c r="I362" s="128"/>
      <c r="J362" s="128"/>
      <c r="K362" s="128"/>
      <c r="L362" s="128"/>
      <c r="M362" s="128"/>
      <c r="N362" s="128"/>
      <c r="O362" s="128"/>
      <c r="P362" s="128"/>
      <c r="Q362" s="128"/>
      <c r="R362" s="128"/>
      <c r="S362" s="128"/>
      <c r="T362" s="128"/>
      <c r="U362" s="128"/>
      <c r="V362" s="128"/>
      <c r="W362" s="128"/>
      <c r="X362" s="128"/>
      <c r="Y362" s="128"/>
      <c r="Z362" s="128"/>
      <c r="AA362" s="128"/>
      <c r="AB362" s="128"/>
      <c r="AC362" s="128"/>
      <c r="AD362" s="128"/>
      <c r="AE362" s="128"/>
      <c r="AF362" s="128"/>
      <c r="AG362" s="128"/>
      <c r="AH362" s="128"/>
      <c r="AI362" s="128"/>
      <c r="AJ362" s="128"/>
      <c r="AK362" s="128"/>
      <c r="AL362" s="128"/>
      <c r="AM362" s="128"/>
      <c r="AN362" s="128"/>
      <c r="AO362" s="128"/>
      <c r="AP362" s="128"/>
      <c r="AQ362" s="128"/>
      <c r="AR362" s="128"/>
      <c r="AS362" s="128"/>
      <c r="AT362" s="128"/>
      <c r="AU362" s="128"/>
      <c r="AV362" s="128"/>
      <c r="AW362" s="128"/>
      <c r="AX362" s="129"/>
    </row>
    <row r="363" spans="1:113" s="23" customFormat="1" ht="10.8" customHeight="1">
      <c r="A363" s="34"/>
      <c r="B363" s="127"/>
      <c r="C363" s="128"/>
      <c r="D363" s="128"/>
      <c r="E363" s="128"/>
      <c r="F363" s="128"/>
      <c r="G363" s="128"/>
      <c r="H363" s="128"/>
      <c r="I363" s="128"/>
      <c r="J363" s="128"/>
      <c r="K363" s="128"/>
      <c r="L363" s="128"/>
      <c r="M363" s="128"/>
      <c r="N363" s="128"/>
      <c r="O363" s="128"/>
      <c r="P363" s="128"/>
      <c r="Q363" s="128"/>
      <c r="R363" s="128"/>
      <c r="S363" s="128"/>
      <c r="T363" s="128"/>
      <c r="U363" s="128"/>
      <c r="V363" s="128"/>
      <c r="W363" s="128"/>
      <c r="X363" s="128"/>
      <c r="Y363" s="128"/>
      <c r="Z363" s="128"/>
      <c r="AA363" s="128"/>
      <c r="AB363" s="128"/>
      <c r="AC363" s="128"/>
      <c r="AD363" s="128"/>
      <c r="AE363" s="128"/>
      <c r="AF363" s="128"/>
      <c r="AG363" s="128"/>
      <c r="AH363" s="128"/>
      <c r="AI363" s="128"/>
      <c r="AJ363" s="128"/>
      <c r="AK363" s="128"/>
      <c r="AL363" s="128"/>
      <c r="AM363" s="128"/>
      <c r="AN363" s="128"/>
      <c r="AO363" s="128"/>
      <c r="AP363" s="128"/>
      <c r="AQ363" s="128"/>
      <c r="AR363" s="128"/>
      <c r="AS363" s="128"/>
      <c r="AT363" s="128"/>
      <c r="AU363" s="128"/>
      <c r="AV363" s="128"/>
      <c r="AW363" s="128"/>
      <c r="AX363" s="129"/>
    </row>
    <row r="364" spans="1:113" s="23" customFormat="1" ht="10.8" customHeight="1">
      <c r="A364" s="34"/>
      <c r="B364" s="127"/>
      <c r="C364" s="128"/>
      <c r="D364" s="128"/>
      <c r="E364" s="128"/>
      <c r="F364" s="128"/>
      <c r="G364" s="128"/>
      <c r="H364" s="128"/>
      <c r="I364" s="128"/>
      <c r="J364" s="128"/>
      <c r="K364" s="128"/>
      <c r="L364" s="128"/>
      <c r="M364" s="128"/>
      <c r="N364" s="128"/>
      <c r="O364" s="128"/>
      <c r="P364" s="128"/>
      <c r="Q364" s="128"/>
      <c r="R364" s="128"/>
      <c r="S364" s="128"/>
      <c r="T364" s="128"/>
      <c r="U364" s="128"/>
      <c r="V364" s="128"/>
      <c r="W364" s="128"/>
      <c r="X364" s="128"/>
      <c r="Y364" s="128"/>
      <c r="Z364" s="128"/>
      <c r="AA364" s="128"/>
      <c r="AB364" s="128"/>
      <c r="AC364" s="128"/>
      <c r="AD364" s="128"/>
      <c r="AE364" s="128"/>
      <c r="AF364" s="128"/>
      <c r="AG364" s="128"/>
      <c r="AH364" s="128"/>
      <c r="AI364" s="128"/>
      <c r="AJ364" s="128"/>
      <c r="AK364" s="128"/>
      <c r="AL364" s="128"/>
      <c r="AM364" s="128"/>
      <c r="AN364" s="128"/>
      <c r="AO364" s="128"/>
      <c r="AP364" s="128"/>
      <c r="AQ364" s="128"/>
      <c r="AR364" s="128"/>
      <c r="AS364" s="128"/>
      <c r="AT364" s="128"/>
      <c r="AU364" s="128"/>
      <c r="AV364" s="128"/>
      <c r="AW364" s="128"/>
      <c r="AX364" s="129"/>
    </row>
    <row r="365" spans="1:113" s="23" customFormat="1" ht="10.8" customHeight="1">
      <c r="A365" s="34"/>
      <c r="B365" s="127"/>
      <c r="C365" s="128"/>
      <c r="D365" s="128"/>
      <c r="E365" s="128"/>
      <c r="F365" s="128"/>
      <c r="G365" s="128"/>
      <c r="H365" s="128"/>
      <c r="I365" s="128"/>
      <c r="J365" s="128"/>
      <c r="K365" s="128"/>
      <c r="L365" s="128"/>
      <c r="M365" s="128"/>
      <c r="N365" s="128"/>
      <c r="O365" s="128"/>
      <c r="P365" s="128"/>
      <c r="Q365" s="128"/>
      <c r="R365" s="128"/>
      <c r="S365" s="128"/>
      <c r="T365" s="128"/>
      <c r="U365" s="128"/>
      <c r="V365" s="128"/>
      <c r="W365" s="128"/>
      <c r="X365" s="128"/>
      <c r="Y365" s="128"/>
      <c r="Z365" s="128"/>
      <c r="AA365" s="128"/>
      <c r="AB365" s="128"/>
      <c r="AC365" s="128"/>
      <c r="AD365" s="128"/>
      <c r="AE365" s="128"/>
      <c r="AF365" s="128"/>
      <c r="AG365" s="128"/>
      <c r="AH365" s="128"/>
      <c r="AI365" s="128"/>
      <c r="AJ365" s="128"/>
      <c r="AK365" s="128"/>
      <c r="AL365" s="128"/>
      <c r="AM365" s="128"/>
      <c r="AN365" s="128"/>
      <c r="AO365" s="128"/>
      <c r="AP365" s="128"/>
      <c r="AQ365" s="128"/>
      <c r="AR365" s="128"/>
      <c r="AS365" s="128"/>
      <c r="AT365" s="128"/>
      <c r="AU365" s="128"/>
      <c r="AV365" s="128"/>
      <c r="AW365" s="128"/>
      <c r="AX365" s="129"/>
    </row>
    <row r="366" spans="1:113" s="23" customFormat="1" ht="10.8" customHeight="1">
      <c r="A366" s="34"/>
      <c r="B366" s="127"/>
      <c r="C366" s="128"/>
      <c r="D366" s="128"/>
      <c r="E366" s="128"/>
      <c r="F366" s="128"/>
      <c r="G366" s="128"/>
      <c r="H366" s="128"/>
      <c r="I366" s="128"/>
      <c r="J366" s="128"/>
      <c r="K366" s="128"/>
      <c r="L366" s="128"/>
      <c r="M366" s="128"/>
      <c r="N366" s="128"/>
      <c r="O366" s="128"/>
      <c r="P366" s="128"/>
      <c r="Q366" s="128"/>
      <c r="R366" s="128"/>
      <c r="S366" s="128"/>
      <c r="T366" s="128"/>
      <c r="U366" s="128"/>
      <c r="V366" s="128"/>
      <c r="W366" s="128"/>
      <c r="X366" s="128"/>
      <c r="Y366" s="128"/>
      <c r="Z366" s="128"/>
      <c r="AA366" s="128"/>
      <c r="AB366" s="128"/>
      <c r="AC366" s="128"/>
      <c r="AD366" s="128"/>
      <c r="AE366" s="128"/>
      <c r="AF366" s="128"/>
      <c r="AG366" s="128"/>
      <c r="AH366" s="128"/>
      <c r="AI366" s="128"/>
      <c r="AJ366" s="128"/>
      <c r="AK366" s="128"/>
      <c r="AL366" s="128"/>
      <c r="AM366" s="128"/>
      <c r="AN366" s="128"/>
      <c r="AO366" s="128"/>
      <c r="AP366" s="128"/>
      <c r="AQ366" s="128"/>
      <c r="AR366" s="128"/>
      <c r="AS366" s="128"/>
      <c r="AT366" s="128"/>
      <c r="AU366" s="128"/>
      <c r="AV366" s="128"/>
      <c r="AW366" s="128"/>
      <c r="AX366" s="129"/>
    </row>
    <row r="367" spans="1:113" s="23" customFormat="1" ht="10.8" customHeight="1">
      <c r="A367" s="34"/>
      <c r="B367" s="127"/>
      <c r="C367" s="128"/>
      <c r="D367" s="128"/>
      <c r="E367" s="128"/>
      <c r="F367" s="128"/>
      <c r="G367" s="128"/>
      <c r="H367" s="128"/>
      <c r="I367" s="128"/>
      <c r="J367" s="128"/>
      <c r="K367" s="128"/>
      <c r="L367" s="128"/>
      <c r="M367" s="128"/>
      <c r="N367" s="128"/>
      <c r="O367" s="128"/>
      <c r="P367" s="128"/>
      <c r="Q367" s="128"/>
      <c r="R367" s="128"/>
      <c r="S367" s="128"/>
      <c r="T367" s="128"/>
      <c r="U367" s="128"/>
      <c r="V367" s="128"/>
      <c r="W367" s="128"/>
      <c r="X367" s="128"/>
      <c r="Y367" s="128"/>
      <c r="Z367" s="128"/>
      <c r="AA367" s="128"/>
      <c r="AB367" s="128"/>
      <c r="AC367" s="128"/>
      <c r="AD367" s="128"/>
      <c r="AE367" s="128"/>
      <c r="AF367" s="128"/>
      <c r="AG367" s="128"/>
      <c r="AH367" s="128"/>
      <c r="AI367" s="128"/>
      <c r="AJ367" s="128"/>
      <c r="AK367" s="128"/>
      <c r="AL367" s="128"/>
      <c r="AM367" s="128"/>
      <c r="AN367" s="128"/>
      <c r="AO367" s="128"/>
      <c r="AP367" s="128"/>
      <c r="AQ367" s="128"/>
      <c r="AR367" s="128"/>
      <c r="AS367" s="128"/>
      <c r="AT367" s="128"/>
      <c r="AU367" s="128"/>
      <c r="AV367" s="128"/>
      <c r="AW367" s="128"/>
      <c r="AX367" s="129"/>
    </row>
    <row r="368" spans="1:113" s="23" customFormat="1" ht="10.8" customHeight="1">
      <c r="A368" s="34"/>
      <c r="B368" s="127"/>
      <c r="C368" s="128"/>
      <c r="D368" s="128"/>
      <c r="E368" s="128"/>
      <c r="F368" s="128"/>
      <c r="G368" s="128"/>
      <c r="H368" s="128"/>
      <c r="I368" s="128"/>
      <c r="J368" s="128"/>
      <c r="K368" s="128"/>
      <c r="L368" s="128"/>
      <c r="M368" s="128"/>
      <c r="N368" s="128"/>
      <c r="O368" s="128"/>
      <c r="P368" s="128"/>
      <c r="Q368" s="128"/>
      <c r="R368" s="128"/>
      <c r="S368" s="128"/>
      <c r="T368" s="128"/>
      <c r="U368" s="128"/>
      <c r="V368" s="128"/>
      <c r="W368" s="128"/>
      <c r="X368" s="128"/>
      <c r="Y368" s="128"/>
      <c r="Z368" s="128"/>
      <c r="AA368" s="128"/>
      <c r="AB368" s="128"/>
      <c r="AC368" s="128"/>
      <c r="AD368" s="128"/>
      <c r="AE368" s="128"/>
      <c r="AF368" s="128"/>
      <c r="AG368" s="128"/>
      <c r="AH368" s="128"/>
      <c r="AI368" s="128"/>
      <c r="AJ368" s="128"/>
      <c r="AK368" s="128"/>
      <c r="AL368" s="128"/>
      <c r="AM368" s="128"/>
      <c r="AN368" s="128"/>
      <c r="AO368" s="128"/>
      <c r="AP368" s="128"/>
      <c r="AQ368" s="128"/>
      <c r="AR368" s="128"/>
      <c r="AS368" s="128"/>
      <c r="AT368" s="128"/>
      <c r="AU368" s="128"/>
      <c r="AV368" s="128"/>
      <c r="AW368" s="128"/>
      <c r="AX368" s="129"/>
    </row>
    <row r="369" spans="1:251" s="23" customFormat="1" ht="10.8" customHeight="1">
      <c r="A369" s="34"/>
      <c r="B369" s="127"/>
      <c r="C369" s="128"/>
      <c r="D369" s="128"/>
      <c r="E369" s="128"/>
      <c r="F369" s="128"/>
      <c r="G369" s="128"/>
      <c r="H369" s="128"/>
      <c r="I369" s="128"/>
      <c r="J369" s="128"/>
      <c r="K369" s="128"/>
      <c r="L369" s="128"/>
      <c r="M369" s="128"/>
      <c r="N369" s="128"/>
      <c r="O369" s="128"/>
      <c r="P369" s="128"/>
      <c r="Q369" s="128"/>
      <c r="R369" s="128"/>
      <c r="S369" s="128"/>
      <c r="T369" s="128"/>
      <c r="U369" s="128"/>
      <c r="V369" s="128"/>
      <c r="W369" s="128"/>
      <c r="X369" s="128"/>
      <c r="Y369" s="128"/>
      <c r="Z369" s="128"/>
      <c r="AA369" s="128"/>
      <c r="AB369" s="128"/>
      <c r="AC369" s="128"/>
      <c r="AD369" s="128"/>
      <c r="AE369" s="128"/>
      <c r="AF369" s="128"/>
      <c r="AG369" s="128"/>
      <c r="AH369" s="128"/>
      <c r="AI369" s="128"/>
      <c r="AJ369" s="128"/>
      <c r="AK369" s="128"/>
      <c r="AL369" s="128"/>
      <c r="AM369" s="128"/>
      <c r="AN369" s="128"/>
      <c r="AO369" s="128"/>
      <c r="AP369" s="128"/>
      <c r="AQ369" s="128"/>
      <c r="AR369" s="128"/>
      <c r="AS369" s="128"/>
      <c r="AT369" s="128"/>
      <c r="AU369" s="128"/>
      <c r="AV369" s="128"/>
      <c r="AW369" s="128"/>
      <c r="AX369" s="129"/>
    </row>
    <row r="370" spans="1:251" s="23" customFormat="1" ht="15" thickBot="1">
      <c r="A370" s="38"/>
      <c r="B370" s="39"/>
      <c r="C370" s="40"/>
      <c r="D370" s="40"/>
      <c r="E370" s="40"/>
      <c r="F370" s="40"/>
      <c r="G370" s="40"/>
      <c r="H370" s="40"/>
      <c r="I370" s="40"/>
      <c r="J370" s="40"/>
      <c r="K370" s="40"/>
      <c r="L370" s="40"/>
      <c r="M370" s="40"/>
      <c r="N370" s="40"/>
      <c r="O370" s="40"/>
      <c r="P370" s="40"/>
      <c r="Q370" s="40"/>
      <c r="R370" s="40"/>
      <c r="S370" s="40"/>
      <c r="T370" s="40"/>
      <c r="U370" s="40"/>
      <c r="V370" s="40"/>
      <c r="W370" s="40"/>
      <c r="X370" s="40"/>
      <c r="Y370" s="40"/>
      <c r="Z370" s="40"/>
      <c r="AA370" s="40"/>
      <c r="AB370" s="40"/>
      <c r="AC370" s="40"/>
      <c r="AD370" s="40"/>
      <c r="AE370" s="40"/>
      <c r="AF370" s="40"/>
      <c r="AG370" s="40"/>
      <c r="AH370" s="40"/>
      <c r="AI370" s="40"/>
      <c r="AJ370" s="40"/>
      <c r="AK370" s="40"/>
      <c r="AL370" s="40"/>
      <c r="AM370" s="40"/>
      <c r="AN370" s="40"/>
      <c r="AO370" s="40"/>
      <c r="AP370" s="40"/>
      <c r="AQ370" s="40"/>
      <c r="AR370" s="40"/>
      <c r="AS370" s="40"/>
      <c r="AT370" s="40"/>
      <c r="AU370" s="40"/>
      <c r="AV370" s="40"/>
      <c r="AW370" s="40"/>
      <c r="AX370" s="41"/>
    </row>
    <row r="371" spans="1:251" s="23" customFormat="1" ht="13.2">
      <c r="B371" s="42"/>
    </row>
    <row r="372" spans="1:251" s="23" customFormat="1" ht="14.4">
      <c r="B372" s="33" t="s">
        <v>93</v>
      </c>
      <c r="C372" s="34"/>
      <c r="D372" s="34"/>
      <c r="E372" s="34"/>
      <c r="F372" s="34"/>
      <c r="G372" s="34"/>
      <c r="H372" s="34"/>
      <c r="I372" s="34"/>
      <c r="J372" s="34"/>
      <c r="K372" s="34"/>
      <c r="L372" s="35"/>
      <c r="M372" s="35"/>
      <c r="N372" s="35"/>
      <c r="O372" s="35"/>
      <c r="P372" s="34"/>
      <c r="Q372" s="34"/>
      <c r="R372" s="34"/>
      <c r="S372" s="34"/>
      <c r="T372" s="34"/>
      <c r="U372" s="34"/>
      <c r="V372" s="33"/>
      <c r="W372" s="33"/>
      <c r="X372" s="33"/>
      <c r="Y372" s="33"/>
      <c r="Z372" s="33"/>
      <c r="AA372" s="33"/>
      <c r="AB372" s="33"/>
      <c r="AC372" s="33"/>
      <c r="AD372" s="33"/>
      <c r="AE372" s="33"/>
      <c r="AF372" s="33"/>
      <c r="AG372" s="33"/>
      <c r="AH372" s="33"/>
      <c r="AI372" s="33"/>
      <c r="AJ372" s="33"/>
      <c r="AK372" s="33"/>
      <c r="AL372" s="33"/>
      <c r="AM372" s="33"/>
      <c r="AN372" s="33"/>
      <c r="AO372" s="33"/>
      <c r="AP372" s="33"/>
      <c r="AQ372" s="33"/>
      <c r="AR372" s="33"/>
      <c r="AS372" s="33"/>
      <c r="AT372" s="33"/>
      <c r="AU372" s="33"/>
      <c r="AV372" s="33"/>
      <c r="AW372" s="33"/>
      <c r="AX372" s="33"/>
    </row>
    <row r="373" spans="1:251" s="23" customFormat="1" ht="15" thickBot="1">
      <c r="B373" s="33"/>
      <c r="C373" s="34"/>
      <c r="D373" s="34"/>
      <c r="E373" s="34"/>
      <c r="F373" s="34"/>
      <c r="G373" s="34"/>
      <c r="H373" s="34"/>
      <c r="I373" s="34"/>
      <c r="J373" s="34"/>
      <c r="K373" s="34"/>
      <c r="L373" s="35"/>
      <c r="M373" s="35"/>
      <c r="N373" s="35"/>
      <c r="O373" s="35"/>
      <c r="P373" s="34"/>
      <c r="Q373" s="34"/>
      <c r="R373" s="34"/>
      <c r="S373" s="34"/>
      <c r="T373" s="34"/>
      <c r="U373" s="34"/>
      <c r="V373" s="33"/>
      <c r="W373" s="33"/>
      <c r="X373" s="33"/>
      <c r="Y373" s="33"/>
      <c r="Z373" s="33"/>
      <c r="AA373" s="33"/>
      <c r="AB373" s="33"/>
      <c r="AC373" s="33"/>
      <c r="AD373" s="33"/>
      <c r="AE373" s="33"/>
      <c r="AF373" s="33"/>
      <c r="AG373" s="33"/>
      <c r="AH373" s="33"/>
      <c r="AI373" s="33"/>
      <c r="AJ373" s="33"/>
      <c r="AK373" s="33"/>
      <c r="AL373" s="33"/>
      <c r="AM373" s="33"/>
      <c r="AN373" s="33"/>
      <c r="AO373" s="33"/>
      <c r="AP373" s="33"/>
      <c r="AQ373" s="33"/>
      <c r="AR373" s="33"/>
      <c r="AS373" s="33"/>
      <c r="AT373" s="33"/>
      <c r="AU373" s="33"/>
      <c r="AV373" s="33"/>
      <c r="AW373" s="33"/>
      <c r="AX373" s="43" t="s">
        <v>94</v>
      </c>
    </row>
    <row r="374" spans="1:251" s="50" customFormat="1" ht="13.5" customHeight="1">
      <c r="A374" s="34"/>
      <c r="B374" s="139" t="s">
        <v>95</v>
      </c>
      <c r="C374" s="203"/>
      <c r="D374" s="203"/>
      <c r="E374" s="203"/>
      <c r="F374" s="203"/>
      <c r="G374" s="203"/>
      <c r="H374" s="203"/>
      <c r="I374" s="203"/>
      <c r="J374" s="203"/>
      <c r="K374" s="203"/>
      <c r="L374" s="203"/>
      <c r="M374" s="203"/>
      <c r="N374" s="203"/>
      <c r="O374" s="203"/>
      <c r="P374" s="203"/>
      <c r="Q374" s="203"/>
      <c r="R374" s="203"/>
      <c r="S374" s="203"/>
      <c r="T374" s="203"/>
      <c r="U374" s="203"/>
      <c r="V374" s="203"/>
      <c r="W374" s="203"/>
      <c r="X374" s="203"/>
      <c r="Y374" s="203"/>
      <c r="Z374" s="204"/>
      <c r="AA374" s="145" t="s">
        <v>116</v>
      </c>
      <c r="AB374" s="203"/>
      <c r="AC374" s="203"/>
      <c r="AD374" s="203"/>
      <c r="AE374" s="203"/>
      <c r="AF374" s="203"/>
      <c r="AG374" s="203"/>
      <c r="AH374" s="203"/>
      <c r="AI374" s="204"/>
      <c r="AJ374" s="145" t="s">
        <v>117</v>
      </c>
      <c r="AK374" s="203"/>
      <c r="AL374" s="203"/>
      <c r="AM374" s="203"/>
      <c r="AN374" s="203"/>
      <c r="AO374" s="203"/>
      <c r="AP374" s="203"/>
      <c r="AQ374" s="203"/>
      <c r="AR374" s="204"/>
      <c r="AS374" s="145" t="s">
        <v>98</v>
      </c>
      <c r="AT374" s="203"/>
      <c r="AU374" s="203"/>
      <c r="AV374" s="203"/>
      <c r="AW374" s="203"/>
      <c r="AX374" s="209"/>
      <c r="AY374" s="23"/>
      <c r="AZ374" s="23"/>
      <c r="BA374" s="23"/>
      <c r="BB374" s="23"/>
      <c r="BC374" s="23"/>
      <c r="BD374" s="23"/>
      <c r="BE374" s="23"/>
      <c r="BF374" s="23"/>
      <c r="BG374" s="23"/>
      <c r="BH374" s="23"/>
      <c r="BI374" s="23"/>
      <c r="BJ374" s="23"/>
      <c r="BK374" s="23"/>
      <c r="BL374" s="23"/>
      <c r="BM374" s="23"/>
      <c r="BN374" s="23"/>
      <c r="BO374" s="23"/>
      <c r="BP374" s="23"/>
      <c r="BQ374" s="23"/>
      <c r="BR374" s="23"/>
      <c r="BS374" s="23"/>
      <c r="BT374" s="23"/>
      <c r="BU374" s="23"/>
      <c r="BV374" s="23"/>
      <c r="BW374" s="23"/>
      <c r="BX374" s="23"/>
      <c r="BY374" s="23"/>
      <c r="BZ374" s="23"/>
      <c r="CA374" s="23"/>
      <c r="CB374" s="23"/>
      <c r="CC374" s="23"/>
      <c r="CD374" s="23"/>
      <c r="CE374" s="23"/>
      <c r="CF374" s="23"/>
      <c r="CG374" s="23"/>
      <c r="CH374" s="23"/>
      <c r="CI374" s="23"/>
      <c r="CJ374" s="23"/>
      <c r="CK374" s="23"/>
      <c r="CL374" s="23"/>
      <c r="CM374" s="23"/>
      <c r="CN374" s="23"/>
      <c r="CO374" s="23"/>
      <c r="CP374" s="23"/>
      <c r="CQ374" s="23"/>
      <c r="CR374" s="23"/>
      <c r="CS374" s="23"/>
      <c r="CT374" s="23"/>
      <c r="CU374" s="23"/>
      <c r="CV374" s="23"/>
      <c r="CW374" s="23"/>
      <c r="CX374" s="23"/>
      <c r="CY374" s="23"/>
      <c r="CZ374" s="23"/>
      <c r="DA374" s="23"/>
      <c r="DB374" s="23"/>
      <c r="DC374" s="23"/>
      <c r="DD374" s="23"/>
      <c r="DE374" s="23"/>
      <c r="DF374" s="23"/>
      <c r="DG374" s="23"/>
      <c r="DH374" s="23"/>
      <c r="DI374" s="23"/>
      <c r="DJ374" s="23"/>
      <c r="DK374" s="23"/>
      <c r="DL374" s="23"/>
      <c r="DM374" s="23"/>
      <c r="DN374" s="23"/>
      <c r="DO374" s="23"/>
      <c r="DP374" s="23"/>
      <c r="DQ374" s="23"/>
      <c r="DR374" s="23"/>
      <c r="DS374" s="23"/>
      <c r="DT374" s="23"/>
      <c r="DU374" s="23"/>
      <c r="DV374" s="23"/>
      <c r="DW374" s="23"/>
      <c r="DX374" s="23"/>
      <c r="DY374" s="23"/>
      <c r="DZ374" s="23"/>
      <c r="EA374" s="23"/>
      <c r="EB374" s="23"/>
      <c r="EC374" s="23"/>
      <c r="ED374" s="23"/>
      <c r="EE374" s="23"/>
      <c r="EF374" s="23"/>
      <c r="EG374" s="23"/>
      <c r="EH374" s="23"/>
      <c r="EI374" s="23"/>
      <c r="EJ374" s="23"/>
      <c r="EK374" s="23"/>
      <c r="EL374" s="23"/>
      <c r="EM374" s="23"/>
      <c r="EN374" s="23"/>
      <c r="EO374" s="23"/>
      <c r="EP374" s="23"/>
      <c r="EQ374" s="23"/>
      <c r="ER374" s="23"/>
      <c r="ES374" s="23"/>
      <c r="ET374" s="23"/>
      <c r="EU374" s="23"/>
      <c r="EV374" s="23"/>
      <c r="EW374" s="23"/>
      <c r="EX374" s="23"/>
      <c r="EY374" s="23"/>
      <c r="EZ374" s="23"/>
      <c r="FA374" s="23"/>
      <c r="FB374" s="23"/>
      <c r="FC374" s="23"/>
      <c r="FD374" s="23"/>
      <c r="FE374" s="23"/>
      <c r="FF374" s="23"/>
      <c r="FG374" s="23"/>
      <c r="FH374" s="23"/>
      <c r="FI374" s="23"/>
      <c r="FJ374" s="23"/>
      <c r="FK374" s="23"/>
      <c r="FL374" s="23"/>
      <c r="FM374" s="23"/>
      <c r="FN374" s="23"/>
      <c r="FO374" s="23"/>
      <c r="FP374" s="23"/>
      <c r="FQ374" s="23"/>
      <c r="FR374" s="23"/>
      <c r="FS374" s="23"/>
      <c r="FT374" s="23"/>
      <c r="FU374" s="23"/>
      <c r="FV374" s="23"/>
      <c r="FW374" s="23"/>
      <c r="FX374" s="23"/>
      <c r="FY374" s="23"/>
      <c r="FZ374" s="23"/>
      <c r="GA374" s="23"/>
      <c r="GB374" s="23"/>
      <c r="GC374" s="23"/>
      <c r="GD374" s="23"/>
      <c r="GE374" s="23"/>
      <c r="GF374" s="23"/>
      <c r="GG374" s="23"/>
      <c r="GH374" s="23"/>
      <c r="GI374" s="23"/>
      <c r="GJ374" s="23"/>
      <c r="GK374" s="23"/>
      <c r="GL374" s="23"/>
      <c r="GM374" s="23"/>
      <c r="GN374" s="23"/>
      <c r="GO374" s="23"/>
      <c r="GP374" s="23"/>
      <c r="GQ374" s="23"/>
      <c r="GR374" s="23"/>
      <c r="GS374" s="23"/>
      <c r="GT374" s="23"/>
      <c r="GU374" s="23"/>
      <c r="GV374" s="23"/>
      <c r="GW374" s="23"/>
      <c r="GX374" s="23"/>
      <c r="GY374" s="23"/>
      <c r="GZ374" s="23"/>
      <c r="HA374" s="23"/>
      <c r="HB374" s="23"/>
      <c r="HC374" s="23"/>
      <c r="HD374" s="23"/>
      <c r="HE374" s="23"/>
      <c r="HF374" s="23"/>
      <c r="HG374" s="23"/>
      <c r="HH374" s="23"/>
      <c r="HI374" s="23"/>
      <c r="HJ374" s="23"/>
      <c r="HK374" s="23"/>
      <c r="HL374" s="23"/>
      <c r="HM374" s="23"/>
      <c r="HN374" s="23"/>
      <c r="HO374" s="23"/>
      <c r="HP374" s="23"/>
      <c r="HQ374" s="23"/>
      <c r="HR374" s="23"/>
      <c r="HS374" s="23"/>
      <c r="HT374" s="23"/>
      <c r="HU374" s="23"/>
      <c r="HV374" s="23"/>
      <c r="HW374" s="23"/>
      <c r="HX374" s="23"/>
      <c r="HY374" s="23"/>
      <c r="HZ374" s="23"/>
      <c r="IA374" s="23"/>
      <c r="IB374" s="23"/>
      <c r="IC374" s="23"/>
      <c r="ID374" s="23"/>
      <c r="IE374" s="23"/>
      <c r="IF374" s="23"/>
      <c r="IG374" s="23"/>
      <c r="IH374" s="23"/>
      <c r="II374" s="23"/>
      <c r="IJ374" s="23"/>
      <c r="IK374" s="23"/>
      <c r="IL374" s="23"/>
      <c r="IM374" s="23"/>
      <c r="IN374" s="23"/>
      <c r="IO374" s="23"/>
      <c r="IP374" s="23"/>
      <c r="IQ374" s="23"/>
    </row>
    <row r="375" spans="1:251" s="50" customFormat="1">
      <c r="A375" s="34"/>
      <c r="B375" s="205"/>
      <c r="C375" s="206"/>
      <c r="D375" s="206"/>
      <c r="E375" s="206"/>
      <c r="F375" s="206"/>
      <c r="G375" s="206"/>
      <c r="H375" s="206"/>
      <c r="I375" s="206"/>
      <c r="J375" s="206"/>
      <c r="K375" s="206"/>
      <c r="L375" s="206"/>
      <c r="M375" s="206"/>
      <c r="N375" s="206"/>
      <c r="O375" s="206"/>
      <c r="P375" s="206"/>
      <c r="Q375" s="206"/>
      <c r="R375" s="206"/>
      <c r="S375" s="206"/>
      <c r="T375" s="206"/>
      <c r="U375" s="206"/>
      <c r="V375" s="206"/>
      <c r="W375" s="206"/>
      <c r="X375" s="206"/>
      <c r="Y375" s="206"/>
      <c r="Z375" s="207"/>
      <c r="AA375" s="208"/>
      <c r="AB375" s="206"/>
      <c r="AC375" s="206"/>
      <c r="AD375" s="206"/>
      <c r="AE375" s="206"/>
      <c r="AF375" s="206"/>
      <c r="AG375" s="206"/>
      <c r="AH375" s="206"/>
      <c r="AI375" s="207"/>
      <c r="AJ375" s="208"/>
      <c r="AK375" s="206"/>
      <c r="AL375" s="206"/>
      <c r="AM375" s="206"/>
      <c r="AN375" s="206"/>
      <c r="AO375" s="206"/>
      <c r="AP375" s="206"/>
      <c r="AQ375" s="206"/>
      <c r="AR375" s="207"/>
      <c r="AS375" s="208"/>
      <c r="AT375" s="206"/>
      <c r="AU375" s="206"/>
      <c r="AV375" s="206"/>
      <c r="AW375" s="206"/>
      <c r="AX375" s="210"/>
      <c r="AY375" s="23"/>
      <c r="AZ375" s="23"/>
      <c r="BA375" s="23"/>
      <c r="BB375"/>
      <c r="BC375" s="45"/>
      <c r="BE375" s="23"/>
      <c r="BF375" s="23"/>
      <c r="BG375" s="23"/>
      <c r="BH375" s="23"/>
      <c r="BI375" s="23"/>
      <c r="BJ375" s="23"/>
      <c r="BK375" s="23"/>
      <c r="BL375" s="23"/>
      <c r="BM375" s="23"/>
      <c r="BN375" s="23"/>
      <c r="BO375" s="23"/>
      <c r="BP375" s="23"/>
      <c r="BQ375" s="23"/>
      <c r="BR375" s="23"/>
      <c r="BS375" s="23"/>
      <c r="BT375" s="23"/>
      <c r="BU375" s="23"/>
      <c r="BV375" s="23"/>
      <c r="BW375" s="23"/>
      <c r="BX375" s="23"/>
      <c r="BY375" s="23"/>
      <c r="BZ375" s="23"/>
      <c r="CA375" s="23"/>
      <c r="CB375" s="23"/>
      <c r="CC375" s="23"/>
      <c r="CD375" s="23"/>
      <c r="CE375" s="23"/>
      <c r="CF375" s="23"/>
      <c r="CG375" s="23"/>
      <c r="CH375" s="23"/>
      <c r="CI375" s="23"/>
      <c r="CJ375" s="23"/>
      <c r="CK375" s="23"/>
      <c r="CL375" s="23"/>
      <c r="CM375" s="23"/>
      <c r="CN375" s="23"/>
      <c r="CO375" s="23"/>
      <c r="CP375" s="23"/>
      <c r="CQ375" s="23"/>
      <c r="CR375" s="23"/>
      <c r="CS375" s="23"/>
      <c r="CT375" s="23"/>
      <c r="CU375" s="23"/>
      <c r="CV375" s="23"/>
      <c r="CW375" s="23"/>
      <c r="CX375" s="23"/>
      <c r="CY375" s="23"/>
      <c r="CZ375" s="23"/>
      <c r="DA375" s="23"/>
      <c r="DB375" s="23"/>
      <c r="DC375" s="23"/>
      <c r="DD375" s="23"/>
      <c r="DE375" s="23"/>
      <c r="DF375" s="23"/>
      <c r="DG375" s="23"/>
      <c r="DH375" s="23"/>
      <c r="DI375" s="23"/>
      <c r="DJ375" s="23"/>
      <c r="DK375" s="23"/>
      <c r="DL375" s="23"/>
      <c r="DM375" s="23"/>
      <c r="DN375" s="23"/>
      <c r="DO375" s="23"/>
      <c r="DP375" s="23"/>
      <c r="DQ375" s="23"/>
      <c r="DR375" s="23"/>
      <c r="DS375" s="23"/>
      <c r="DT375" s="23"/>
      <c r="DU375" s="23"/>
      <c r="DV375" s="23"/>
      <c r="DW375" s="23"/>
      <c r="DX375" s="23"/>
      <c r="DY375" s="23"/>
      <c r="DZ375" s="23"/>
      <c r="EA375" s="23"/>
      <c r="EB375" s="23"/>
      <c r="EC375" s="23"/>
      <c r="ED375" s="23"/>
      <c r="EE375" s="23"/>
      <c r="EF375" s="23"/>
      <c r="EG375" s="23"/>
      <c r="EH375" s="23"/>
      <c r="EI375" s="23"/>
      <c r="EJ375" s="23"/>
      <c r="EK375" s="23"/>
      <c r="EL375" s="23"/>
      <c r="EM375" s="23"/>
      <c r="EN375" s="23"/>
      <c r="EO375" s="23"/>
      <c r="EP375" s="23"/>
      <c r="EQ375" s="23"/>
      <c r="ER375" s="23"/>
      <c r="ES375" s="23"/>
      <c r="ET375" s="23"/>
      <c r="EU375" s="23"/>
      <c r="EV375" s="23"/>
      <c r="EW375" s="23"/>
      <c r="EX375" s="23"/>
      <c r="EY375" s="23"/>
      <c r="EZ375" s="23"/>
      <c r="FA375" s="23"/>
      <c r="FB375" s="23"/>
      <c r="FC375" s="23"/>
      <c r="FD375" s="23"/>
      <c r="FE375" s="23"/>
      <c r="FF375" s="23"/>
      <c r="FG375" s="23"/>
      <c r="FH375" s="23"/>
      <c r="FI375" s="23"/>
      <c r="FJ375" s="23"/>
      <c r="FK375" s="23"/>
      <c r="FL375" s="23"/>
      <c r="FM375" s="23"/>
      <c r="FN375" s="23"/>
      <c r="FO375" s="23"/>
      <c r="FP375" s="23"/>
      <c r="FQ375" s="23"/>
      <c r="FR375" s="23"/>
      <c r="FS375" s="23"/>
      <c r="FT375" s="23"/>
      <c r="FU375" s="23"/>
      <c r="FV375" s="23"/>
      <c r="FW375" s="23"/>
      <c r="FX375" s="23"/>
      <c r="FY375" s="23"/>
      <c r="FZ375" s="23"/>
      <c r="GA375" s="23"/>
      <c r="GB375" s="23"/>
      <c r="GC375" s="23"/>
      <c r="GD375" s="23"/>
      <c r="GE375" s="23"/>
      <c r="GF375" s="23"/>
      <c r="GG375" s="23"/>
      <c r="GH375" s="23"/>
      <c r="GI375" s="23"/>
      <c r="GJ375" s="23"/>
      <c r="GK375" s="23"/>
      <c r="GL375" s="23"/>
      <c r="GM375" s="23"/>
      <c r="GN375" s="23"/>
      <c r="GO375" s="23"/>
      <c r="GP375" s="23"/>
      <c r="GQ375" s="23"/>
      <c r="GR375" s="23"/>
      <c r="GS375" s="23"/>
      <c r="GT375" s="23"/>
      <c r="GU375" s="23"/>
      <c r="GV375" s="23"/>
      <c r="GW375" s="23"/>
      <c r="GX375" s="23"/>
      <c r="GY375" s="23"/>
      <c r="GZ375" s="23"/>
      <c r="HA375" s="23"/>
      <c r="HB375" s="23"/>
      <c r="HC375" s="23"/>
      <c r="HD375" s="23"/>
      <c r="HE375" s="23"/>
      <c r="HF375" s="23"/>
      <c r="HG375" s="23"/>
      <c r="HH375" s="23"/>
      <c r="HI375" s="23"/>
      <c r="HJ375" s="23"/>
      <c r="HK375" s="23"/>
      <c r="HL375" s="23"/>
      <c r="HM375" s="23"/>
      <c r="HN375" s="23"/>
      <c r="HO375" s="23"/>
      <c r="HP375" s="23"/>
      <c r="HQ375" s="23"/>
      <c r="HR375" s="23"/>
      <c r="HS375" s="23"/>
      <c r="HT375" s="23"/>
      <c r="HU375" s="23"/>
      <c r="HV375" s="23"/>
      <c r="HW375" s="23"/>
      <c r="HX375" s="23"/>
      <c r="HY375" s="23"/>
      <c r="HZ375" s="23"/>
      <c r="IA375" s="23"/>
      <c r="IB375" s="23"/>
      <c r="IC375" s="23"/>
      <c r="ID375" s="23"/>
      <c r="IE375" s="23"/>
      <c r="IF375" s="23"/>
      <c r="IG375" s="23"/>
      <c r="IH375" s="23"/>
      <c r="II375" s="23"/>
      <c r="IJ375" s="23"/>
      <c r="IK375" s="23"/>
      <c r="IL375" s="23"/>
      <c r="IM375" s="23"/>
      <c r="IN375" s="23"/>
      <c r="IO375" s="23"/>
      <c r="IP375" s="23"/>
      <c r="IQ375" s="23"/>
    </row>
    <row r="376" spans="1:251" s="50" customFormat="1" ht="18.75" customHeight="1">
      <c r="A376" s="34"/>
      <c r="B376" s="46"/>
      <c r="C376" s="130" t="s">
        <v>145</v>
      </c>
      <c r="D376" s="130"/>
      <c r="E376" s="130"/>
      <c r="F376" s="130"/>
      <c r="G376" s="130"/>
      <c r="H376" s="130"/>
      <c r="I376" s="130"/>
      <c r="J376" s="130"/>
      <c r="K376" s="130"/>
      <c r="L376" s="130"/>
      <c r="M376" s="130"/>
      <c r="N376" s="130"/>
      <c r="O376" s="130"/>
      <c r="P376" s="130"/>
      <c r="Q376" s="130"/>
      <c r="R376" s="130"/>
      <c r="S376" s="130"/>
      <c r="T376" s="130"/>
      <c r="U376" s="130"/>
      <c r="V376" s="130"/>
      <c r="W376" s="130"/>
      <c r="X376" s="130"/>
      <c r="Y376" s="130"/>
      <c r="Z376" s="131"/>
      <c r="AA376" s="132">
        <v>4740709</v>
      </c>
      <c r="AB376" s="196"/>
      <c r="AC376" s="196"/>
      <c r="AD376" s="196"/>
      <c r="AE376" s="196"/>
      <c r="AF376" s="196"/>
      <c r="AG376" s="196"/>
      <c r="AH376" s="196"/>
      <c r="AI376" s="197"/>
      <c r="AJ376" s="132">
        <v>3325638</v>
      </c>
      <c r="AK376" s="196"/>
      <c r="AL376" s="196"/>
      <c r="AM376" s="196"/>
      <c r="AN376" s="196"/>
      <c r="AO376" s="196"/>
      <c r="AP376" s="196"/>
      <c r="AQ376" s="196"/>
      <c r="AR376" s="197"/>
      <c r="AS376" s="132"/>
      <c r="AT376" s="196"/>
      <c r="AU376" s="196"/>
      <c r="AV376" s="196"/>
      <c r="AW376" s="196"/>
      <c r="AX376" s="202"/>
      <c r="AY376" s="23"/>
      <c r="AZ376" s="23"/>
      <c r="BA376" s="23"/>
      <c r="BB376" s="23"/>
      <c r="BC376" s="23"/>
      <c r="BD376" s="23"/>
      <c r="BE376" s="23"/>
      <c r="BF376" s="23"/>
      <c r="BG376" s="23"/>
      <c r="BH376" s="23"/>
      <c r="BI376" s="23"/>
      <c r="BJ376" s="23"/>
      <c r="BK376" s="23"/>
      <c r="BL376" s="23"/>
      <c r="BM376" s="23"/>
      <c r="BN376" s="23"/>
      <c r="BO376" s="23"/>
      <c r="BP376" s="23"/>
      <c r="BQ376" s="23"/>
      <c r="BR376" s="23"/>
      <c r="BS376" s="23"/>
      <c r="BT376" s="23"/>
      <c r="BU376" s="23"/>
      <c r="BV376" s="23"/>
      <c r="BW376" s="23"/>
      <c r="BX376" s="23"/>
      <c r="BY376" s="23"/>
      <c r="BZ376" s="23"/>
      <c r="CA376" s="23"/>
      <c r="CB376" s="23"/>
      <c r="CC376" s="23"/>
      <c r="CD376" s="23"/>
      <c r="CE376" s="23"/>
      <c r="CF376" s="23"/>
      <c r="CG376" s="23"/>
      <c r="CH376" s="23"/>
      <c r="CI376" s="23"/>
      <c r="CJ376" s="23"/>
      <c r="CK376" s="23"/>
      <c r="CL376" s="23"/>
      <c r="CM376" s="23"/>
      <c r="CN376" s="23"/>
      <c r="CO376" s="23"/>
      <c r="CP376" s="23"/>
      <c r="CQ376" s="23"/>
      <c r="CR376" s="23"/>
      <c r="CS376" s="23"/>
      <c r="CT376" s="23"/>
      <c r="CU376" s="23"/>
      <c r="CV376" s="23"/>
      <c r="CW376" s="23"/>
      <c r="CX376" s="23"/>
      <c r="CY376" s="23"/>
      <c r="CZ376" s="23"/>
      <c r="DA376" s="23"/>
      <c r="DB376" s="23"/>
      <c r="DC376" s="23"/>
      <c r="DD376" s="23"/>
      <c r="DE376" s="23"/>
      <c r="DF376" s="23"/>
      <c r="DG376" s="23"/>
      <c r="DH376" s="23"/>
      <c r="DI376" s="23"/>
      <c r="DJ376" s="23"/>
      <c r="DK376" s="23"/>
      <c r="DL376" s="23"/>
      <c r="DM376" s="23"/>
      <c r="DN376" s="23"/>
      <c r="DO376" s="23"/>
      <c r="DP376" s="23"/>
      <c r="DQ376" s="23"/>
      <c r="DR376" s="23"/>
      <c r="DS376" s="23"/>
      <c r="DT376" s="23"/>
      <c r="DU376" s="23"/>
      <c r="DV376" s="23"/>
      <c r="DW376" s="23"/>
      <c r="DX376" s="23"/>
      <c r="DY376" s="23"/>
      <c r="DZ376" s="23"/>
      <c r="EA376" s="23"/>
      <c r="EB376" s="23"/>
      <c r="EC376" s="23"/>
      <c r="ED376" s="23"/>
      <c r="EE376" s="23"/>
      <c r="EF376" s="23"/>
      <c r="EG376" s="23"/>
      <c r="EH376" s="23"/>
      <c r="EI376" s="23"/>
      <c r="EJ376" s="23"/>
      <c r="EK376" s="23"/>
      <c r="EL376" s="23"/>
      <c r="EM376" s="23"/>
      <c r="EN376" s="23"/>
      <c r="EO376" s="23"/>
      <c r="EP376" s="23"/>
      <c r="EQ376" s="23"/>
      <c r="ER376" s="23"/>
      <c r="ES376" s="23"/>
      <c r="ET376" s="23"/>
      <c r="EU376" s="23"/>
      <c r="EV376" s="23"/>
      <c r="EW376" s="23"/>
      <c r="EX376" s="23"/>
      <c r="EY376" s="23"/>
      <c r="EZ376" s="23"/>
      <c r="FA376" s="23"/>
      <c r="FB376" s="23"/>
      <c r="FC376" s="23"/>
      <c r="FD376" s="23"/>
      <c r="FE376" s="23"/>
      <c r="FF376" s="23"/>
      <c r="FG376" s="23"/>
      <c r="FH376" s="23"/>
      <c r="FI376" s="23"/>
      <c r="FJ376" s="23"/>
      <c r="FK376" s="23"/>
      <c r="FL376" s="23"/>
      <c r="FM376" s="23"/>
      <c r="FN376" s="23"/>
      <c r="FO376" s="23"/>
      <c r="FP376" s="23"/>
      <c r="FQ376" s="23"/>
      <c r="FR376" s="23"/>
      <c r="FS376" s="23"/>
      <c r="FT376" s="23"/>
      <c r="FU376" s="23"/>
      <c r="FV376" s="23"/>
      <c r="FW376" s="23"/>
      <c r="FX376" s="23"/>
      <c r="FY376" s="23"/>
      <c r="FZ376" s="23"/>
      <c r="GA376" s="23"/>
      <c r="GB376" s="23"/>
      <c r="GC376" s="23"/>
      <c r="GD376" s="23"/>
      <c r="GE376" s="23"/>
      <c r="GF376" s="23"/>
      <c r="GG376" s="23"/>
      <c r="GH376" s="23"/>
      <c r="GI376" s="23"/>
      <c r="GJ376" s="23"/>
      <c r="GK376" s="23"/>
      <c r="GL376" s="23"/>
      <c r="GM376" s="23"/>
      <c r="GN376" s="23"/>
      <c r="GO376" s="23"/>
      <c r="GP376" s="23"/>
      <c r="GQ376" s="23"/>
      <c r="GR376" s="23"/>
      <c r="GS376" s="23"/>
      <c r="GT376" s="23"/>
      <c r="GU376" s="23"/>
      <c r="GV376" s="23"/>
      <c r="GW376" s="23"/>
      <c r="GX376" s="23"/>
      <c r="GY376" s="23"/>
      <c r="GZ376" s="23"/>
      <c r="HA376" s="23"/>
      <c r="HB376" s="23"/>
      <c r="HC376" s="23"/>
      <c r="HD376" s="23"/>
      <c r="HE376" s="23"/>
      <c r="HF376" s="23"/>
      <c r="HG376" s="23"/>
      <c r="HH376" s="23"/>
      <c r="HI376" s="23"/>
      <c r="HJ376" s="23"/>
      <c r="HK376" s="23"/>
      <c r="HL376" s="23"/>
      <c r="HM376" s="23"/>
      <c r="HN376" s="23"/>
      <c r="HO376" s="23"/>
      <c r="HP376" s="23"/>
      <c r="HQ376" s="23"/>
      <c r="HR376" s="23"/>
      <c r="HS376" s="23"/>
      <c r="HT376" s="23"/>
      <c r="HU376" s="23"/>
      <c r="HV376" s="23"/>
      <c r="HW376" s="23"/>
      <c r="HX376" s="23"/>
      <c r="HY376" s="23"/>
      <c r="HZ376" s="23"/>
      <c r="IA376" s="23"/>
      <c r="IB376" s="23"/>
      <c r="IC376" s="23"/>
      <c r="ID376" s="23"/>
      <c r="IE376" s="23"/>
      <c r="IF376" s="23"/>
      <c r="IG376" s="23"/>
      <c r="IH376" s="23"/>
      <c r="II376" s="23"/>
      <c r="IJ376" s="23"/>
      <c r="IK376" s="23"/>
      <c r="IL376" s="23"/>
      <c r="IM376" s="23"/>
      <c r="IN376" s="23"/>
      <c r="IO376" s="23"/>
      <c r="IP376" s="23"/>
      <c r="IQ376" s="23"/>
    </row>
    <row r="377" spans="1:251" s="50" customFormat="1" ht="18.75" customHeight="1">
      <c r="A377" s="34"/>
      <c r="B377" s="47"/>
      <c r="C377" s="130"/>
      <c r="D377" s="130"/>
      <c r="E377" s="130"/>
      <c r="F377" s="130"/>
      <c r="G377" s="130"/>
      <c r="H377" s="130"/>
      <c r="I377" s="130"/>
      <c r="J377" s="130"/>
      <c r="K377" s="130"/>
      <c r="L377" s="130"/>
      <c r="M377" s="130"/>
      <c r="N377" s="130"/>
      <c r="O377" s="130"/>
      <c r="P377" s="130"/>
      <c r="Q377" s="130"/>
      <c r="R377" s="130"/>
      <c r="S377" s="130"/>
      <c r="T377" s="130"/>
      <c r="U377" s="130"/>
      <c r="V377" s="130"/>
      <c r="W377" s="130"/>
      <c r="X377" s="130"/>
      <c r="Y377" s="130"/>
      <c r="Z377" s="131"/>
      <c r="AA377" s="132"/>
      <c r="AB377" s="200"/>
      <c r="AC377" s="200"/>
      <c r="AD377" s="200"/>
      <c r="AE377" s="200"/>
      <c r="AF377" s="200"/>
      <c r="AG377" s="200"/>
      <c r="AH377" s="200"/>
      <c r="AI377" s="201"/>
      <c r="AJ377" s="132"/>
      <c r="AK377" s="196"/>
      <c r="AL377" s="196"/>
      <c r="AM377" s="196"/>
      <c r="AN377" s="196"/>
      <c r="AO377" s="196"/>
      <c r="AP377" s="196"/>
      <c r="AQ377" s="196"/>
      <c r="AR377" s="197"/>
      <c r="AS377" s="132"/>
      <c r="AT377" s="196"/>
      <c r="AU377" s="196"/>
      <c r="AV377" s="196"/>
      <c r="AW377" s="196"/>
      <c r="AX377" s="202"/>
      <c r="AY377" s="23"/>
      <c r="AZ377" s="23"/>
      <c r="BA377" s="23"/>
      <c r="BB377" s="23"/>
      <c r="BC377" s="23"/>
      <c r="BD377" s="23"/>
      <c r="BE377" s="23"/>
      <c r="BF377" s="23"/>
      <c r="BG377" s="23"/>
      <c r="BH377" s="23"/>
      <c r="BI377" s="23"/>
      <c r="BJ377" s="23"/>
      <c r="BK377" s="23"/>
      <c r="BL377" s="23"/>
      <c r="BM377" s="23"/>
      <c r="BN377" s="23"/>
      <c r="BO377" s="23"/>
      <c r="BP377" s="23"/>
      <c r="BQ377" s="23"/>
      <c r="BR377" s="23"/>
      <c r="BS377" s="23"/>
      <c r="BT377" s="23"/>
      <c r="BU377" s="23"/>
      <c r="BV377" s="23"/>
      <c r="BW377" s="23"/>
      <c r="BX377" s="23"/>
      <c r="BY377" s="23"/>
      <c r="BZ377" s="23"/>
      <c r="CA377" s="23"/>
      <c r="CB377" s="23"/>
      <c r="CC377" s="23"/>
      <c r="CD377" s="23"/>
      <c r="CE377" s="23"/>
      <c r="CF377" s="23"/>
      <c r="CG377" s="23"/>
      <c r="CH377" s="23"/>
      <c r="CI377" s="23"/>
      <c r="CJ377" s="23"/>
      <c r="CK377" s="23"/>
      <c r="CL377" s="23"/>
      <c r="CM377" s="23"/>
      <c r="CN377" s="23"/>
      <c r="CO377" s="23"/>
      <c r="CP377" s="23"/>
      <c r="CQ377" s="23"/>
      <c r="CR377" s="23"/>
      <c r="CS377" s="23"/>
      <c r="CT377" s="23"/>
      <c r="CU377" s="23"/>
      <c r="CV377" s="23"/>
      <c r="CW377" s="23"/>
      <c r="CX377" s="23"/>
      <c r="CY377" s="23"/>
      <c r="CZ377" s="23"/>
      <c r="DA377" s="23"/>
      <c r="DB377" s="23"/>
      <c r="DC377" s="23"/>
      <c r="DD377" s="23"/>
      <c r="DE377" s="23"/>
      <c r="DF377" s="23"/>
      <c r="DG377" s="23"/>
      <c r="DH377" s="23"/>
      <c r="DI377" s="23"/>
      <c r="DJ377" s="23"/>
      <c r="DK377" s="23"/>
      <c r="DL377" s="23"/>
      <c r="DM377" s="23"/>
      <c r="DN377" s="23"/>
      <c r="DO377" s="23"/>
      <c r="DP377" s="23"/>
      <c r="DQ377" s="23"/>
      <c r="DR377" s="23"/>
      <c r="DS377" s="23"/>
      <c r="DT377" s="23"/>
      <c r="DU377" s="23"/>
      <c r="DV377" s="23"/>
      <c r="DW377" s="23"/>
      <c r="DX377" s="23"/>
      <c r="DY377" s="23"/>
      <c r="DZ377" s="23"/>
      <c r="EA377" s="23"/>
      <c r="EB377" s="23"/>
      <c r="EC377" s="23"/>
      <c r="ED377" s="23"/>
      <c r="EE377" s="23"/>
      <c r="EF377" s="23"/>
      <c r="EG377" s="23"/>
      <c r="EH377" s="23"/>
      <c r="EI377" s="23"/>
      <c r="EJ377" s="23"/>
      <c r="EK377" s="23"/>
      <c r="EL377" s="23"/>
      <c r="EM377" s="23"/>
      <c r="EN377" s="23"/>
      <c r="EO377" s="23"/>
      <c r="EP377" s="23"/>
      <c r="EQ377" s="23"/>
      <c r="ER377" s="23"/>
      <c r="ES377" s="23"/>
      <c r="ET377" s="23"/>
      <c r="EU377" s="23"/>
      <c r="EV377" s="23"/>
      <c r="EW377" s="23"/>
      <c r="EX377" s="23"/>
      <c r="EY377" s="23"/>
      <c r="EZ377" s="23"/>
      <c r="FA377" s="23"/>
      <c r="FB377" s="23"/>
      <c r="FC377" s="23"/>
      <c r="FD377" s="23"/>
      <c r="FE377" s="23"/>
      <c r="FF377" s="23"/>
      <c r="FG377" s="23"/>
      <c r="FH377" s="23"/>
      <c r="FI377" s="23"/>
      <c r="FJ377" s="23"/>
      <c r="FK377" s="23"/>
      <c r="FL377" s="23"/>
      <c r="FM377" s="23"/>
      <c r="FN377" s="23"/>
      <c r="FO377" s="23"/>
      <c r="FP377" s="23"/>
      <c r="FQ377" s="23"/>
      <c r="FR377" s="23"/>
      <c r="FS377" s="23"/>
      <c r="FT377" s="23"/>
      <c r="FU377" s="23"/>
      <c r="FV377" s="23"/>
      <c r="FW377" s="23"/>
      <c r="FX377" s="23"/>
      <c r="FY377" s="23"/>
      <c r="FZ377" s="23"/>
      <c r="GA377" s="23"/>
      <c r="GB377" s="23"/>
      <c r="GC377" s="23"/>
      <c r="GD377" s="23"/>
      <c r="GE377" s="23"/>
      <c r="GF377" s="23"/>
      <c r="GG377" s="23"/>
      <c r="GH377" s="23"/>
      <c r="GI377" s="23"/>
      <c r="GJ377" s="23"/>
      <c r="GK377" s="23"/>
      <c r="GL377" s="23"/>
      <c r="GM377" s="23"/>
      <c r="GN377" s="23"/>
      <c r="GO377" s="23"/>
      <c r="GP377" s="23"/>
      <c r="GQ377" s="23"/>
      <c r="GR377" s="23"/>
      <c r="GS377" s="23"/>
      <c r="GT377" s="23"/>
      <c r="GU377" s="23"/>
      <c r="GV377" s="23"/>
      <c r="GW377" s="23"/>
      <c r="GX377" s="23"/>
      <c r="GY377" s="23"/>
      <c r="GZ377" s="23"/>
      <c r="HA377" s="23"/>
      <c r="HB377" s="23"/>
      <c r="HC377" s="23"/>
      <c r="HD377" s="23"/>
      <c r="HE377" s="23"/>
      <c r="HF377" s="23"/>
      <c r="HG377" s="23"/>
      <c r="HH377" s="23"/>
      <c r="HI377" s="23"/>
      <c r="HJ377" s="23"/>
      <c r="HK377" s="23"/>
      <c r="HL377" s="23"/>
      <c r="HM377" s="23"/>
      <c r="HN377" s="23"/>
      <c r="HO377" s="23"/>
      <c r="HP377" s="23"/>
      <c r="HQ377" s="23"/>
      <c r="HR377" s="23"/>
      <c r="HS377" s="23"/>
      <c r="HT377" s="23"/>
      <c r="HU377" s="23"/>
      <c r="HV377" s="23"/>
      <c r="HW377" s="23"/>
      <c r="HX377" s="23"/>
      <c r="HY377" s="23"/>
      <c r="HZ377" s="23"/>
      <c r="IA377" s="23"/>
      <c r="IB377" s="23"/>
      <c r="IC377" s="23"/>
      <c r="ID377" s="23"/>
      <c r="IE377" s="23"/>
      <c r="IF377" s="23"/>
      <c r="IG377" s="23"/>
      <c r="IH377" s="23"/>
      <c r="II377" s="23"/>
      <c r="IJ377" s="23"/>
      <c r="IK377" s="23"/>
      <c r="IL377" s="23"/>
      <c r="IM377" s="23"/>
      <c r="IN377" s="23"/>
      <c r="IO377" s="23"/>
      <c r="IP377" s="23"/>
      <c r="IQ377" s="23"/>
    </row>
    <row r="378" spans="1:251" s="50" customFormat="1" ht="18.75" customHeight="1">
      <c r="A378" s="34"/>
      <c r="B378" s="47"/>
      <c r="C378" s="130"/>
      <c r="D378" s="130"/>
      <c r="E378" s="130"/>
      <c r="F378" s="130"/>
      <c r="G378" s="130"/>
      <c r="H378" s="130"/>
      <c r="I378" s="130"/>
      <c r="J378" s="130"/>
      <c r="K378" s="130"/>
      <c r="L378" s="130"/>
      <c r="M378" s="130"/>
      <c r="N378" s="130"/>
      <c r="O378" s="130"/>
      <c r="P378" s="130"/>
      <c r="Q378" s="130"/>
      <c r="R378" s="130"/>
      <c r="S378" s="130"/>
      <c r="T378" s="130"/>
      <c r="U378" s="130"/>
      <c r="V378" s="130"/>
      <c r="W378" s="130"/>
      <c r="X378" s="130"/>
      <c r="Y378" s="130"/>
      <c r="Z378" s="131"/>
      <c r="AA378" s="132"/>
      <c r="AB378" s="200"/>
      <c r="AC378" s="200"/>
      <c r="AD378" s="200"/>
      <c r="AE378" s="200"/>
      <c r="AF378" s="200"/>
      <c r="AG378" s="200"/>
      <c r="AH378" s="200"/>
      <c r="AI378" s="201"/>
      <c r="AJ378" s="132"/>
      <c r="AK378" s="196"/>
      <c r="AL378" s="196"/>
      <c r="AM378" s="196"/>
      <c r="AN378" s="196"/>
      <c r="AO378" s="196"/>
      <c r="AP378" s="196"/>
      <c r="AQ378" s="196"/>
      <c r="AR378" s="197"/>
      <c r="AS378" s="132"/>
      <c r="AT378" s="196"/>
      <c r="AU378" s="196"/>
      <c r="AV378" s="196"/>
      <c r="AW378" s="196"/>
      <c r="AX378" s="202"/>
      <c r="AY378" s="23"/>
      <c r="AZ378" s="23"/>
      <c r="BA378" s="23"/>
      <c r="BB378" s="23"/>
      <c r="BC378" s="23"/>
      <c r="BD378" s="23"/>
      <c r="BE378" s="23"/>
      <c r="BF378" s="23"/>
      <c r="BG378" s="23"/>
      <c r="BH378" s="23"/>
      <c r="BI378" s="23"/>
      <c r="BJ378" s="23"/>
      <c r="BK378" s="23"/>
      <c r="BL378" s="23"/>
      <c r="BM378" s="23"/>
      <c r="BN378" s="23"/>
      <c r="BO378" s="23"/>
      <c r="BP378" s="23"/>
      <c r="BQ378" s="23"/>
      <c r="BR378" s="23"/>
      <c r="BS378" s="23"/>
      <c r="BT378" s="23"/>
      <c r="BU378" s="23"/>
      <c r="BV378" s="23"/>
      <c r="BW378" s="23"/>
      <c r="BX378" s="23"/>
      <c r="BY378" s="23"/>
      <c r="BZ378" s="23"/>
      <c r="CA378" s="23"/>
      <c r="CB378" s="23"/>
      <c r="CC378" s="23"/>
      <c r="CD378" s="23"/>
      <c r="CE378" s="23"/>
      <c r="CF378" s="23"/>
      <c r="CG378" s="23"/>
      <c r="CH378" s="23"/>
      <c r="CI378" s="23"/>
      <c r="CJ378" s="23"/>
      <c r="CK378" s="23"/>
      <c r="CL378" s="23"/>
      <c r="CM378" s="23"/>
      <c r="CN378" s="23"/>
      <c r="CO378" s="23"/>
      <c r="CP378" s="23"/>
      <c r="CQ378" s="23"/>
      <c r="CR378" s="23"/>
      <c r="CS378" s="23"/>
      <c r="CT378" s="23"/>
      <c r="CU378" s="23"/>
      <c r="CV378" s="23"/>
      <c r="CW378" s="23"/>
      <c r="CX378" s="23"/>
      <c r="CY378" s="23"/>
      <c r="CZ378" s="23"/>
      <c r="DA378" s="23"/>
      <c r="DB378" s="23"/>
      <c r="DC378" s="23"/>
      <c r="DD378" s="23"/>
      <c r="DE378" s="23"/>
      <c r="DF378" s="23"/>
      <c r="DG378" s="23"/>
      <c r="DH378" s="23"/>
      <c r="DI378" s="23"/>
      <c r="DJ378" s="23"/>
      <c r="DK378" s="23"/>
      <c r="DL378" s="23"/>
      <c r="DM378" s="23"/>
      <c r="DN378" s="23"/>
      <c r="DO378" s="23"/>
      <c r="DP378" s="23"/>
      <c r="DQ378" s="23"/>
      <c r="DR378" s="23"/>
      <c r="DS378" s="23"/>
      <c r="DT378" s="23"/>
      <c r="DU378" s="23"/>
      <c r="DV378" s="23"/>
      <c r="DW378" s="23"/>
      <c r="DX378" s="23"/>
      <c r="DY378" s="23"/>
      <c r="DZ378" s="23"/>
      <c r="EA378" s="23"/>
      <c r="EB378" s="23"/>
      <c r="EC378" s="23"/>
      <c r="ED378" s="23"/>
      <c r="EE378" s="23"/>
      <c r="EF378" s="23"/>
      <c r="EG378" s="23"/>
      <c r="EH378" s="23"/>
      <c r="EI378" s="23"/>
      <c r="EJ378" s="23"/>
      <c r="EK378" s="23"/>
      <c r="EL378" s="23"/>
      <c r="EM378" s="23"/>
      <c r="EN378" s="23"/>
      <c r="EO378" s="23"/>
      <c r="EP378" s="23"/>
      <c r="EQ378" s="23"/>
      <c r="ER378" s="23"/>
      <c r="ES378" s="23"/>
      <c r="ET378" s="23"/>
      <c r="EU378" s="23"/>
      <c r="EV378" s="23"/>
      <c r="EW378" s="23"/>
      <c r="EX378" s="23"/>
      <c r="EY378" s="23"/>
      <c r="EZ378" s="23"/>
      <c r="FA378" s="23"/>
      <c r="FB378" s="23"/>
      <c r="FC378" s="23"/>
      <c r="FD378" s="23"/>
      <c r="FE378" s="23"/>
      <c r="FF378" s="23"/>
      <c r="FG378" s="23"/>
      <c r="FH378" s="23"/>
      <c r="FI378" s="23"/>
      <c r="FJ378" s="23"/>
      <c r="FK378" s="23"/>
      <c r="FL378" s="23"/>
      <c r="FM378" s="23"/>
      <c r="FN378" s="23"/>
      <c r="FO378" s="23"/>
      <c r="FP378" s="23"/>
      <c r="FQ378" s="23"/>
      <c r="FR378" s="23"/>
      <c r="FS378" s="23"/>
      <c r="FT378" s="23"/>
      <c r="FU378" s="23"/>
      <c r="FV378" s="23"/>
      <c r="FW378" s="23"/>
      <c r="FX378" s="23"/>
      <c r="FY378" s="23"/>
      <c r="FZ378" s="23"/>
      <c r="GA378" s="23"/>
      <c r="GB378" s="23"/>
      <c r="GC378" s="23"/>
      <c r="GD378" s="23"/>
      <c r="GE378" s="23"/>
      <c r="GF378" s="23"/>
      <c r="GG378" s="23"/>
      <c r="GH378" s="23"/>
      <c r="GI378" s="23"/>
      <c r="GJ378" s="23"/>
      <c r="GK378" s="23"/>
      <c r="GL378" s="23"/>
      <c r="GM378" s="23"/>
      <c r="GN378" s="23"/>
      <c r="GO378" s="23"/>
      <c r="GP378" s="23"/>
      <c r="GQ378" s="23"/>
      <c r="GR378" s="23"/>
      <c r="GS378" s="23"/>
      <c r="GT378" s="23"/>
      <c r="GU378" s="23"/>
      <c r="GV378" s="23"/>
      <c r="GW378" s="23"/>
      <c r="GX378" s="23"/>
      <c r="GY378" s="23"/>
      <c r="GZ378" s="23"/>
      <c r="HA378" s="23"/>
      <c r="HB378" s="23"/>
      <c r="HC378" s="23"/>
      <c r="HD378" s="23"/>
      <c r="HE378" s="23"/>
      <c r="HF378" s="23"/>
      <c r="HG378" s="23"/>
      <c r="HH378" s="23"/>
      <c r="HI378" s="23"/>
      <c r="HJ378" s="23"/>
      <c r="HK378" s="23"/>
      <c r="HL378" s="23"/>
      <c r="HM378" s="23"/>
      <c r="HN378" s="23"/>
      <c r="HO378" s="23"/>
      <c r="HP378" s="23"/>
      <c r="HQ378" s="23"/>
      <c r="HR378" s="23"/>
      <c r="HS378" s="23"/>
      <c r="HT378" s="23"/>
      <c r="HU378" s="23"/>
      <c r="HV378" s="23"/>
      <c r="HW378" s="23"/>
      <c r="HX378" s="23"/>
      <c r="HY378" s="23"/>
      <c r="HZ378" s="23"/>
      <c r="IA378" s="23"/>
      <c r="IB378" s="23"/>
      <c r="IC378" s="23"/>
      <c r="ID378" s="23"/>
      <c r="IE378" s="23"/>
      <c r="IF378" s="23"/>
      <c r="IG378" s="23"/>
      <c r="IH378" s="23"/>
      <c r="II378" s="23"/>
      <c r="IJ378" s="23"/>
      <c r="IK378" s="23"/>
      <c r="IL378" s="23"/>
      <c r="IM378" s="23"/>
      <c r="IN378" s="23"/>
      <c r="IO378" s="23"/>
      <c r="IP378" s="23"/>
      <c r="IQ378" s="23"/>
    </row>
    <row r="379" spans="1:251" s="50" customFormat="1" ht="18.75" customHeight="1">
      <c r="A379" s="34"/>
      <c r="B379" s="47"/>
      <c r="C379" s="130"/>
      <c r="D379" s="130"/>
      <c r="E379" s="130"/>
      <c r="F379" s="130"/>
      <c r="G379" s="130"/>
      <c r="H379" s="130"/>
      <c r="I379" s="130"/>
      <c r="J379" s="130"/>
      <c r="K379" s="130"/>
      <c r="L379" s="130"/>
      <c r="M379" s="130"/>
      <c r="N379" s="130"/>
      <c r="O379" s="130"/>
      <c r="P379" s="130"/>
      <c r="Q379" s="130"/>
      <c r="R379" s="130"/>
      <c r="S379" s="130"/>
      <c r="T379" s="130"/>
      <c r="U379" s="130"/>
      <c r="V379" s="130"/>
      <c r="W379" s="130"/>
      <c r="X379" s="130"/>
      <c r="Y379" s="130"/>
      <c r="Z379" s="131"/>
      <c r="AA379" s="132"/>
      <c r="AB379" s="200"/>
      <c r="AC379" s="200"/>
      <c r="AD379" s="200"/>
      <c r="AE379" s="200"/>
      <c r="AF379" s="200"/>
      <c r="AG379" s="200"/>
      <c r="AH379" s="200"/>
      <c r="AI379" s="201"/>
      <c r="AJ379" s="132"/>
      <c r="AK379" s="196"/>
      <c r="AL379" s="196"/>
      <c r="AM379" s="196"/>
      <c r="AN379" s="196"/>
      <c r="AO379" s="196"/>
      <c r="AP379" s="196"/>
      <c r="AQ379" s="196"/>
      <c r="AR379" s="197"/>
      <c r="AS379" s="132"/>
      <c r="AT379" s="196"/>
      <c r="AU379" s="196"/>
      <c r="AV379" s="196"/>
      <c r="AW379" s="196"/>
      <c r="AX379" s="202"/>
      <c r="AY379" s="23"/>
      <c r="AZ379" s="23"/>
      <c r="BA379" s="23"/>
      <c r="BB379" s="23"/>
      <c r="BC379" s="23"/>
      <c r="BD379" s="23"/>
      <c r="BE379" s="23"/>
      <c r="BF379" s="23"/>
      <c r="BG379" s="23"/>
      <c r="BH379" s="23"/>
      <c r="BI379" s="23"/>
      <c r="BJ379" s="23"/>
      <c r="BK379" s="23"/>
      <c r="BL379" s="23"/>
      <c r="BM379" s="23"/>
      <c r="BN379" s="23"/>
      <c r="BO379" s="23"/>
      <c r="BP379" s="23"/>
      <c r="BQ379" s="23"/>
      <c r="BR379" s="23"/>
      <c r="BS379" s="23"/>
      <c r="BT379" s="23"/>
      <c r="BU379" s="23"/>
      <c r="BV379" s="23"/>
      <c r="BW379" s="23"/>
      <c r="BX379" s="23"/>
      <c r="BY379" s="23"/>
      <c r="BZ379" s="23"/>
      <c r="CA379" s="23"/>
      <c r="CB379" s="23"/>
      <c r="CC379" s="23"/>
      <c r="CD379" s="23"/>
      <c r="CE379" s="23"/>
      <c r="CF379" s="23"/>
      <c r="CG379" s="23"/>
      <c r="CH379" s="23"/>
      <c r="CI379" s="23"/>
      <c r="CJ379" s="23"/>
      <c r="CK379" s="23"/>
      <c r="CL379" s="23"/>
      <c r="CM379" s="23"/>
      <c r="CN379" s="23"/>
      <c r="CO379" s="23"/>
      <c r="CP379" s="23"/>
      <c r="CQ379" s="23"/>
      <c r="CR379" s="23"/>
      <c r="CS379" s="23"/>
      <c r="CT379" s="23"/>
      <c r="CU379" s="23"/>
      <c r="CV379" s="23"/>
      <c r="CW379" s="23"/>
      <c r="CX379" s="23"/>
      <c r="CY379" s="23"/>
      <c r="CZ379" s="23"/>
      <c r="DA379" s="23"/>
      <c r="DB379" s="23"/>
      <c r="DC379" s="23"/>
      <c r="DD379" s="23"/>
      <c r="DE379" s="23"/>
      <c r="DF379" s="23"/>
      <c r="DG379" s="23"/>
      <c r="DH379" s="23"/>
      <c r="DI379" s="23"/>
      <c r="DJ379" s="23"/>
      <c r="DK379" s="23"/>
      <c r="DL379" s="23"/>
      <c r="DM379" s="23"/>
      <c r="DN379" s="23"/>
      <c r="DO379" s="23"/>
      <c r="DP379" s="23"/>
      <c r="DQ379" s="23"/>
      <c r="DR379" s="23"/>
      <c r="DS379" s="23"/>
      <c r="DT379" s="23"/>
      <c r="DU379" s="23"/>
      <c r="DV379" s="23"/>
      <c r="DW379" s="23"/>
      <c r="DX379" s="23"/>
      <c r="DY379" s="23"/>
      <c r="DZ379" s="23"/>
      <c r="EA379" s="23"/>
      <c r="EB379" s="23"/>
      <c r="EC379" s="23"/>
      <c r="ED379" s="23"/>
      <c r="EE379" s="23"/>
      <c r="EF379" s="23"/>
      <c r="EG379" s="23"/>
      <c r="EH379" s="23"/>
      <c r="EI379" s="23"/>
      <c r="EJ379" s="23"/>
      <c r="EK379" s="23"/>
      <c r="EL379" s="23"/>
      <c r="EM379" s="23"/>
      <c r="EN379" s="23"/>
      <c r="EO379" s="23"/>
      <c r="EP379" s="23"/>
      <c r="EQ379" s="23"/>
      <c r="ER379" s="23"/>
      <c r="ES379" s="23"/>
      <c r="ET379" s="23"/>
      <c r="EU379" s="23"/>
      <c r="EV379" s="23"/>
      <c r="EW379" s="23"/>
      <c r="EX379" s="23"/>
      <c r="EY379" s="23"/>
      <c r="EZ379" s="23"/>
      <c r="FA379" s="23"/>
      <c r="FB379" s="23"/>
      <c r="FC379" s="23"/>
      <c r="FD379" s="23"/>
      <c r="FE379" s="23"/>
      <c r="FF379" s="23"/>
      <c r="FG379" s="23"/>
      <c r="FH379" s="23"/>
      <c r="FI379" s="23"/>
      <c r="FJ379" s="23"/>
      <c r="FK379" s="23"/>
      <c r="FL379" s="23"/>
      <c r="FM379" s="23"/>
      <c r="FN379" s="23"/>
      <c r="FO379" s="23"/>
      <c r="FP379" s="23"/>
      <c r="FQ379" s="23"/>
      <c r="FR379" s="23"/>
      <c r="FS379" s="23"/>
      <c r="FT379" s="23"/>
      <c r="FU379" s="23"/>
      <c r="FV379" s="23"/>
      <c r="FW379" s="23"/>
      <c r="FX379" s="23"/>
      <c r="FY379" s="23"/>
      <c r="FZ379" s="23"/>
      <c r="GA379" s="23"/>
      <c r="GB379" s="23"/>
      <c r="GC379" s="23"/>
      <c r="GD379" s="23"/>
      <c r="GE379" s="23"/>
      <c r="GF379" s="23"/>
      <c r="GG379" s="23"/>
      <c r="GH379" s="23"/>
      <c r="GI379" s="23"/>
      <c r="GJ379" s="23"/>
      <c r="GK379" s="23"/>
      <c r="GL379" s="23"/>
      <c r="GM379" s="23"/>
      <c r="GN379" s="23"/>
      <c r="GO379" s="23"/>
      <c r="GP379" s="23"/>
      <c r="GQ379" s="23"/>
      <c r="GR379" s="23"/>
      <c r="GS379" s="23"/>
      <c r="GT379" s="23"/>
      <c r="GU379" s="23"/>
      <c r="GV379" s="23"/>
      <c r="GW379" s="23"/>
      <c r="GX379" s="23"/>
      <c r="GY379" s="23"/>
      <c r="GZ379" s="23"/>
      <c r="HA379" s="23"/>
      <c r="HB379" s="23"/>
      <c r="HC379" s="23"/>
      <c r="HD379" s="23"/>
      <c r="HE379" s="23"/>
      <c r="HF379" s="23"/>
      <c r="HG379" s="23"/>
      <c r="HH379" s="23"/>
      <c r="HI379" s="23"/>
      <c r="HJ379" s="23"/>
      <c r="HK379" s="23"/>
      <c r="HL379" s="23"/>
      <c r="HM379" s="23"/>
      <c r="HN379" s="23"/>
      <c r="HO379" s="23"/>
      <c r="HP379" s="23"/>
      <c r="HQ379" s="23"/>
      <c r="HR379" s="23"/>
      <c r="HS379" s="23"/>
      <c r="HT379" s="23"/>
      <c r="HU379" s="23"/>
      <c r="HV379" s="23"/>
      <c r="HW379" s="23"/>
      <c r="HX379" s="23"/>
      <c r="HY379" s="23"/>
      <c r="HZ379" s="23"/>
      <c r="IA379" s="23"/>
      <c r="IB379" s="23"/>
      <c r="IC379" s="23"/>
      <c r="ID379" s="23"/>
      <c r="IE379" s="23"/>
      <c r="IF379" s="23"/>
      <c r="IG379" s="23"/>
      <c r="IH379" s="23"/>
      <c r="II379" s="23"/>
      <c r="IJ379" s="23"/>
      <c r="IK379" s="23"/>
      <c r="IL379" s="23"/>
      <c r="IM379" s="23"/>
      <c r="IN379" s="23"/>
      <c r="IO379" s="23"/>
      <c r="IP379" s="23"/>
      <c r="IQ379" s="23"/>
    </row>
    <row r="380" spans="1:251" s="50" customFormat="1" ht="18.75" customHeight="1">
      <c r="A380" s="34"/>
      <c r="B380" s="48"/>
      <c r="C380" s="130"/>
      <c r="D380" s="130"/>
      <c r="E380" s="130"/>
      <c r="F380" s="130"/>
      <c r="G380" s="130"/>
      <c r="H380" s="130"/>
      <c r="I380" s="130"/>
      <c r="J380" s="130"/>
      <c r="K380" s="130"/>
      <c r="L380" s="130"/>
      <c r="M380" s="130"/>
      <c r="N380" s="130"/>
      <c r="O380" s="130"/>
      <c r="P380" s="130"/>
      <c r="Q380" s="130"/>
      <c r="R380" s="130"/>
      <c r="S380" s="130"/>
      <c r="T380" s="130"/>
      <c r="U380" s="130"/>
      <c r="V380" s="130"/>
      <c r="W380" s="130"/>
      <c r="X380" s="130"/>
      <c r="Y380" s="130"/>
      <c r="Z380" s="131"/>
      <c r="AA380" s="132"/>
      <c r="AB380" s="200"/>
      <c r="AC380" s="200"/>
      <c r="AD380" s="200"/>
      <c r="AE380" s="200"/>
      <c r="AF380" s="200"/>
      <c r="AG380" s="200"/>
      <c r="AH380" s="200"/>
      <c r="AI380" s="201"/>
      <c r="AJ380" s="132"/>
      <c r="AK380" s="196"/>
      <c r="AL380" s="196"/>
      <c r="AM380" s="196"/>
      <c r="AN380" s="196"/>
      <c r="AO380" s="196"/>
      <c r="AP380" s="196"/>
      <c r="AQ380" s="196"/>
      <c r="AR380" s="197"/>
      <c r="AS380" s="136"/>
      <c r="AT380" s="198"/>
      <c r="AU380" s="198"/>
      <c r="AV380" s="198"/>
      <c r="AW380" s="198"/>
      <c r="AX380" s="199"/>
      <c r="AY380" s="23"/>
      <c r="AZ380" s="23"/>
      <c r="BA380" s="23"/>
      <c r="BB380" s="23"/>
      <c r="BC380" s="23"/>
      <c r="BD380" s="23"/>
      <c r="BE380" s="23"/>
      <c r="BF380" s="23"/>
      <c r="BG380" s="23"/>
      <c r="BH380" s="23"/>
      <c r="BI380" s="23"/>
      <c r="BJ380" s="23"/>
      <c r="BK380" s="23"/>
      <c r="BL380" s="23"/>
      <c r="BM380" s="23"/>
      <c r="BN380" s="23"/>
      <c r="BO380" s="23"/>
      <c r="BP380" s="23"/>
      <c r="BQ380" s="23"/>
      <c r="BR380" s="23"/>
      <c r="BS380" s="23"/>
      <c r="BT380" s="23"/>
      <c r="BU380" s="23"/>
      <c r="BV380" s="23"/>
      <c r="BW380" s="23"/>
      <c r="BX380" s="23"/>
      <c r="BY380" s="23"/>
      <c r="BZ380" s="23"/>
      <c r="CA380" s="23"/>
      <c r="CB380" s="23"/>
      <c r="CC380" s="23"/>
      <c r="CD380" s="23"/>
      <c r="CE380" s="23"/>
      <c r="CF380" s="23"/>
      <c r="CG380" s="23"/>
      <c r="CH380" s="23"/>
      <c r="CI380" s="23"/>
      <c r="CJ380" s="23"/>
      <c r="CK380" s="23"/>
      <c r="CL380" s="23"/>
      <c r="CM380" s="23"/>
      <c r="CN380" s="23"/>
      <c r="CO380" s="23"/>
      <c r="CP380" s="23"/>
      <c r="CQ380" s="23"/>
      <c r="CR380" s="23"/>
      <c r="CS380" s="23"/>
      <c r="CT380" s="23"/>
      <c r="CU380" s="23"/>
      <c r="CV380" s="23"/>
      <c r="CW380" s="23"/>
      <c r="CX380" s="23"/>
      <c r="CY380" s="23"/>
      <c r="CZ380" s="23"/>
      <c r="DA380" s="23"/>
      <c r="DB380" s="23"/>
      <c r="DC380" s="23"/>
      <c r="DD380" s="23"/>
      <c r="DE380" s="23"/>
      <c r="DF380" s="23"/>
      <c r="DG380" s="23"/>
      <c r="DH380" s="23"/>
      <c r="DI380" s="23"/>
      <c r="DJ380" s="23"/>
      <c r="DK380" s="23"/>
      <c r="DL380" s="23"/>
      <c r="DM380" s="23"/>
      <c r="DN380" s="23"/>
      <c r="DO380" s="23"/>
      <c r="DP380" s="23"/>
      <c r="DQ380" s="23"/>
      <c r="DR380" s="23"/>
      <c r="DS380" s="23"/>
      <c r="DT380" s="23"/>
      <c r="DU380" s="23"/>
      <c r="DV380" s="23"/>
      <c r="DW380" s="23"/>
      <c r="DX380" s="23"/>
      <c r="DY380" s="23"/>
      <c r="DZ380" s="23"/>
      <c r="EA380" s="23"/>
      <c r="EB380" s="23"/>
      <c r="EC380" s="23"/>
      <c r="ED380" s="23"/>
      <c r="EE380" s="23"/>
      <c r="EF380" s="23"/>
      <c r="EG380" s="23"/>
      <c r="EH380" s="23"/>
      <c r="EI380" s="23"/>
      <c r="EJ380" s="23"/>
      <c r="EK380" s="23"/>
      <c r="EL380" s="23"/>
      <c r="EM380" s="23"/>
      <c r="EN380" s="23"/>
      <c r="EO380" s="23"/>
      <c r="EP380" s="23"/>
      <c r="EQ380" s="23"/>
      <c r="ER380" s="23"/>
      <c r="ES380" s="23"/>
      <c r="ET380" s="23"/>
      <c r="EU380" s="23"/>
      <c r="EV380" s="23"/>
      <c r="EW380" s="23"/>
      <c r="EX380" s="23"/>
      <c r="EY380" s="23"/>
      <c r="EZ380" s="23"/>
      <c r="FA380" s="23"/>
      <c r="FB380" s="23"/>
      <c r="FC380" s="23"/>
      <c r="FD380" s="23"/>
      <c r="FE380" s="23"/>
      <c r="FF380" s="23"/>
      <c r="FG380" s="23"/>
      <c r="FH380" s="23"/>
      <c r="FI380" s="23"/>
      <c r="FJ380" s="23"/>
      <c r="FK380" s="23"/>
      <c r="FL380" s="23"/>
      <c r="FM380" s="23"/>
      <c r="FN380" s="23"/>
      <c r="FO380" s="23"/>
      <c r="FP380" s="23"/>
      <c r="FQ380" s="23"/>
      <c r="FR380" s="23"/>
      <c r="FS380" s="23"/>
      <c r="FT380" s="23"/>
      <c r="FU380" s="23"/>
      <c r="FV380" s="23"/>
      <c r="FW380" s="23"/>
      <c r="FX380" s="23"/>
      <c r="FY380" s="23"/>
      <c r="FZ380" s="23"/>
      <c r="GA380" s="23"/>
      <c r="GB380" s="23"/>
      <c r="GC380" s="23"/>
      <c r="GD380" s="23"/>
      <c r="GE380" s="23"/>
      <c r="GF380" s="23"/>
      <c r="GG380" s="23"/>
      <c r="GH380" s="23"/>
      <c r="GI380" s="23"/>
      <c r="GJ380" s="23"/>
      <c r="GK380" s="23"/>
      <c r="GL380" s="23"/>
      <c r="GM380" s="23"/>
      <c r="GN380" s="23"/>
      <c r="GO380" s="23"/>
      <c r="GP380" s="23"/>
      <c r="GQ380" s="23"/>
      <c r="GR380" s="23"/>
      <c r="GS380" s="23"/>
      <c r="GT380" s="23"/>
      <c r="GU380" s="23"/>
      <c r="GV380" s="23"/>
      <c r="GW380" s="23"/>
      <c r="GX380" s="23"/>
      <c r="GY380" s="23"/>
      <c r="GZ380" s="23"/>
      <c r="HA380" s="23"/>
      <c r="HB380" s="23"/>
      <c r="HC380" s="23"/>
      <c r="HD380" s="23"/>
      <c r="HE380" s="23"/>
      <c r="HF380" s="23"/>
      <c r="HG380" s="23"/>
      <c r="HH380" s="23"/>
      <c r="HI380" s="23"/>
      <c r="HJ380" s="23"/>
      <c r="HK380" s="23"/>
      <c r="HL380" s="23"/>
      <c r="HM380" s="23"/>
      <c r="HN380" s="23"/>
      <c r="HO380" s="23"/>
      <c r="HP380" s="23"/>
      <c r="HQ380" s="23"/>
      <c r="HR380" s="23"/>
      <c r="HS380" s="23"/>
      <c r="HT380" s="23"/>
      <c r="HU380" s="23"/>
      <c r="HV380" s="23"/>
      <c r="HW380" s="23"/>
      <c r="HX380" s="23"/>
      <c r="HY380" s="23"/>
      <c r="HZ380" s="23"/>
      <c r="IA380" s="23"/>
      <c r="IB380" s="23"/>
      <c r="IC380" s="23"/>
      <c r="ID380" s="23"/>
      <c r="IE380" s="23"/>
      <c r="IF380" s="23"/>
      <c r="IG380" s="23"/>
      <c r="IH380" s="23"/>
      <c r="II380" s="23"/>
      <c r="IJ380" s="23"/>
      <c r="IK380" s="23"/>
      <c r="IL380" s="23"/>
      <c r="IM380" s="23"/>
      <c r="IN380" s="23"/>
      <c r="IO380" s="23"/>
      <c r="IP380" s="23"/>
      <c r="IQ380" s="23"/>
    </row>
    <row r="381" spans="1:251" s="50" customFormat="1" ht="18.75" customHeight="1">
      <c r="A381" s="34"/>
      <c r="B381" s="47"/>
      <c r="C381" s="130"/>
      <c r="D381" s="130"/>
      <c r="E381" s="130"/>
      <c r="F381" s="130"/>
      <c r="G381" s="130"/>
      <c r="H381" s="130"/>
      <c r="I381" s="130"/>
      <c r="J381" s="130"/>
      <c r="K381" s="130"/>
      <c r="L381" s="130"/>
      <c r="M381" s="130"/>
      <c r="N381" s="130"/>
      <c r="O381" s="130"/>
      <c r="P381" s="130"/>
      <c r="Q381" s="130"/>
      <c r="R381" s="130"/>
      <c r="S381" s="130"/>
      <c r="T381" s="130"/>
      <c r="U381" s="130"/>
      <c r="V381" s="130"/>
      <c r="W381" s="130"/>
      <c r="X381" s="130"/>
      <c r="Y381" s="130"/>
      <c r="Z381" s="131"/>
      <c r="AA381" s="132"/>
      <c r="AB381" s="200"/>
      <c r="AC381" s="200"/>
      <c r="AD381" s="200"/>
      <c r="AE381" s="200"/>
      <c r="AF381" s="200"/>
      <c r="AG381" s="200"/>
      <c r="AH381" s="200"/>
      <c r="AI381" s="201"/>
      <c r="AJ381" s="132"/>
      <c r="AK381" s="196"/>
      <c r="AL381" s="196"/>
      <c r="AM381" s="196"/>
      <c r="AN381" s="196"/>
      <c r="AO381" s="196"/>
      <c r="AP381" s="196"/>
      <c r="AQ381" s="196"/>
      <c r="AR381" s="197"/>
      <c r="AS381" s="132"/>
      <c r="AT381" s="196"/>
      <c r="AU381" s="196"/>
      <c r="AV381" s="196"/>
      <c r="AW381" s="196"/>
      <c r="AX381" s="202"/>
      <c r="AY381" s="23"/>
      <c r="AZ381" s="23"/>
      <c r="BA381" s="23"/>
      <c r="BB381" s="23"/>
      <c r="BC381" s="23"/>
      <c r="BD381" s="23"/>
      <c r="BE381" s="23"/>
      <c r="BF381" s="23"/>
      <c r="BG381" s="23"/>
      <c r="BH381" s="23"/>
      <c r="BI381" s="23"/>
      <c r="BJ381" s="23"/>
      <c r="BK381" s="23"/>
      <c r="BL381" s="23"/>
      <c r="BM381" s="23"/>
      <c r="BN381" s="23"/>
      <c r="BO381" s="23"/>
      <c r="BP381" s="23"/>
      <c r="BQ381" s="23"/>
      <c r="BR381" s="23"/>
      <c r="BS381" s="23"/>
      <c r="BT381" s="23"/>
      <c r="BU381" s="23"/>
      <c r="BV381" s="23"/>
      <c r="BW381" s="23"/>
      <c r="BX381" s="23"/>
      <c r="BY381" s="23"/>
      <c r="BZ381" s="23"/>
      <c r="CA381" s="23"/>
      <c r="CB381" s="23"/>
      <c r="CC381" s="23"/>
      <c r="CD381" s="23"/>
      <c r="CE381" s="23"/>
      <c r="CF381" s="23"/>
      <c r="CG381" s="23"/>
      <c r="CH381" s="23"/>
      <c r="CI381" s="23"/>
      <c r="CJ381" s="23"/>
      <c r="CK381" s="23"/>
      <c r="CL381" s="23"/>
      <c r="CM381" s="23"/>
      <c r="CN381" s="23"/>
      <c r="CO381" s="23"/>
      <c r="CP381" s="23"/>
      <c r="CQ381" s="23"/>
      <c r="CR381" s="23"/>
      <c r="CS381" s="23"/>
      <c r="CT381" s="23"/>
      <c r="CU381" s="23"/>
      <c r="CV381" s="23"/>
      <c r="CW381" s="23"/>
      <c r="CX381" s="23"/>
      <c r="CY381" s="23"/>
      <c r="CZ381" s="23"/>
      <c r="DA381" s="23"/>
      <c r="DB381" s="23"/>
      <c r="DC381" s="23"/>
      <c r="DD381" s="23"/>
      <c r="DE381" s="23"/>
      <c r="DF381" s="23"/>
      <c r="DG381" s="23"/>
      <c r="DH381" s="23"/>
      <c r="DI381" s="23"/>
      <c r="DJ381" s="23"/>
      <c r="DK381" s="23"/>
      <c r="DL381" s="23"/>
      <c r="DM381" s="23"/>
      <c r="DN381" s="23"/>
      <c r="DO381" s="23"/>
      <c r="DP381" s="23"/>
      <c r="DQ381" s="23"/>
      <c r="DR381" s="23"/>
      <c r="DS381" s="23"/>
      <c r="DT381" s="23"/>
      <c r="DU381" s="23"/>
      <c r="DV381" s="23"/>
      <c r="DW381" s="23"/>
      <c r="DX381" s="23"/>
      <c r="DY381" s="23"/>
      <c r="DZ381" s="23"/>
      <c r="EA381" s="23"/>
      <c r="EB381" s="23"/>
      <c r="EC381" s="23"/>
      <c r="ED381" s="23"/>
      <c r="EE381" s="23"/>
      <c r="EF381" s="23"/>
      <c r="EG381" s="23"/>
      <c r="EH381" s="23"/>
      <c r="EI381" s="23"/>
      <c r="EJ381" s="23"/>
      <c r="EK381" s="23"/>
      <c r="EL381" s="23"/>
      <c r="EM381" s="23"/>
      <c r="EN381" s="23"/>
      <c r="EO381" s="23"/>
      <c r="EP381" s="23"/>
      <c r="EQ381" s="23"/>
      <c r="ER381" s="23"/>
      <c r="ES381" s="23"/>
      <c r="ET381" s="23"/>
      <c r="EU381" s="23"/>
      <c r="EV381" s="23"/>
      <c r="EW381" s="23"/>
      <c r="EX381" s="23"/>
      <c r="EY381" s="23"/>
      <c r="EZ381" s="23"/>
      <c r="FA381" s="23"/>
      <c r="FB381" s="23"/>
      <c r="FC381" s="23"/>
      <c r="FD381" s="23"/>
      <c r="FE381" s="23"/>
      <c r="FF381" s="23"/>
      <c r="FG381" s="23"/>
      <c r="FH381" s="23"/>
      <c r="FI381" s="23"/>
      <c r="FJ381" s="23"/>
      <c r="FK381" s="23"/>
      <c r="FL381" s="23"/>
      <c r="FM381" s="23"/>
      <c r="FN381" s="23"/>
      <c r="FO381" s="23"/>
      <c r="FP381" s="23"/>
      <c r="FQ381" s="23"/>
      <c r="FR381" s="23"/>
      <c r="FS381" s="23"/>
      <c r="FT381" s="23"/>
      <c r="FU381" s="23"/>
      <c r="FV381" s="23"/>
      <c r="FW381" s="23"/>
      <c r="FX381" s="23"/>
      <c r="FY381" s="23"/>
      <c r="FZ381" s="23"/>
      <c r="GA381" s="23"/>
      <c r="GB381" s="23"/>
      <c r="GC381" s="23"/>
      <c r="GD381" s="23"/>
      <c r="GE381" s="23"/>
      <c r="GF381" s="23"/>
      <c r="GG381" s="23"/>
      <c r="GH381" s="23"/>
      <c r="GI381" s="23"/>
      <c r="GJ381" s="23"/>
      <c r="GK381" s="23"/>
      <c r="GL381" s="23"/>
      <c r="GM381" s="23"/>
      <c r="GN381" s="23"/>
      <c r="GO381" s="23"/>
      <c r="GP381" s="23"/>
      <c r="GQ381" s="23"/>
      <c r="GR381" s="23"/>
      <c r="GS381" s="23"/>
      <c r="GT381" s="23"/>
      <c r="GU381" s="23"/>
      <c r="GV381" s="23"/>
      <c r="GW381" s="23"/>
      <c r="GX381" s="23"/>
      <c r="GY381" s="23"/>
      <c r="GZ381" s="23"/>
      <c r="HA381" s="23"/>
      <c r="HB381" s="23"/>
      <c r="HC381" s="23"/>
      <c r="HD381" s="23"/>
      <c r="HE381" s="23"/>
      <c r="HF381" s="23"/>
      <c r="HG381" s="23"/>
      <c r="HH381" s="23"/>
      <c r="HI381" s="23"/>
      <c r="HJ381" s="23"/>
      <c r="HK381" s="23"/>
      <c r="HL381" s="23"/>
      <c r="HM381" s="23"/>
      <c r="HN381" s="23"/>
      <c r="HO381" s="23"/>
      <c r="HP381" s="23"/>
      <c r="HQ381" s="23"/>
      <c r="HR381" s="23"/>
      <c r="HS381" s="23"/>
      <c r="HT381" s="23"/>
      <c r="HU381" s="23"/>
      <c r="HV381" s="23"/>
      <c r="HW381" s="23"/>
      <c r="HX381" s="23"/>
      <c r="HY381" s="23"/>
      <c r="HZ381" s="23"/>
      <c r="IA381" s="23"/>
      <c r="IB381" s="23"/>
      <c r="IC381" s="23"/>
      <c r="ID381" s="23"/>
      <c r="IE381" s="23"/>
      <c r="IF381" s="23"/>
      <c r="IG381" s="23"/>
      <c r="IH381" s="23"/>
      <c r="II381" s="23"/>
      <c r="IJ381" s="23"/>
      <c r="IK381" s="23"/>
      <c r="IL381" s="23"/>
      <c r="IM381" s="23"/>
      <c r="IN381" s="23"/>
      <c r="IO381" s="23"/>
      <c r="IP381" s="23"/>
      <c r="IQ381" s="23"/>
    </row>
    <row r="382" spans="1:251" s="50" customFormat="1" ht="18.75" customHeight="1">
      <c r="A382" s="34"/>
      <c r="B382" s="48"/>
      <c r="C382" s="130"/>
      <c r="D382" s="130"/>
      <c r="E382" s="130"/>
      <c r="F382" s="130"/>
      <c r="G382" s="130"/>
      <c r="H382" s="130"/>
      <c r="I382" s="130"/>
      <c r="J382" s="130"/>
      <c r="K382" s="130"/>
      <c r="L382" s="130"/>
      <c r="M382" s="130"/>
      <c r="N382" s="130"/>
      <c r="O382" s="130"/>
      <c r="P382" s="130"/>
      <c r="Q382" s="130"/>
      <c r="R382" s="130"/>
      <c r="S382" s="130"/>
      <c r="T382" s="130"/>
      <c r="U382" s="130"/>
      <c r="V382" s="130"/>
      <c r="W382" s="130"/>
      <c r="X382" s="130"/>
      <c r="Y382" s="130"/>
      <c r="Z382" s="131"/>
      <c r="AA382" s="132"/>
      <c r="AB382" s="200"/>
      <c r="AC382" s="200"/>
      <c r="AD382" s="200"/>
      <c r="AE382" s="200"/>
      <c r="AF382" s="200"/>
      <c r="AG382" s="200"/>
      <c r="AH382" s="200"/>
      <c r="AI382" s="201"/>
      <c r="AJ382" s="132"/>
      <c r="AK382" s="133"/>
      <c r="AL382" s="133"/>
      <c r="AM382" s="133"/>
      <c r="AN382" s="133"/>
      <c r="AO382" s="133"/>
      <c r="AP382" s="133"/>
      <c r="AQ382" s="133"/>
      <c r="AR382" s="134"/>
      <c r="AS382" s="132"/>
      <c r="AT382" s="196"/>
      <c r="AU382" s="196"/>
      <c r="AV382" s="196"/>
      <c r="AW382" s="196"/>
      <c r="AX382" s="202"/>
      <c r="AY382" s="23"/>
      <c r="AZ382" s="23"/>
      <c r="BA382" s="23"/>
      <c r="BB382" s="23"/>
      <c r="BC382" s="23"/>
      <c r="BD382" s="23"/>
      <c r="BE382" s="23"/>
      <c r="BF382" s="23"/>
      <c r="BG382" s="23"/>
      <c r="BH382" s="23"/>
      <c r="BI382" s="23"/>
      <c r="BJ382" s="23"/>
      <c r="BK382" s="23"/>
      <c r="BL382" s="23"/>
      <c r="BM382" s="23"/>
      <c r="BN382" s="23"/>
      <c r="BO382" s="23"/>
      <c r="BP382" s="23"/>
      <c r="BQ382" s="23"/>
      <c r="BR382" s="23"/>
      <c r="BS382" s="23"/>
      <c r="BT382" s="23"/>
      <c r="BU382" s="23"/>
      <c r="BV382" s="23"/>
      <c r="BW382" s="23"/>
      <c r="BX382" s="23"/>
      <c r="BY382" s="23"/>
      <c r="BZ382" s="23"/>
      <c r="CA382" s="23"/>
      <c r="CB382" s="23"/>
      <c r="CC382" s="23"/>
      <c r="CD382" s="23"/>
      <c r="CE382" s="23"/>
      <c r="CF382" s="23"/>
      <c r="CG382" s="23"/>
      <c r="CH382" s="23"/>
      <c r="CI382" s="23"/>
      <c r="CJ382" s="23"/>
      <c r="CK382" s="23"/>
      <c r="CL382" s="23"/>
      <c r="CM382" s="23"/>
      <c r="CN382" s="23"/>
      <c r="CO382" s="23"/>
      <c r="CP382" s="23"/>
      <c r="CQ382" s="23"/>
      <c r="CR382" s="23"/>
      <c r="CS382" s="23"/>
      <c r="CT382" s="23"/>
      <c r="CU382" s="23"/>
      <c r="CV382" s="23"/>
      <c r="CW382" s="23"/>
      <c r="CX382" s="23"/>
      <c r="CY382" s="23"/>
      <c r="CZ382" s="23"/>
      <c r="DA382" s="23"/>
      <c r="DB382" s="23"/>
      <c r="DC382" s="23"/>
      <c r="DD382" s="23"/>
      <c r="DE382" s="23"/>
      <c r="DF382" s="23"/>
      <c r="DG382" s="23"/>
      <c r="DH382" s="23"/>
      <c r="DI382" s="23"/>
      <c r="DJ382" s="23"/>
      <c r="DK382" s="23"/>
      <c r="DL382" s="23"/>
      <c r="DM382" s="23"/>
      <c r="DN382" s="23"/>
      <c r="DO382" s="23"/>
      <c r="DP382" s="23"/>
      <c r="DQ382" s="23"/>
      <c r="DR382" s="23"/>
      <c r="DS382" s="23"/>
      <c r="DT382" s="23"/>
      <c r="DU382" s="23"/>
      <c r="DV382" s="23"/>
      <c r="DW382" s="23"/>
      <c r="DX382" s="23"/>
      <c r="DY382" s="23"/>
      <c r="DZ382" s="23"/>
      <c r="EA382" s="23"/>
      <c r="EB382" s="23"/>
      <c r="EC382" s="23"/>
      <c r="ED382" s="23"/>
      <c r="EE382" s="23"/>
      <c r="EF382" s="23"/>
      <c r="EG382" s="23"/>
      <c r="EH382" s="23"/>
      <c r="EI382" s="23"/>
      <c r="EJ382" s="23"/>
      <c r="EK382" s="23"/>
      <c r="EL382" s="23"/>
      <c r="EM382" s="23"/>
      <c r="EN382" s="23"/>
      <c r="EO382" s="23"/>
      <c r="EP382" s="23"/>
      <c r="EQ382" s="23"/>
      <c r="ER382" s="23"/>
      <c r="ES382" s="23"/>
      <c r="ET382" s="23"/>
      <c r="EU382" s="23"/>
      <c r="EV382" s="23"/>
      <c r="EW382" s="23"/>
      <c r="EX382" s="23"/>
      <c r="EY382" s="23"/>
      <c r="EZ382" s="23"/>
      <c r="FA382" s="23"/>
      <c r="FB382" s="23"/>
      <c r="FC382" s="23"/>
      <c r="FD382" s="23"/>
      <c r="FE382" s="23"/>
      <c r="FF382" s="23"/>
      <c r="FG382" s="23"/>
      <c r="FH382" s="23"/>
      <c r="FI382" s="23"/>
      <c r="FJ382" s="23"/>
      <c r="FK382" s="23"/>
      <c r="FL382" s="23"/>
      <c r="FM382" s="23"/>
      <c r="FN382" s="23"/>
      <c r="FO382" s="23"/>
      <c r="FP382" s="23"/>
      <c r="FQ382" s="23"/>
      <c r="FR382" s="23"/>
      <c r="FS382" s="23"/>
      <c r="FT382" s="23"/>
      <c r="FU382" s="23"/>
      <c r="FV382" s="23"/>
      <c r="FW382" s="23"/>
      <c r="FX382" s="23"/>
      <c r="FY382" s="23"/>
      <c r="FZ382" s="23"/>
      <c r="GA382" s="23"/>
      <c r="GB382" s="23"/>
      <c r="GC382" s="23"/>
      <c r="GD382" s="23"/>
      <c r="GE382" s="23"/>
      <c r="GF382" s="23"/>
      <c r="GG382" s="23"/>
      <c r="GH382" s="23"/>
      <c r="GI382" s="23"/>
      <c r="GJ382" s="23"/>
      <c r="GK382" s="23"/>
      <c r="GL382" s="23"/>
      <c r="GM382" s="23"/>
      <c r="GN382" s="23"/>
      <c r="GO382" s="23"/>
      <c r="GP382" s="23"/>
      <c r="GQ382" s="23"/>
      <c r="GR382" s="23"/>
      <c r="GS382" s="23"/>
      <c r="GT382" s="23"/>
      <c r="GU382" s="23"/>
      <c r="GV382" s="23"/>
      <c r="GW382" s="23"/>
      <c r="GX382" s="23"/>
      <c r="GY382" s="23"/>
      <c r="GZ382" s="23"/>
      <c r="HA382" s="23"/>
      <c r="HB382" s="23"/>
      <c r="HC382" s="23"/>
      <c r="HD382" s="23"/>
      <c r="HE382" s="23"/>
      <c r="HF382" s="23"/>
      <c r="HG382" s="23"/>
      <c r="HH382" s="23"/>
      <c r="HI382" s="23"/>
      <c r="HJ382" s="23"/>
      <c r="HK382" s="23"/>
      <c r="HL382" s="23"/>
      <c r="HM382" s="23"/>
      <c r="HN382" s="23"/>
      <c r="HO382" s="23"/>
      <c r="HP382" s="23"/>
      <c r="HQ382" s="23"/>
      <c r="HR382" s="23"/>
      <c r="HS382" s="23"/>
      <c r="HT382" s="23"/>
      <c r="HU382" s="23"/>
      <c r="HV382" s="23"/>
      <c r="HW382" s="23"/>
      <c r="HX382" s="23"/>
      <c r="HY382" s="23"/>
      <c r="HZ382" s="23"/>
      <c r="IA382" s="23"/>
      <c r="IB382" s="23"/>
      <c r="IC382" s="23"/>
      <c r="ID382" s="23"/>
      <c r="IE382" s="23"/>
      <c r="IF382" s="23"/>
      <c r="IG382" s="23"/>
      <c r="IH382" s="23"/>
      <c r="II382" s="23"/>
      <c r="IJ382" s="23"/>
      <c r="IK382" s="23"/>
      <c r="IL382" s="23"/>
      <c r="IM382" s="23"/>
      <c r="IN382" s="23"/>
      <c r="IO382" s="23"/>
      <c r="IP382" s="23"/>
      <c r="IQ382" s="23"/>
    </row>
    <row r="383" spans="1:251" s="50" customFormat="1" ht="18.75" customHeight="1" thickBot="1">
      <c r="A383" s="34"/>
      <c r="B383" s="49"/>
      <c r="C383" s="158"/>
      <c r="D383" s="158"/>
      <c r="E383" s="158"/>
      <c r="F383" s="158"/>
      <c r="G383" s="158"/>
      <c r="H383" s="158"/>
      <c r="I383" s="158"/>
      <c r="J383" s="158"/>
      <c r="K383" s="158"/>
      <c r="L383" s="158"/>
      <c r="M383" s="158"/>
      <c r="N383" s="158"/>
      <c r="O383" s="158"/>
      <c r="P383" s="158"/>
      <c r="Q383" s="158"/>
      <c r="R383" s="158"/>
      <c r="S383" s="158"/>
      <c r="T383" s="158"/>
      <c r="U383" s="158"/>
      <c r="V383" s="158"/>
      <c r="W383" s="158"/>
      <c r="X383" s="158"/>
      <c r="Y383" s="158"/>
      <c r="Z383" s="159"/>
      <c r="AA383" s="160"/>
      <c r="AB383" s="211"/>
      <c r="AC383" s="211"/>
      <c r="AD383" s="211"/>
      <c r="AE383" s="211"/>
      <c r="AF383" s="211"/>
      <c r="AG383" s="211"/>
      <c r="AH383" s="211"/>
      <c r="AI383" s="212"/>
      <c r="AJ383" s="160"/>
      <c r="AK383" s="161"/>
      <c r="AL383" s="161"/>
      <c r="AM383" s="161"/>
      <c r="AN383" s="161"/>
      <c r="AO383" s="161"/>
      <c r="AP383" s="161"/>
      <c r="AQ383" s="161"/>
      <c r="AR383" s="162"/>
      <c r="AS383" s="188"/>
      <c r="AT383" s="213"/>
      <c r="AU383" s="213"/>
      <c r="AV383" s="213"/>
      <c r="AW383" s="213"/>
      <c r="AX383" s="214"/>
      <c r="AY383" s="23"/>
      <c r="AZ383" s="23"/>
      <c r="BA383" s="23"/>
      <c r="BB383" s="23"/>
      <c r="BC383" s="23"/>
      <c r="BD383" s="23"/>
      <c r="BE383" s="23"/>
      <c r="BF383" s="23"/>
      <c r="BG383" s="23"/>
      <c r="BH383" s="23"/>
      <c r="BI383" s="23"/>
      <c r="BJ383" s="23"/>
      <c r="BK383" s="23"/>
      <c r="BL383" s="23"/>
      <c r="BM383" s="23"/>
      <c r="BN383" s="23"/>
      <c r="BO383" s="23"/>
      <c r="BP383" s="23"/>
      <c r="BQ383" s="23"/>
      <c r="BR383" s="23"/>
      <c r="BS383" s="23"/>
      <c r="BT383" s="23"/>
      <c r="BU383" s="23"/>
      <c r="BV383" s="23"/>
      <c r="BW383" s="23"/>
      <c r="BX383" s="23"/>
      <c r="BY383" s="23"/>
      <c r="BZ383" s="23"/>
      <c r="CA383" s="23"/>
      <c r="CB383" s="23"/>
      <c r="CC383" s="23"/>
      <c r="CD383" s="23"/>
      <c r="CE383" s="23"/>
      <c r="CF383" s="23"/>
      <c r="CG383" s="23"/>
      <c r="CH383" s="23"/>
      <c r="CI383" s="23"/>
      <c r="CJ383" s="23"/>
      <c r="CK383" s="23"/>
      <c r="CL383" s="23"/>
      <c r="CM383" s="23"/>
      <c r="CN383" s="23"/>
      <c r="CO383" s="23"/>
      <c r="CP383" s="23"/>
      <c r="CQ383" s="23"/>
      <c r="CR383" s="23"/>
      <c r="CS383" s="23"/>
      <c r="CT383" s="23"/>
      <c r="CU383" s="23"/>
      <c r="CV383" s="23"/>
      <c r="CW383" s="23"/>
      <c r="CX383" s="23"/>
      <c r="CY383" s="23"/>
      <c r="CZ383" s="23"/>
      <c r="DA383" s="23"/>
      <c r="DB383" s="23"/>
      <c r="DC383" s="23"/>
      <c r="DD383" s="23"/>
      <c r="DE383" s="23"/>
      <c r="DF383" s="23"/>
      <c r="DG383" s="23"/>
      <c r="DH383" s="23"/>
      <c r="DI383" s="23"/>
      <c r="DJ383" s="23"/>
      <c r="DK383" s="23"/>
      <c r="DL383" s="23"/>
      <c r="DM383" s="23"/>
      <c r="DN383" s="23"/>
      <c r="DO383" s="23"/>
      <c r="DP383" s="23"/>
      <c r="DQ383" s="23"/>
      <c r="DR383" s="23"/>
      <c r="DS383" s="23"/>
      <c r="DT383" s="23"/>
      <c r="DU383" s="23"/>
      <c r="DV383" s="23"/>
      <c r="DW383" s="23"/>
      <c r="DX383" s="23"/>
      <c r="DY383" s="23"/>
      <c r="DZ383" s="23"/>
      <c r="EA383" s="23"/>
      <c r="EB383" s="23"/>
      <c r="EC383" s="23"/>
      <c r="ED383" s="23"/>
      <c r="EE383" s="23"/>
      <c r="EF383" s="23"/>
      <c r="EG383" s="23"/>
      <c r="EH383" s="23"/>
      <c r="EI383" s="23"/>
      <c r="EJ383" s="23"/>
      <c r="EK383" s="23"/>
      <c r="EL383" s="23"/>
      <c r="EM383" s="23"/>
      <c r="EN383" s="23"/>
      <c r="EO383" s="23"/>
      <c r="EP383" s="23"/>
      <c r="EQ383" s="23"/>
      <c r="ER383" s="23"/>
      <c r="ES383" s="23"/>
      <c r="ET383" s="23"/>
      <c r="EU383" s="23"/>
      <c r="EV383" s="23"/>
      <c r="EW383" s="23"/>
      <c r="EX383" s="23"/>
      <c r="EY383" s="23"/>
      <c r="EZ383" s="23"/>
      <c r="FA383" s="23"/>
      <c r="FB383" s="23"/>
      <c r="FC383" s="23"/>
      <c r="FD383" s="23"/>
      <c r="FE383" s="23"/>
      <c r="FF383" s="23"/>
      <c r="FG383" s="23"/>
      <c r="FH383" s="23"/>
      <c r="FI383" s="23"/>
      <c r="FJ383" s="23"/>
      <c r="FK383" s="23"/>
      <c r="FL383" s="23"/>
      <c r="FM383" s="23"/>
      <c r="FN383" s="23"/>
      <c r="FO383" s="23"/>
      <c r="FP383" s="23"/>
      <c r="FQ383" s="23"/>
      <c r="FR383" s="23"/>
      <c r="FS383" s="23"/>
      <c r="FT383" s="23"/>
      <c r="FU383" s="23"/>
      <c r="FV383" s="23"/>
      <c r="FW383" s="23"/>
      <c r="FX383" s="23"/>
      <c r="FY383" s="23"/>
      <c r="FZ383" s="23"/>
      <c r="GA383" s="23"/>
      <c r="GB383" s="23"/>
      <c r="GC383" s="23"/>
      <c r="GD383" s="23"/>
      <c r="GE383" s="23"/>
      <c r="GF383" s="23"/>
      <c r="GG383" s="23"/>
      <c r="GH383" s="23"/>
      <c r="GI383" s="23"/>
      <c r="GJ383" s="23"/>
      <c r="GK383" s="23"/>
      <c r="GL383" s="23"/>
      <c r="GM383" s="23"/>
      <c r="GN383" s="23"/>
      <c r="GO383" s="23"/>
      <c r="GP383" s="23"/>
      <c r="GQ383" s="23"/>
      <c r="GR383" s="23"/>
      <c r="GS383" s="23"/>
      <c r="GT383" s="23"/>
      <c r="GU383" s="23"/>
      <c r="GV383" s="23"/>
      <c r="GW383" s="23"/>
      <c r="GX383" s="23"/>
      <c r="GY383" s="23"/>
      <c r="GZ383" s="23"/>
      <c r="HA383" s="23"/>
      <c r="HB383" s="23"/>
      <c r="HC383" s="23"/>
      <c r="HD383" s="23"/>
      <c r="HE383" s="23"/>
      <c r="HF383" s="23"/>
      <c r="HG383" s="23"/>
      <c r="HH383" s="23"/>
      <c r="HI383" s="23"/>
      <c r="HJ383" s="23"/>
      <c r="HK383" s="23"/>
      <c r="HL383" s="23"/>
      <c r="HM383" s="23"/>
      <c r="HN383" s="23"/>
      <c r="HO383" s="23"/>
      <c r="HP383" s="23"/>
      <c r="HQ383" s="23"/>
      <c r="HR383" s="23"/>
      <c r="HS383" s="23"/>
      <c r="HT383" s="23"/>
      <c r="HU383" s="23"/>
      <c r="HV383" s="23"/>
      <c r="HW383" s="23"/>
      <c r="HX383" s="23"/>
      <c r="HY383" s="23"/>
      <c r="HZ383" s="23"/>
      <c r="IA383" s="23"/>
      <c r="IB383" s="23"/>
      <c r="IC383" s="23"/>
      <c r="ID383" s="23"/>
      <c r="IE383" s="23"/>
      <c r="IF383" s="23"/>
      <c r="IG383" s="23"/>
      <c r="IH383" s="23"/>
      <c r="II383" s="23"/>
      <c r="IJ383" s="23"/>
      <c r="IK383" s="23"/>
      <c r="IL383" s="23"/>
      <c r="IM383" s="23"/>
      <c r="IN383" s="23"/>
      <c r="IO383" s="23"/>
      <c r="IP383" s="23"/>
      <c r="IQ383" s="23"/>
    </row>
    <row r="384" spans="1:251" s="50" customFormat="1" ht="18.75" customHeight="1" thickTop="1" thickBot="1">
      <c r="A384" s="38"/>
      <c r="B384" s="164" t="s">
        <v>105</v>
      </c>
      <c r="C384" s="191"/>
      <c r="D384" s="191"/>
      <c r="E384" s="191"/>
      <c r="F384" s="191"/>
      <c r="G384" s="191"/>
      <c r="H384" s="191"/>
      <c r="I384" s="191"/>
      <c r="J384" s="191"/>
      <c r="K384" s="191"/>
      <c r="L384" s="191"/>
      <c r="M384" s="191"/>
      <c r="N384" s="191"/>
      <c r="O384" s="191"/>
      <c r="P384" s="191"/>
      <c r="Q384" s="191"/>
      <c r="R384" s="191"/>
      <c r="S384" s="191"/>
      <c r="T384" s="191"/>
      <c r="U384" s="191"/>
      <c r="V384" s="191"/>
      <c r="W384" s="191"/>
      <c r="X384" s="191"/>
      <c r="Y384" s="191"/>
      <c r="Z384" s="192"/>
      <c r="AA384" s="167">
        <f>SUM(AA376:AA383)</f>
        <v>4740709</v>
      </c>
      <c r="AB384" s="215"/>
      <c r="AC384" s="215"/>
      <c r="AD384" s="215"/>
      <c r="AE384" s="215"/>
      <c r="AF384" s="215"/>
      <c r="AG384" s="215"/>
      <c r="AH384" s="215"/>
      <c r="AI384" s="216"/>
      <c r="AJ384" s="167">
        <f>SUM(AJ376:AJ383)</f>
        <v>3325638</v>
      </c>
      <c r="AK384" s="215"/>
      <c r="AL384" s="215"/>
      <c r="AM384" s="215"/>
      <c r="AN384" s="215"/>
      <c r="AO384" s="215"/>
      <c r="AP384" s="215"/>
      <c r="AQ384" s="215"/>
      <c r="AR384" s="216"/>
      <c r="AS384" s="167"/>
      <c r="AT384" s="215"/>
      <c r="AU384" s="215"/>
      <c r="AV384" s="215"/>
      <c r="AW384" s="215"/>
      <c r="AX384" s="217"/>
      <c r="AY384" s="23"/>
      <c r="AZ384" s="23"/>
      <c r="BA384" s="23"/>
      <c r="BB384" s="23"/>
      <c r="BC384" s="23"/>
      <c r="BD384" s="23"/>
      <c r="BE384" s="23"/>
      <c r="BF384" s="23"/>
      <c r="BG384" s="23"/>
      <c r="BH384" s="23"/>
      <c r="BI384" s="23"/>
      <c r="BJ384" s="23"/>
      <c r="BK384" s="23"/>
      <c r="BL384" s="23"/>
      <c r="BM384" s="23"/>
      <c r="BN384" s="23"/>
      <c r="BO384" s="23"/>
      <c r="BP384" s="23"/>
      <c r="BQ384" s="23"/>
      <c r="BR384" s="23"/>
      <c r="BS384" s="23"/>
      <c r="BT384" s="23"/>
      <c r="BU384" s="23"/>
      <c r="BV384" s="23"/>
      <c r="BW384" s="23"/>
      <c r="BX384" s="23"/>
      <c r="BY384" s="23"/>
      <c r="BZ384" s="23"/>
      <c r="CA384" s="23"/>
      <c r="CB384" s="23"/>
      <c r="CC384" s="23"/>
      <c r="CD384" s="23"/>
      <c r="CE384" s="23"/>
      <c r="CF384" s="23"/>
      <c r="CG384" s="23"/>
      <c r="CH384" s="23"/>
      <c r="CI384" s="23"/>
      <c r="CJ384" s="23"/>
      <c r="CK384" s="23"/>
      <c r="CL384" s="23"/>
      <c r="CM384" s="23"/>
      <c r="CN384" s="23"/>
      <c r="CO384" s="23"/>
      <c r="CP384" s="23"/>
      <c r="CQ384" s="23"/>
      <c r="CR384" s="23"/>
      <c r="CS384" s="23"/>
      <c r="CT384" s="23"/>
      <c r="CU384" s="23"/>
      <c r="CV384" s="23"/>
      <c r="CW384" s="23"/>
      <c r="CX384" s="23"/>
      <c r="CY384" s="23"/>
      <c r="CZ384" s="23"/>
      <c r="DA384" s="23"/>
      <c r="DB384" s="23"/>
      <c r="DC384" s="23"/>
      <c r="DD384" s="23"/>
      <c r="DE384" s="23"/>
      <c r="DF384" s="23"/>
      <c r="DG384" s="23"/>
      <c r="DH384" s="23"/>
      <c r="DI384" s="23"/>
      <c r="DJ384" s="23"/>
      <c r="DK384" s="23"/>
      <c r="DL384" s="23"/>
      <c r="DM384" s="23"/>
      <c r="DN384" s="23"/>
      <c r="DO384" s="23"/>
      <c r="DP384" s="23"/>
      <c r="DQ384" s="23"/>
      <c r="DR384" s="23"/>
      <c r="DS384" s="23"/>
      <c r="DT384" s="23"/>
      <c r="DU384" s="23"/>
      <c r="DV384" s="23"/>
      <c r="DW384" s="23"/>
      <c r="DX384" s="23"/>
      <c r="DY384" s="23"/>
      <c r="DZ384" s="23"/>
      <c r="EA384" s="23"/>
      <c r="EB384" s="23"/>
      <c r="EC384" s="23"/>
      <c r="ED384" s="23"/>
      <c r="EE384" s="23"/>
      <c r="EF384" s="23"/>
      <c r="EG384" s="23"/>
      <c r="EH384" s="23"/>
      <c r="EI384" s="23"/>
      <c r="EJ384" s="23"/>
      <c r="EK384" s="23"/>
      <c r="EL384" s="23"/>
      <c r="EM384" s="23"/>
      <c r="EN384" s="23"/>
      <c r="EO384" s="23"/>
      <c r="EP384" s="23"/>
      <c r="EQ384" s="23"/>
      <c r="ER384" s="23"/>
      <c r="ES384" s="23"/>
      <c r="ET384" s="23"/>
      <c r="EU384" s="23"/>
      <c r="EV384" s="23"/>
      <c r="EW384" s="23"/>
      <c r="EX384" s="23"/>
      <c r="EY384" s="23"/>
      <c r="EZ384" s="23"/>
      <c r="FA384" s="23"/>
      <c r="FB384" s="23"/>
      <c r="FC384" s="23"/>
      <c r="FD384" s="23"/>
      <c r="FE384" s="23"/>
      <c r="FF384" s="23"/>
      <c r="FG384" s="23"/>
      <c r="FH384" s="23"/>
      <c r="FI384" s="23"/>
      <c r="FJ384" s="23"/>
      <c r="FK384" s="23"/>
      <c r="FL384" s="23"/>
      <c r="FM384" s="23"/>
      <c r="FN384" s="23"/>
      <c r="FO384" s="23"/>
      <c r="FP384" s="23"/>
      <c r="FQ384" s="23"/>
      <c r="FR384" s="23"/>
      <c r="FS384" s="23"/>
      <c r="FT384" s="23"/>
      <c r="FU384" s="23"/>
      <c r="FV384" s="23"/>
      <c r="FW384" s="23"/>
      <c r="FX384" s="23"/>
      <c r="FY384" s="23"/>
      <c r="FZ384" s="23"/>
      <c r="GA384" s="23"/>
      <c r="GB384" s="23"/>
      <c r="GC384" s="23"/>
      <c r="GD384" s="23"/>
      <c r="GE384" s="23"/>
      <c r="GF384" s="23"/>
      <c r="GG384" s="23"/>
      <c r="GH384" s="23"/>
      <c r="GI384" s="23"/>
      <c r="GJ384" s="23"/>
      <c r="GK384" s="23"/>
      <c r="GL384" s="23"/>
      <c r="GM384" s="23"/>
      <c r="GN384" s="23"/>
      <c r="GO384" s="23"/>
      <c r="GP384" s="23"/>
      <c r="GQ384" s="23"/>
      <c r="GR384" s="23"/>
      <c r="GS384" s="23"/>
      <c r="GT384" s="23"/>
      <c r="GU384" s="23"/>
      <c r="GV384" s="23"/>
      <c r="GW384" s="23"/>
      <c r="GX384" s="23"/>
      <c r="GY384" s="23"/>
      <c r="GZ384" s="23"/>
      <c r="HA384" s="23"/>
      <c r="HB384" s="23"/>
      <c r="HC384" s="23"/>
      <c r="HD384" s="23"/>
      <c r="HE384" s="23"/>
      <c r="HF384" s="23"/>
      <c r="HG384" s="23"/>
      <c r="HH384" s="23"/>
      <c r="HI384" s="23"/>
      <c r="HJ384" s="23"/>
      <c r="HK384" s="23"/>
      <c r="HL384" s="23"/>
      <c r="HM384" s="23"/>
      <c r="HN384" s="23"/>
      <c r="HO384" s="23"/>
      <c r="HP384" s="23"/>
      <c r="HQ384" s="23"/>
      <c r="HR384" s="23"/>
      <c r="HS384" s="23"/>
      <c r="HT384" s="23"/>
      <c r="HU384" s="23"/>
      <c r="HV384" s="23"/>
      <c r="HW384" s="23"/>
      <c r="HX384" s="23"/>
      <c r="HY384" s="23"/>
      <c r="HZ384" s="23"/>
      <c r="IA384" s="23"/>
      <c r="IB384" s="23"/>
      <c r="IC384" s="23"/>
      <c r="ID384" s="23"/>
      <c r="IE384" s="23"/>
      <c r="IF384" s="23"/>
      <c r="IG384" s="23"/>
      <c r="IH384" s="23"/>
      <c r="II384" s="23"/>
      <c r="IJ384" s="23"/>
      <c r="IK384" s="23"/>
      <c r="IL384" s="23"/>
      <c r="IM384" s="23"/>
      <c r="IN384" s="23"/>
      <c r="IO384" s="23"/>
      <c r="IP384" s="23"/>
      <c r="IQ384" s="23"/>
    </row>
    <row r="385" spans="1:113" s="23" customFormat="1" ht="13.2">
      <c r="E385" s="56"/>
      <c r="F385" s="56"/>
      <c r="G385" s="56"/>
      <c r="H385" s="56"/>
      <c r="I385" s="56"/>
      <c r="J385" s="56"/>
      <c r="K385" s="56"/>
      <c r="L385" s="56"/>
      <c r="M385" s="56"/>
      <c r="N385" s="56"/>
      <c r="O385" s="56"/>
      <c r="P385" s="56"/>
      <c r="Q385" s="56"/>
      <c r="R385" s="56"/>
      <c r="S385" s="56"/>
      <c r="T385" s="56"/>
      <c r="U385" s="56"/>
      <c r="V385" s="56"/>
      <c r="W385" s="56"/>
      <c r="X385" s="56"/>
      <c r="Y385" s="56"/>
      <c r="Z385" s="56"/>
      <c r="AA385" s="56"/>
      <c r="AB385" s="56"/>
      <c r="AC385" s="56"/>
      <c r="AD385" s="56"/>
      <c r="AE385" s="56"/>
      <c r="AF385" s="56"/>
      <c r="AG385" s="56"/>
      <c r="AH385" s="56"/>
      <c r="AI385" s="56"/>
      <c r="AJ385" s="56"/>
      <c r="AK385" s="56"/>
      <c r="AL385" s="56"/>
      <c r="AM385" s="56"/>
      <c r="AN385" s="56"/>
      <c r="AO385" s="56"/>
      <c r="AP385" s="56"/>
      <c r="AQ385" s="56"/>
      <c r="AR385" s="56"/>
      <c r="AS385" s="56"/>
      <c r="AT385" s="56"/>
      <c r="AU385" s="56"/>
      <c r="AV385" s="56"/>
      <c r="AW385" s="56"/>
      <c r="AX385" s="56"/>
    </row>
    <row r="386" spans="1:113" s="23" customFormat="1" ht="19.2">
      <c r="A386" s="22" t="s">
        <v>86</v>
      </c>
      <c r="AW386" s="24"/>
      <c r="AX386" s="25"/>
      <c r="AY386" s="24"/>
    </row>
    <row r="387" spans="1:113" s="23" customFormat="1" ht="13.2"/>
    <row r="388" spans="1:113" s="23" customFormat="1">
      <c r="A388" s="26"/>
      <c r="B388" s="115" t="s">
        <v>87</v>
      </c>
      <c r="C388" s="153"/>
      <c r="D388" s="153"/>
      <c r="E388" s="153"/>
      <c r="F388" s="153"/>
      <c r="G388" s="153"/>
      <c r="H388" s="153"/>
      <c r="I388" s="153"/>
      <c r="J388" s="153"/>
      <c r="K388" s="153"/>
      <c r="L388" s="153"/>
      <c r="M388" s="153"/>
      <c r="N388" s="153"/>
      <c r="O388" s="153"/>
      <c r="P388" s="153"/>
      <c r="Q388" s="153"/>
      <c r="R388" s="153"/>
      <c r="S388" s="153"/>
      <c r="T388" s="153"/>
      <c r="U388" s="153"/>
      <c r="V388" s="153"/>
      <c r="W388" s="153"/>
      <c r="X388" s="153"/>
      <c r="Y388" s="153"/>
      <c r="Z388" s="153"/>
      <c r="AA388" s="153"/>
      <c r="AB388" s="153"/>
      <c r="AC388" s="153"/>
      <c r="AD388" s="153"/>
      <c r="AE388" s="153"/>
      <c r="AF388" s="153"/>
      <c r="AG388" s="153"/>
      <c r="AH388" s="153"/>
      <c r="AI388" s="153"/>
      <c r="AJ388" s="153"/>
      <c r="AK388" s="153"/>
      <c r="AL388" s="153"/>
      <c r="AM388" s="153"/>
      <c r="AN388" s="153"/>
      <c r="AO388" s="153"/>
      <c r="AP388" s="153"/>
      <c r="AQ388" s="153"/>
      <c r="AR388" s="153"/>
      <c r="AS388" s="153"/>
      <c r="AT388" s="153"/>
      <c r="AU388" s="153"/>
      <c r="AV388" s="153"/>
      <c r="AW388" s="153"/>
      <c r="AX388" s="153"/>
      <c r="AY388" s="26"/>
    </row>
    <row r="389" spans="1:113" s="23" customFormat="1" ht="13.2">
      <c r="Z389" s="27"/>
      <c r="AD389" s="27"/>
      <c r="AE389" s="27"/>
      <c r="AF389" s="27"/>
      <c r="AG389" s="27"/>
      <c r="AH389" s="27"/>
      <c r="AI389" s="27"/>
      <c r="AO389" s="27"/>
    </row>
    <row r="390" spans="1:113" s="23" customFormat="1" ht="13.8" thickBot="1">
      <c r="Z390" s="27"/>
      <c r="AD390" s="27"/>
      <c r="AE390" s="27"/>
      <c r="AF390" s="27"/>
      <c r="AG390" s="27"/>
      <c r="AH390" s="27"/>
      <c r="AI390" s="27"/>
      <c r="AO390" s="27"/>
      <c r="DI390" s="28"/>
    </row>
    <row r="391" spans="1:113" s="23" customFormat="1" ht="24.6" customHeight="1" thickBot="1">
      <c r="A391" s="116" t="s">
        <v>88</v>
      </c>
      <c r="B391" s="117"/>
      <c r="C391" s="117"/>
      <c r="D391" s="117"/>
      <c r="E391" s="117"/>
      <c r="F391" s="117"/>
      <c r="G391" s="117"/>
      <c r="H391" s="117"/>
      <c r="I391" s="117"/>
      <c r="J391" s="117"/>
      <c r="K391" s="118"/>
      <c r="L391" s="154">
        <v>12</v>
      </c>
      <c r="M391" s="154"/>
      <c r="N391" s="154"/>
      <c r="O391" s="155"/>
      <c r="P391" s="122" t="s">
        <v>89</v>
      </c>
      <c r="Q391" s="120"/>
      <c r="R391" s="120"/>
      <c r="S391" s="120"/>
      <c r="T391" s="120"/>
      <c r="U391" s="123"/>
      <c r="V391" s="156" t="s">
        <v>146</v>
      </c>
      <c r="W391" s="156"/>
      <c r="X391" s="156"/>
      <c r="Y391" s="156"/>
      <c r="Z391" s="156"/>
      <c r="AA391" s="156"/>
      <c r="AB391" s="156"/>
      <c r="AC391" s="156"/>
      <c r="AD391" s="156"/>
      <c r="AE391" s="156"/>
      <c r="AF391" s="156"/>
      <c r="AG391" s="156"/>
      <c r="AH391" s="156"/>
      <c r="AI391" s="156"/>
      <c r="AJ391" s="156"/>
      <c r="AK391" s="156"/>
      <c r="AL391" s="156"/>
      <c r="AM391" s="156"/>
      <c r="AN391" s="156"/>
      <c r="AO391" s="156"/>
      <c r="AP391" s="156"/>
      <c r="AQ391" s="156"/>
      <c r="AR391" s="156"/>
      <c r="AS391" s="156"/>
      <c r="AT391" s="156"/>
      <c r="AU391" s="156"/>
      <c r="AV391" s="156"/>
      <c r="AW391" s="156"/>
      <c r="AX391" s="157"/>
      <c r="DI391" s="28"/>
    </row>
    <row r="392" spans="1:113" s="23" customFormat="1" ht="14.4">
      <c r="A392" s="29"/>
      <c r="B392" s="29"/>
      <c r="C392" s="29"/>
      <c r="D392" s="29"/>
      <c r="E392" s="29"/>
      <c r="F392" s="29"/>
      <c r="G392" s="29"/>
      <c r="H392" s="29"/>
      <c r="I392" s="29"/>
      <c r="J392" s="29"/>
      <c r="K392" s="29"/>
      <c r="L392" s="30"/>
      <c r="M392" s="30"/>
      <c r="N392" s="30"/>
      <c r="O392" s="30"/>
      <c r="P392" s="29"/>
      <c r="Q392" s="29"/>
      <c r="R392" s="29"/>
      <c r="S392" s="29"/>
      <c r="T392" s="29"/>
      <c r="U392" s="29"/>
      <c r="V392" s="31"/>
      <c r="W392" s="31"/>
      <c r="X392" s="31"/>
      <c r="Y392" s="31"/>
      <c r="Z392" s="31"/>
      <c r="AA392" s="31"/>
      <c r="AB392" s="31"/>
      <c r="AC392" s="31"/>
      <c r="AD392" s="31"/>
      <c r="AE392" s="31"/>
      <c r="AF392" s="31"/>
      <c r="AG392" s="31"/>
      <c r="AH392" s="31"/>
      <c r="AI392" s="31"/>
      <c r="AJ392" s="31"/>
      <c r="AK392" s="31"/>
      <c r="AL392" s="31"/>
      <c r="AM392" s="31"/>
      <c r="AN392" s="31"/>
      <c r="AO392" s="31"/>
      <c r="AP392" s="31"/>
      <c r="AQ392" s="31"/>
      <c r="AR392" s="31"/>
      <c r="AS392" s="31"/>
      <c r="AT392" s="31"/>
      <c r="AU392" s="31"/>
      <c r="AV392" s="31"/>
      <c r="AW392" s="31"/>
      <c r="AX392" s="31"/>
      <c r="DI392" s="28"/>
    </row>
    <row r="393" spans="1:113" s="23" customFormat="1" ht="15" thickBot="1">
      <c r="A393" s="32"/>
      <c r="B393" s="33" t="s">
        <v>91</v>
      </c>
      <c r="C393" s="34"/>
      <c r="D393" s="34"/>
      <c r="E393" s="34"/>
      <c r="F393" s="34"/>
      <c r="G393" s="34"/>
      <c r="H393" s="34"/>
      <c r="I393" s="34"/>
      <c r="J393" s="34"/>
      <c r="K393" s="34"/>
      <c r="L393" s="35"/>
      <c r="M393" s="35"/>
      <c r="N393" s="35"/>
      <c r="O393" s="35"/>
      <c r="P393" s="34"/>
      <c r="Q393" s="34"/>
      <c r="R393" s="34"/>
      <c r="S393" s="34"/>
      <c r="T393" s="34"/>
      <c r="U393" s="34"/>
      <c r="V393" s="33"/>
      <c r="W393" s="33"/>
      <c r="X393" s="33"/>
      <c r="Y393" s="33"/>
      <c r="Z393" s="33"/>
      <c r="AA393" s="33"/>
      <c r="AB393" s="33"/>
      <c r="AC393" s="33"/>
      <c r="AD393" s="33"/>
      <c r="AE393" s="33"/>
      <c r="AF393" s="33"/>
      <c r="AG393" s="33"/>
      <c r="AH393" s="33"/>
      <c r="AI393" s="33"/>
      <c r="AJ393" s="33"/>
      <c r="AK393" s="33"/>
      <c r="AL393" s="33"/>
      <c r="AM393" s="33"/>
      <c r="AN393" s="33"/>
      <c r="AO393" s="33"/>
      <c r="AP393" s="33"/>
      <c r="AQ393" s="33"/>
      <c r="AR393" s="33"/>
      <c r="AS393" s="33"/>
      <c r="AT393" s="33"/>
      <c r="AU393" s="33"/>
      <c r="AV393" s="33"/>
      <c r="AW393" s="33"/>
      <c r="AX393" s="33"/>
      <c r="DI393" s="28"/>
    </row>
    <row r="394" spans="1:113" s="23" customFormat="1" ht="14.4">
      <c r="A394" s="34"/>
      <c r="B394" s="36"/>
      <c r="C394" s="29"/>
      <c r="D394" s="29"/>
      <c r="E394" s="29"/>
      <c r="F394" s="29"/>
      <c r="G394" s="29"/>
      <c r="H394" s="29"/>
      <c r="I394" s="29"/>
      <c r="J394" s="29"/>
      <c r="K394" s="29"/>
      <c r="L394" s="30"/>
      <c r="M394" s="30"/>
      <c r="N394" s="30"/>
      <c r="O394" s="30"/>
      <c r="P394" s="29"/>
      <c r="Q394" s="29"/>
      <c r="R394" s="29"/>
      <c r="S394" s="29"/>
      <c r="T394" s="29"/>
      <c r="U394" s="29"/>
      <c r="V394" s="31"/>
      <c r="W394" s="31"/>
      <c r="X394" s="31"/>
      <c r="Y394" s="31"/>
      <c r="Z394" s="31"/>
      <c r="AA394" s="31"/>
      <c r="AB394" s="31"/>
      <c r="AC394" s="31"/>
      <c r="AD394" s="31"/>
      <c r="AE394" s="31"/>
      <c r="AF394" s="31"/>
      <c r="AG394" s="31"/>
      <c r="AH394" s="31"/>
      <c r="AI394" s="31"/>
      <c r="AJ394" s="31"/>
      <c r="AK394" s="31"/>
      <c r="AL394" s="31"/>
      <c r="AM394" s="31"/>
      <c r="AN394" s="31"/>
      <c r="AO394" s="31"/>
      <c r="AP394" s="31"/>
      <c r="AQ394" s="31"/>
      <c r="AR394" s="31"/>
      <c r="AS394" s="31"/>
      <c r="AT394" s="31"/>
      <c r="AU394" s="31"/>
      <c r="AV394" s="31"/>
      <c r="AW394" s="31"/>
      <c r="AX394" s="37"/>
    </row>
    <row r="395" spans="1:113" s="23" customFormat="1" ht="10.8" customHeight="1">
      <c r="A395" s="34"/>
      <c r="B395" s="127" t="s">
        <v>147</v>
      </c>
      <c r="C395" s="128"/>
      <c r="D395" s="128"/>
      <c r="E395" s="128"/>
      <c r="F395" s="128"/>
      <c r="G395" s="128"/>
      <c r="H395" s="128"/>
      <c r="I395" s="128"/>
      <c r="J395" s="128"/>
      <c r="K395" s="128"/>
      <c r="L395" s="128"/>
      <c r="M395" s="128"/>
      <c r="N395" s="128"/>
      <c r="O395" s="128"/>
      <c r="P395" s="128"/>
      <c r="Q395" s="128"/>
      <c r="R395" s="128"/>
      <c r="S395" s="128"/>
      <c r="T395" s="128"/>
      <c r="U395" s="128"/>
      <c r="V395" s="128"/>
      <c r="W395" s="128"/>
      <c r="X395" s="128"/>
      <c r="Y395" s="128"/>
      <c r="Z395" s="128"/>
      <c r="AA395" s="128"/>
      <c r="AB395" s="128"/>
      <c r="AC395" s="128"/>
      <c r="AD395" s="128"/>
      <c r="AE395" s="128"/>
      <c r="AF395" s="128"/>
      <c r="AG395" s="128"/>
      <c r="AH395" s="128"/>
      <c r="AI395" s="128"/>
      <c r="AJ395" s="128"/>
      <c r="AK395" s="128"/>
      <c r="AL395" s="128"/>
      <c r="AM395" s="128"/>
      <c r="AN395" s="128"/>
      <c r="AO395" s="128"/>
      <c r="AP395" s="128"/>
      <c r="AQ395" s="128"/>
      <c r="AR395" s="128"/>
      <c r="AS395" s="128"/>
      <c r="AT395" s="128"/>
      <c r="AU395" s="128"/>
      <c r="AV395" s="128"/>
      <c r="AW395" s="128"/>
      <c r="AX395" s="129"/>
    </row>
    <row r="396" spans="1:113" s="23" customFormat="1" ht="10.8" customHeight="1">
      <c r="A396" s="34"/>
      <c r="B396" s="127"/>
      <c r="C396" s="128"/>
      <c r="D396" s="128"/>
      <c r="E396" s="128"/>
      <c r="F396" s="128"/>
      <c r="G396" s="128"/>
      <c r="H396" s="128"/>
      <c r="I396" s="128"/>
      <c r="J396" s="128"/>
      <c r="K396" s="128"/>
      <c r="L396" s="128"/>
      <c r="M396" s="128"/>
      <c r="N396" s="128"/>
      <c r="O396" s="128"/>
      <c r="P396" s="128"/>
      <c r="Q396" s="128"/>
      <c r="R396" s="128"/>
      <c r="S396" s="128"/>
      <c r="T396" s="128"/>
      <c r="U396" s="128"/>
      <c r="V396" s="128"/>
      <c r="W396" s="128"/>
      <c r="X396" s="128"/>
      <c r="Y396" s="128"/>
      <c r="Z396" s="128"/>
      <c r="AA396" s="128"/>
      <c r="AB396" s="128"/>
      <c r="AC396" s="128"/>
      <c r="AD396" s="128"/>
      <c r="AE396" s="128"/>
      <c r="AF396" s="128"/>
      <c r="AG396" s="128"/>
      <c r="AH396" s="128"/>
      <c r="AI396" s="128"/>
      <c r="AJ396" s="128"/>
      <c r="AK396" s="128"/>
      <c r="AL396" s="128"/>
      <c r="AM396" s="128"/>
      <c r="AN396" s="128"/>
      <c r="AO396" s="128"/>
      <c r="AP396" s="128"/>
      <c r="AQ396" s="128"/>
      <c r="AR396" s="128"/>
      <c r="AS396" s="128"/>
      <c r="AT396" s="128"/>
      <c r="AU396" s="128"/>
      <c r="AV396" s="128"/>
      <c r="AW396" s="128"/>
      <c r="AX396" s="129"/>
      <c r="BC396" s="17"/>
    </row>
    <row r="397" spans="1:113" s="23" customFormat="1" ht="10.8" customHeight="1">
      <c r="A397" s="34"/>
      <c r="B397" s="127"/>
      <c r="C397" s="128"/>
      <c r="D397" s="128"/>
      <c r="E397" s="128"/>
      <c r="F397" s="128"/>
      <c r="G397" s="128"/>
      <c r="H397" s="128"/>
      <c r="I397" s="128"/>
      <c r="J397" s="128"/>
      <c r="K397" s="128"/>
      <c r="L397" s="128"/>
      <c r="M397" s="128"/>
      <c r="N397" s="128"/>
      <c r="O397" s="128"/>
      <c r="P397" s="128"/>
      <c r="Q397" s="128"/>
      <c r="R397" s="128"/>
      <c r="S397" s="128"/>
      <c r="T397" s="128"/>
      <c r="U397" s="128"/>
      <c r="V397" s="128"/>
      <c r="W397" s="128"/>
      <c r="X397" s="128"/>
      <c r="Y397" s="128"/>
      <c r="Z397" s="128"/>
      <c r="AA397" s="128"/>
      <c r="AB397" s="128"/>
      <c r="AC397" s="128"/>
      <c r="AD397" s="128"/>
      <c r="AE397" s="128"/>
      <c r="AF397" s="128"/>
      <c r="AG397" s="128"/>
      <c r="AH397" s="128"/>
      <c r="AI397" s="128"/>
      <c r="AJ397" s="128"/>
      <c r="AK397" s="128"/>
      <c r="AL397" s="128"/>
      <c r="AM397" s="128"/>
      <c r="AN397" s="128"/>
      <c r="AO397" s="128"/>
      <c r="AP397" s="128"/>
      <c r="AQ397" s="128"/>
      <c r="AR397" s="128"/>
      <c r="AS397" s="128"/>
      <c r="AT397" s="128"/>
      <c r="AU397" s="128"/>
      <c r="AV397" s="128"/>
      <c r="AW397" s="128"/>
      <c r="AX397" s="129"/>
    </row>
    <row r="398" spans="1:113" s="23" customFormat="1" ht="10.8" customHeight="1">
      <c r="A398" s="34"/>
      <c r="B398" s="127"/>
      <c r="C398" s="128"/>
      <c r="D398" s="128"/>
      <c r="E398" s="128"/>
      <c r="F398" s="128"/>
      <c r="G398" s="128"/>
      <c r="H398" s="128"/>
      <c r="I398" s="128"/>
      <c r="J398" s="128"/>
      <c r="K398" s="128"/>
      <c r="L398" s="128"/>
      <c r="M398" s="128"/>
      <c r="N398" s="128"/>
      <c r="O398" s="128"/>
      <c r="P398" s="128"/>
      <c r="Q398" s="128"/>
      <c r="R398" s="128"/>
      <c r="S398" s="128"/>
      <c r="T398" s="128"/>
      <c r="U398" s="128"/>
      <c r="V398" s="128"/>
      <c r="W398" s="128"/>
      <c r="X398" s="128"/>
      <c r="Y398" s="128"/>
      <c r="Z398" s="128"/>
      <c r="AA398" s="128"/>
      <c r="AB398" s="128"/>
      <c r="AC398" s="128"/>
      <c r="AD398" s="128"/>
      <c r="AE398" s="128"/>
      <c r="AF398" s="128"/>
      <c r="AG398" s="128"/>
      <c r="AH398" s="128"/>
      <c r="AI398" s="128"/>
      <c r="AJ398" s="128"/>
      <c r="AK398" s="128"/>
      <c r="AL398" s="128"/>
      <c r="AM398" s="128"/>
      <c r="AN398" s="128"/>
      <c r="AO398" s="128"/>
      <c r="AP398" s="128"/>
      <c r="AQ398" s="128"/>
      <c r="AR398" s="128"/>
      <c r="AS398" s="128"/>
      <c r="AT398" s="128"/>
      <c r="AU398" s="128"/>
      <c r="AV398" s="128"/>
      <c r="AW398" s="128"/>
      <c r="AX398" s="129"/>
    </row>
    <row r="399" spans="1:113" s="23" customFormat="1" ht="10.8" customHeight="1">
      <c r="A399" s="34"/>
      <c r="B399" s="127"/>
      <c r="C399" s="128"/>
      <c r="D399" s="128"/>
      <c r="E399" s="128"/>
      <c r="F399" s="128"/>
      <c r="G399" s="128"/>
      <c r="H399" s="128"/>
      <c r="I399" s="128"/>
      <c r="J399" s="128"/>
      <c r="K399" s="128"/>
      <c r="L399" s="128"/>
      <c r="M399" s="128"/>
      <c r="N399" s="128"/>
      <c r="O399" s="128"/>
      <c r="P399" s="128"/>
      <c r="Q399" s="128"/>
      <c r="R399" s="128"/>
      <c r="S399" s="128"/>
      <c r="T399" s="128"/>
      <c r="U399" s="128"/>
      <c r="V399" s="128"/>
      <c r="W399" s="128"/>
      <c r="X399" s="128"/>
      <c r="Y399" s="128"/>
      <c r="Z399" s="128"/>
      <c r="AA399" s="128"/>
      <c r="AB399" s="128"/>
      <c r="AC399" s="128"/>
      <c r="AD399" s="128"/>
      <c r="AE399" s="128"/>
      <c r="AF399" s="128"/>
      <c r="AG399" s="128"/>
      <c r="AH399" s="128"/>
      <c r="AI399" s="128"/>
      <c r="AJ399" s="128"/>
      <c r="AK399" s="128"/>
      <c r="AL399" s="128"/>
      <c r="AM399" s="128"/>
      <c r="AN399" s="128"/>
      <c r="AO399" s="128"/>
      <c r="AP399" s="128"/>
      <c r="AQ399" s="128"/>
      <c r="AR399" s="128"/>
      <c r="AS399" s="128"/>
      <c r="AT399" s="128"/>
      <c r="AU399" s="128"/>
      <c r="AV399" s="128"/>
      <c r="AW399" s="128"/>
      <c r="AX399" s="129"/>
    </row>
    <row r="400" spans="1:113" s="23" customFormat="1" ht="10.8" customHeight="1">
      <c r="A400" s="34"/>
      <c r="B400" s="127"/>
      <c r="C400" s="128"/>
      <c r="D400" s="128"/>
      <c r="E400" s="128"/>
      <c r="F400" s="128"/>
      <c r="G400" s="128"/>
      <c r="H400" s="128"/>
      <c r="I400" s="128"/>
      <c r="J400" s="128"/>
      <c r="K400" s="128"/>
      <c r="L400" s="128"/>
      <c r="M400" s="128"/>
      <c r="N400" s="128"/>
      <c r="O400" s="128"/>
      <c r="P400" s="128"/>
      <c r="Q400" s="128"/>
      <c r="R400" s="128"/>
      <c r="S400" s="128"/>
      <c r="T400" s="128"/>
      <c r="U400" s="128"/>
      <c r="V400" s="128"/>
      <c r="W400" s="128"/>
      <c r="X400" s="128"/>
      <c r="Y400" s="128"/>
      <c r="Z400" s="128"/>
      <c r="AA400" s="128"/>
      <c r="AB400" s="128"/>
      <c r="AC400" s="128"/>
      <c r="AD400" s="128"/>
      <c r="AE400" s="128"/>
      <c r="AF400" s="128"/>
      <c r="AG400" s="128"/>
      <c r="AH400" s="128"/>
      <c r="AI400" s="128"/>
      <c r="AJ400" s="128"/>
      <c r="AK400" s="128"/>
      <c r="AL400" s="128"/>
      <c r="AM400" s="128"/>
      <c r="AN400" s="128"/>
      <c r="AO400" s="128"/>
      <c r="AP400" s="128"/>
      <c r="AQ400" s="128"/>
      <c r="AR400" s="128"/>
      <c r="AS400" s="128"/>
      <c r="AT400" s="128"/>
      <c r="AU400" s="128"/>
      <c r="AV400" s="128"/>
      <c r="AW400" s="128"/>
      <c r="AX400" s="129"/>
    </row>
    <row r="401" spans="1:251" s="23" customFormat="1" ht="10.8" customHeight="1">
      <c r="A401" s="34"/>
      <c r="B401" s="127"/>
      <c r="C401" s="128"/>
      <c r="D401" s="128"/>
      <c r="E401" s="128"/>
      <c r="F401" s="128"/>
      <c r="G401" s="128"/>
      <c r="H401" s="128"/>
      <c r="I401" s="128"/>
      <c r="J401" s="128"/>
      <c r="K401" s="128"/>
      <c r="L401" s="128"/>
      <c r="M401" s="128"/>
      <c r="N401" s="128"/>
      <c r="O401" s="128"/>
      <c r="P401" s="128"/>
      <c r="Q401" s="128"/>
      <c r="R401" s="128"/>
      <c r="S401" s="128"/>
      <c r="T401" s="128"/>
      <c r="U401" s="128"/>
      <c r="V401" s="128"/>
      <c r="W401" s="128"/>
      <c r="X401" s="128"/>
      <c r="Y401" s="128"/>
      <c r="Z401" s="128"/>
      <c r="AA401" s="128"/>
      <c r="AB401" s="128"/>
      <c r="AC401" s="128"/>
      <c r="AD401" s="128"/>
      <c r="AE401" s="128"/>
      <c r="AF401" s="128"/>
      <c r="AG401" s="128"/>
      <c r="AH401" s="128"/>
      <c r="AI401" s="128"/>
      <c r="AJ401" s="128"/>
      <c r="AK401" s="128"/>
      <c r="AL401" s="128"/>
      <c r="AM401" s="128"/>
      <c r="AN401" s="128"/>
      <c r="AO401" s="128"/>
      <c r="AP401" s="128"/>
      <c r="AQ401" s="128"/>
      <c r="AR401" s="128"/>
      <c r="AS401" s="128"/>
      <c r="AT401" s="128"/>
      <c r="AU401" s="128"/>
      <c r="AV401" s="128"/>
      <c r="AW401" s="128"/>
      <c r="AX401" s="129"/>
    </row>
    <row r="402" spans="1:251" s="23" customFormat="1" ht="10.8" customHeight="1">
      <c r="A402" s="34"/>
      <c r="B402" s="127"/>
      <c r="C402" s="128"/>
      <c r="D402" s="128"/>
      <c r="E402" s="128"/>
      <c r="F402" s="128"/>
      <c r="G402" s="128"/>
      <c r="H402" s="128"/>
      <c r="I402" s="128"/>
      <c r="J402" s="128"/>
      <c r="K402" s="128"/>
      <c r="L402" s="128"/>
      <c r="M402" s="128"/>
      <c r="N402" s="128"/>
      <c r="O402" s="128"/>
      <c r="P402" s="128"/>
      <c r="Q402" s="128"/>
      <c r="R402" s="128"/>
      <c r="S402" s="128"/>
      <c r="T402" s="128"/>
      <c r="U402" s="128"/>
      <c r="V402" s="128"/>
      <c r="W402" s="128"/>
      <c r="X402" s="128"/>
      <c r="Y402" s="128"/>
      <c r="Z402" s="128"/>
      <c r="AA402" s="128"/>
      <c r="AB402" s="128"/>
      <c r="AC402" s="128"/>
      <c r="AD402" s="128"/>
      <c r="AE402" s="128"/>
      <c r="AF402" s="128"/>
      <c r="AG402" s="128"/>
      <c r="AH402" s="128"/>
      <c r="AI402" s="128"/>
      <c r="AJ402" s="128"/>
      <c r="AK402" s="128"/>
      <c r="AL402" s="128"/>
      <c r="AM402" s="128"/>
      <c r="AN402" s="128"/>
      <c r="AO402" s="128"/>
      <c r="AP402" s="128"/>
      <c r="AQ402" s="128"/>
      <c r="AR402" s="128"/>
      <c r="AS402" s="128"/>
      <c r="AT402" s="128"/>
      <c r="AU402" s="128"/>
      <c r="AV402" s="128"/>
      <c r="AW402" s="128"/>
      <c r="AX402" s="129"/>
    </row>
    <row r="403" spans="1:251" s="23" customFormat="1" ht="10.8" customHeight="1">
      <c r="A403" s="34"/>
      <c r="B403" s="127"/>
      <c r="C403" s="128"/>
      <c r="D403" s="128"/>
      <c r="E403" s="128"/>
      <c r="F403" s="128"/>
      <c r="G403" s="128"/>
      <c r="H403" s="128"/>
      <c r="I403" s="128"/>
      <c r="J403" s="128"/>
      <c r="K403" s="128"/>
      <c r="L403" s="128"/>
      <c r="M403" s="128"/>
      <c r="N403" s="128"/>
      <c r="O403" s="128"/>
      <c r="P403" s="128"/>
      <c r="Q403" s="128"/>
      <c r="R403" s="128"/>
      <c r="S403" s="128"/>
      <c r="T403" s="128"/>
      <c r="U403" s="128"/>
      <c r="V403" s="128"/>
      <c r="W403" s="128"/>
      <c r="X403" s="128"/>
      <c r="Y403" s="128"/>
      <c r="Z403" s="128"/>
      <c r="AA403" s="128"/>
      <c r="AB403" s="128"/>
      <c r="AC403" s="128"/>
      <c r="AD403" s="128"/>
      <c r="AE403" s="128"/>
      <c r="AF403" s="128"/>
      <c r="AG403" s="128"/>
      <c r="AH403" s="128"/>
      <c r="AI403" s="128"/>
      <c r="AJ403" s="128"/>
      <c r="AK403" s="128"/>
      <c r="AL403" s="128"/>
      <c r="AM403" s="128"/>
      <c r="AN403" s="128"/>
      <c r="AO403" s="128"/>
      <c r="AP403" s="128"/>
      <c r="AQ403" s="128"/>
      <c r="AR403" s="128"/>
      <c r="AS403" s="128"/>
      <c r="AT403" s="128"/>
      <c r="AU403" s="128"/>
      <c r="AV403" s="128"/>
      <c r="AW403" s="128"/>
      <c r="AX403" s="129"/>
    </row>
    <row r="404" spans="1:251" s="23" customFormat="1" ht="10.8" customHeight="1">
      <c r="A404" s="34"/>
      <c r="B404" s="127"/>
      <c r="C404" s="128"/>
      <c r="D404" s="128"/>
      <c r="E404" s="128"/>
      <c r="F404" s="128"/>
      <c r="G404" s="128"/>
      <c r="H404" s="128"/>
      <c r="I404" s="128"/>
      <c r="J404" s="128"/>
      <c r="K404" s="128"/>
      <c r="L404" s="128"/>
      <c r="M404" s="128"/>
      <c r="N404" s="128"/>
      <c r="O404" s="128"/>
      <c r="P404" s="128"/>
      <c r="Q404" s="128"/>
      <c r="R404" s="128"/>
      <c r="S404" s="128"/>
      <c r="T404" s="128"/>
      <c r="U404" s="128"/>
      <c r="V404" s="128"/>
      <c r="W404" s="128"/>
      <c r="X404" s="128"/>
      <c r="Y404" s="128"/>
      <c r="Z404" s="128"/>
      <c r="AA404" s="128"/>
      <c r="AB404" s="128"/>
      <c r="AC404" s="128"/>
      <c r="AD404" s="128"/>
      <c r="AE404" s="128"/>
      <c r="AF404" s="128"/>
      <c r="AG404" s="128"/>
      <c r="AH404" s="128"/>
      <c r="AI404" s="128"/>
      <c r="AJ404" s="128"/>
      <c r="AK404" s="128"/>
      <c r="AL404" s="128"/>
      <c r="AM404" s="128"/>
      <c r="AN404" s="128"/>
      <c r="AO404" s="128"/>
      <c r="AP404" s="128"/>
      <c r="AQ404" s="128"/>
      <c r="AR404" s="128"/>
      <c r="AS404" s="128"/>
      <c r="AT404" s="128"/>
      <c r="AU404" s="128"/>
      <c r="AV404" s="128"/>
      <c r="AW404" s="128"/>
      <c r="AX404" s="129"/>
    </row>
    <row r="405" spans="1:251" s="23" customFormat="1" ht="15" thickBot="1">
      <c r="A405" s="38"/>
      <c r="B405" s="39"/>
      <c r="C405" s="40"/>
      <c r="D405" s="40"/>
      <c r="E405" s="40"/>
      <c r="F405" s="40"/>
      <c r="G405" s="40"/>
      <c r="H405" s="40"/>
      <c r="I405" s="40"/>
      <c r="J405" s="40"/>
      <c r="K405" s="40"/>
      <c r="L405" s="40"/>
      <c r="M405" s="40"/>
      <c r="N405" s="40"/>
      <c r="O405" s="40"/>
      <c r="P405" s="40"/>
      <c r="Q405" s="40"/>
      <c r="R405" s="40"/>
      <c r="S405" s="40"/>
      <c r="T405" s="40"/>
      <c r="U405" s="40"/>
      <c r="V405" s="40"/>
      <c r="W405" s="40"/>
      <c r="X405" s="40"/>
      <c r="Y405" s="40"/>
      <c r="Z405" s="40"/>
      <c r="AA405" s="40"/>
      <c r="AB405" s="40"/>
      <c r="AC405" s="40"/>
      <c r="AD405" s="40"/>
      <c r="AE405" s="40"/>
      <c r="AF405" s="40"/>
      <c r="AG405" s="40"/>
      <c r="AH405" s="40"/>
      <c r="AI405" s="40"/>
      <c r="AJ405" s="40"/>
      <c r="AK405" s="40"/>
      <c r="AL405" s="40"/>
      <c r="AM405" s="40"/>
      <c r="AN405" s="40"/>
      <c r="AO405" s="40"/>
      <c r="AP405" s="40"/>
      <c r="AQ405" s="40"/>
      <c r="AR405" s="40"/>
      <c r="AS405" s="40"/>
      <c r="AT405" s="40"/>
      <c r="AU405" s="40"/>
      <c r="AV405" s="40"/>
      <c r="AW405" s="40"/>
      <c r="AX405" s="41"/>
    </row>
    <row r="406" spans="1:251" s="23" customFormat="1" ht="13.2">
      <c r="B406" s="42"/>
    </row>
    <row r="407" spans="1:251" s="23" customFormat="1" ht="14.4">
      <c r="B407" s="33" t="s">
        <v>93</v>
      </c>
      <c r="C407" s="34"/>
      <c r="D407" s="34"/>
      <c r="E407" s="34"/>
      <c r="F407" s="34"/>
      <c r="G407" s="34"/>
      <c r="H407" s="34"/>
      <c r="I407" s="34"/>
      <c r="J407" s="34"/>
      <c r="K407" s="34"/>
      <c r="L407" s="35"/>
      <c r="M407" s="35"/>
      <c r="N407" s="35"/>
      <c r="O407" s="35"/>
      <c r="P407" s="34"/>
      <c r="Q407" s="34"/>
      <c r="R407" s="34"/>
      <c r="S407" s="34"/>
      <c r="T407" s="34"/>
      <c r="U407" s="34"/>
      <c r="V407" s="33"/>
      <c r="W407" s="33"/>
      <c r="X407" s="33"/>
      <c r="Y407" s="33"/>
      <c r="Z407" s="33"/>
      <c r="AA407" s="33"/>
      <c r="AB407" s="33"/>
      <c r="AC407" s="33"/>
      <c r="AD407" s="33"/>
      <c r="AE407" s="33"/>
      <c r="AF407" s="33"/>
      <c r="AG407" s="33"/>
      <c r="AH407" s="33"/>
      <c r="AI407" s="33"/>
      <c r="AJ407" s="33"/>
      <c r="AK407" s="33"/>
      <c r="AL407" s="33"/>
      <c r="AM407" s="33"/>
      <c r="AN407" s="33"/>
      <c r="AO407" s="33"/>
      <c r="AP407" s="33"/>
      <c r="AQ407" s="33"/>
      <c r="AR407" s="33"/>
      <c r="AS407" s="33"/>
      <c r="AT407" s="33"/>
      <c r="AU407" s="33"/>
      <c r="AV407" s="33"/>
      <c r="AW407" s="33"/>
      <c r="AX407" s="33"/>
    </row>
    <row r="408" spans="1:251" s="23" customFormat="1" ht="15" thickBot="1">
      <c r="B408" s="33"/>
      <c r="C408" s="34"/>
      <c r="D408" s="34"/>
      <c r="E408" s="34"/>
      <c r="F408" s="34"/>
      <c r="G408" s="34"/>
      <c r="H408" s="34"/>
      <c r="I408" s="34"/>
      <c r="J408" s="34"/>
      <c r="K408" s="34"/>
      <c r="L408" s="35"/>
      <c r="M408" s="35"/>
      <c r="N408" s="35"/>
      <c r="O408" s="35"/>
      <c r="P408" s="34"/>
      <c r="Q408" s="34"/>
      <c r="R408" s="34"/>
      <c r="S408" s="34"/>
      <c r="T408" s="34"/>
      <c r="U408" s="34"/>
      <c r="V408" s="33"/>
      <c r="W408" s="33"/>
      <c r="X408" s="33"/>
      <c r="Y408" s="33"/>
      <c r="Z408" s="33"/>
      <c r="AA408" s="33"/>
      <c r="AB408" s="33"/>
      <c r="AC408" s="33"/>
      <c r="AD408" s="33"/>
      <c r="AE408" s="33"/>
      <c r="AF408" s="33"/>
      <c r="AG408" s="33"/>
      <c r="AH408" s="33"/>
      <c r="AI408" s="33"/>
      <c r="AJ408" s="33"/>
      <c r="AK408" s="33"/>
      <c r="AL408" s="33"/>
      <c r="AM408" s="33"/>
      <c r="AN408" s="33"/>
      <c r="AO408" s="33"/>
      <c r="AP408" s="33"/>
      <c r="AQ408" s="33"/>
      <c r="AR408" s="33"/>
      <c r="AS408" s="33"/>
      <c r="AT408" s="33"/>
      <c r="AU408" s="33"/>
      <c r="AV408" s="33"/>
      <c r="AW408" s="33"/>
      <c r="AX408" s="43" t="s">
        <v>94</v>
      </c>
    </row>
    <row r="409" spans="1:251" s="50" customFormat="1" ht="13.5" customHeight="1">
      <c r="A409" s="34"/>
      <c r="B409" s="139" t="s">
        <v>95</v>
      </c>
      <c r="C409" s="203"/>
      <c r="D409" s="203"/>
      <c r="E409" s="203"/>
      <c r="F409" s="203"/>
      <c r="G409" s="203"/>
      <c r="H409" s="203"/>
      <c r="I409" s="203"/>
      <c r="J409" s="203"/>
      <c r="K409" s="203"/>
      <c r="L409" s="203"/>
      <c r="M409" s="203"/>
      <c r="N409" s="203"/>
      <c r="O409" s="203"/>
      <c r="P409" s="203"/>
      <c r="Q409" s="203"/>
      <c r="R409" s="203"/>
      <c r="S409" s="203"/>
      <c r="T409" s="203"/>
      <c r="U409" s="203"/>
      <c r="V409" s="203"/>
      <c r="W409" s="203"/>
      <c r="X409" s="203"/>
      <c r="Y409" s="203"/>
      <c r="Z409" s="204"/>
      <c r="AA409" s="145" t="s">
        <v>116</v>
      </c>
      <c r="AB409" s="203"/>
      <c r="AC409" s="203"/>
      <c r="AD409" s="203"/>
      <c r="AE409" s="203"/>
      <c r="AF409" s="203"/>
      <c r="AG409" s="203"/>
      <c r="AH409" s="203"/>
      <c r="AI409" s="204"/>
      <c r="AJ409" s="145" t="s">
        <v>117</v>
      </c>
      <c r="AK409" s="203"/>
      <c r="AL409" s="203"/>
      <c r="AM409" s="203"/>
      <c r="AN409" s="203"/>
      <c r="AO409" s="203"/>
      <c r="AP409" s="203"/>
      <c r="AQ409" s="203"/>
      <c r="AR409" s="204"/>
      <c r="AS409" s="145" t="s">
        <v>98</v>
      </c>
      <c r="AT409" s="203"/>
      <c r="AU409" s="203"/>
      <c r="AV409" s="203"/>
      <c r="AW409" s="203"/>
      <c r="AX409" s="209"/>
      <c r="AY409" s="23"/>
      <c r="AZ409" s="23"/>
      <c r="BA409" s="23"/>
      <c r="BB409" s="23"/>
      <c r="BC409" s="23"/>
      <c r="BD409" s="23"/>
      <c r="BE409" s="23"/>
      <c r="BF409" s="23"/>
      <c r="BG409" s="23"/>
      <c r="BH409" s="23"/>
      <c r="BI409" s="23"/>
      <c r="BJ409" s="23"/>
      <c r="BK409" s="23"/>
      <c r="BL409" s="23"/>
      <c r="BM409" s="23"/>
      <c r="BN409" s="23"/>
      <c r="BO409" s="23"/>
      <c r="BP409" s="23"/>
      <c r="BQ409" s="23"/>
      <c r="BR409" s="23"/>
      <c r="BS409" s="23"/>
      <c r="BT409" s="23"/>
      <c r="BU409" s="23"/>
      <c r="BV409" s="23"/>
      <c r="BW409" s="23"/>
      <c r="BX409" s="23"/>
      <c r="BY409" s="23"/>
      <c r="BZ409" s="23"/>
      <c r="CA409" s="23"/>
      <c r="CB409" s="23"/>
      <c r="CC409" s="23"/>
      <c r="CD409" s="23"/>
      <c r="CE409" s="23"/>
      <c r="CF409" s="23"/>
      <c r="CG409" s="23"/>
      <c r="CH409" s="23"/>
      <c r="CI409" s="23"/>
      <c r="CJ409" s="23"/>
      <c r="CK409" s="23"/>
      <c r="CL409" s="23"/>
      <c r="CM409" s="23"/>
      <c r="CN409" s="23"/>
      <c r="CO409" s="23"/>
      <c r="CP409" s="23"/>
      <c r="CQ409" s="23"/>
      <c r="CR409" s="23"/>
      <c r="CS409" s="23"/>
      <c r="CT409" s="23"/>
      <c r="CU409" s="23"/>
      <c r="CV409" s="23"/>
      <c r="CW409" s="23"/>
      <c r="CX409" s="23"/>
      <c r="CY409" s="23"/>
      <c r="CZ409" s="23"/>
      <c r="DA409" s="23"/>
      <c r="DB409" s="23"/>
      <c r="DC409" s="23"/>
      <c r="DD409" s="23"/>
      <c r="DE409" s="23"/>
      <c r="DF409" s="23"/>
      <c r="DG409" s="23"/>
      <c r="DH409" s="23"/>
      <c r="DI409" s="23"/>
      <c r="DJ409" s="23"/>
      <c r="DK409" s="23"/>
      <c r="DL409" s="23"/>
      <c r="DM409" s="23"/>
      <c r="DN409" s="23"/>
      <c r="DO409" s="23"/>
      <c r="DP409" s="23"/>
      <c r="DQ409" s="23"/>
      <c r="DR409" s="23"/>
      <c r="DS409" s="23"/>
      <c r="DT409" s="23"/>
      <c r="DU409" s="23"/>
      <c r="DV409" s="23"/>
      <c r="DW409" s="23"/>
      <c r="DX409" s="23"/>
      <c r="DY409" s="23"/>
      <c r="DZ409" s="23"/>
      <c r="EA409" s="23"/>
      <c r="EB409" s="23"/>
      <c r="EC409" s="23"/>
      <c r="ED409" s="23"/>
      <c r="EE409" s="23"/>
      <c r="EF409" s="23"/>
      <c r="EG409" s="23"/>
      <c r="EH409" s="23"/>
      <c r="EI409" s="23"/>
      <c r="EJ409" s="23"/>
      <c r="EK409" s="23"/>
      <c r="EL409" s="23"/>
      <c r="EM409" s="23"/>
      <c r="EN409" s="23"/>
      <c r="EO409" s="23"/>
      <c r="EP409" s="23"/>
      <c r="EQ409" s="23"/>
      <c r="ER409" s="23"/>
      <c r="ES409" s="23"/>
      <c r="ET409" s="23"/>
      <c r="EU409" s="23"/>
      <c r="EV409" s="23"/>
      <c r="EW409" s="23"/>
      <c r="EX409" s="23"/>
      <c r="EY409" s="23"/>
      <c r="EZ409" s="23"/>
      <c r="FA409" s="23"/>
      <c r="FB409" s="23"/>
      <c r="FC409" s="23"/>
      <c r="FD409" s="23"/>
      <c r="FE409" s="23"/>
      <c r="FF409" s="23"/>
      <c r="FG409" s="23"/>
      <c r="FH409" s="23"/>
      <c r="FI409" s="23"/>
      <c r="FJ409" s="23"/>
      <c r="FK409" s="23"/>
      <c r="FL409" s="23"/>
      <c r="FM409" s="23"/>
      <c r="FN409" s="23"/>
      <c r="FO409" s="23"/>
      <c r="FP409" s="23"/>
      <c r="FQ409" s="23"/>
      <c r="FR409" s="23"/>
      <c r="FS409" s="23"/>
      <c r="FT409" s="23"/>
      <c r="FU409" s="23"/>
      <c r="FV409" s="23"/>
      <c r="FW409" s="23"/>
      <c r="FX409" s="23"/>
      <c r="FY409" s="23"/>
      <c r="FZ409" s="23"/>
      <c r="GA409" s="23"/>
      <c r="GB409" s="23"/>
      <c r="GC409" s="23"/>
      <c r="GD409" s="23"/>
      <c r="GE409" s="23"/>
      <c r="GF409" s="23"/>
      <c r="GG409" s="23"/>
      <c r="GH409" s="23"/>
      <c r="GI409" s="23"/>
      <c r="GJ409" s="23"/>
      <c r="GK409" s="23"/>
      <c r="GL409" s="23"/>
      <c r="GM409" s="23"/>
      <c r="GN409" s="23"/>
      <c r="GO409" s="23"/>
      <c r="GP409" s="23"/>
      <c r="GQ409" s="23"/>
      <c r="GR409" s="23"/>
      <c r="GS409" s="23"/>
      <c r="GT409" s="23"/>
      <c r="GU409" s="23"/>
      <c r="GV409" s="23"/>
      <c r="GW409" s="23"/>
      <c r="GX409" s="23"/>
      <c r="GY409" s="23"/>
      <c r="GZ409" s="23"/>
      <c r="HA409" s="23"/>
      <c r="HB409" s="23"/>
      <c r="HC409" s="23"/>
      <c r="HD409" s="23"/>
      <c r="HE409" s="23"/>
      <c r="HF409" s="23"/>
      <c r="HG409" s="23"/>
      <c r="HH409" s="23"/>
      <c r="HI409" s="23"/>
      <c r="HJ409" s="23"/>
      <c r="HK409" s="23"/>
      <c r="HL409" s="23"/>
      <c r="HM409" s="23"/>
      <c r="HN409" s="23"/>
      <c r="HO409" s="23"/>
      <c r="HP409" s="23"/>
      <c r="HQ409" s="23"/>
      <c r="HR409" s="23"/>
      <c r="HS409" s="23"/>
      <c r="HT409" s="23"/>
      <c r="HU409" s="23"/>
      <c r="HV409" s="23"/>
      <c r="HW409" s="23"/>
      <c r="HX409" s="23"/>
      <c r="HY409" s="23"/>
      <c r="HZ409" s="23"/>
      <c r="IA409" s="23"/>
      <c r="IB409" s="23"/>
      <c r="IC409" s="23"/>
      <c r="ID409" s="23"/>
      <c r="IE409" s="23"/>
      <c r="IF409" s="23"/>
      <c r="IG409" s="23"/>
      <c r="IH409" s="23"/>
      <c r="II409" s="23"/>
      <c r="IJ409" s="23"/>
      <c r="IK409" s="23"/>
      <c r="IL409" s="23"/>
      <c r="IM409" s="23"/>
      <c r="IN409" s="23"/>
      <c r="IO409" s="23"/>
      <c r="IP409" s="23"/>
      <c r="IQ409" s="23"/>
    </row>
    <row r="410" spans="1:251" s="50" customFormat="1">
      <c r="A410" s="34"/>
      <c r="B410" s="205"/>
      <c r="C410" s="206"/>
      <c r="D410" s="206"/>
      <c r="E410" s="206"/>
      <c r="F410" s="206"/>
      <c r="G410" s="206"/>
      <c r="H410" s="206"/>
      <c r="I410" s="206"/>
      <c r="J410" s="206"/>
      <c r="K410" s="206"/>
      <c r="L410" s="206"/>
      <c r="M410" s="206"/>
      <c r="N410" s="206"/>
      <c r="O410" s="206"/>
      <c r="P410" s="206"/>
      <c r="Q410" s="206"/>
      <c r="R410" s="206"/>
      <c r="S410" s="206"/>
      <c r="T410" s="206"/>
      <c r="U410" s="206"/>
      <c r="V410" s="206"/>
      <c r="W410" s="206"/>
      <c r="X410" s="206"/>
      <c r="Y410" s="206"/>
      <c r="Z410" s="207"/>
      <c r="AA410" s="208"/>
      <c r="AB410" s="206"/>
      <c r="AC410" s="206"/>
      <c r="AD410" s="206"/>
      <c r="AE410" s="206"/>
      <c r="AF410" s="206"/>
      <c r="AG410" s="206"/>
      <c r="AH410" s="206"/>
      <c r="AI410" s="207"/>
      <c r="AJ410" s="208"/>
      <c r="AK410" s="206"/>
      <c r="AL410" s="206"/>
      <c r="AM410" s="206"/>
      <c r="AN410" s="206"/>
      <c r="AO410" s="206"/>
      <c r="AP410" s="206"/>
      <c r="AQ410" s="206"/>
      <c r="AR410" s="207"/>
      <c r="AS410" s="208"/>
      <c r="AT410" s="206"/>
      <c r="AU410" s="206"/>
      <c r="AV410" s="206"/>
      <c r="AW410" s="206"/>
      <c r="AX410" s="210"/>
      <c r="AY410" s="23"/>
      <c r="AZ410" s="23"/>
      <c r="BA410" s="23"/>
      <c r="BB410"/>
      <c r="BC410" s="45"/>
      <c r="BE410" s="23"/>
      <c r="BF410" s="23"/>
      <c r="BG410" s="23"/>
      <c r="BH410" s="23"/>
      <c r="BI410" s="23"/>
      <c r="BJ410" s="23"/>
      <c r="BK410" s="23"/>
      <c r="BL410" s="23"/>
      <c r="BM410" s="23"/>
      <c r="BN410" s="23"/>
      <c r="BO410" s="23"/>
      <c r="BP410" s="23"/>
      <c r="BQ410" s="23"/>
      <c r="BR410" s="23"/>
      <c r="BS410" s="23"/>
      <c r="BT410" s="23"/>
      <c r="BU410" s="23"/>
      <c r="BV410" s="23"/>
      <c r="BW410" s="23"/>
      <c r="BX410" s="23"/>
      <c r="BY410" s="23"/>
      <c r="BZ410" s="23"/>
      <c r="CA410" s="23"/>
      <c r="CB410" s="23"/>
      <c r="CC410" s="23"/>
      <c r="CD410" s="23"/>
      <c r="CE410" s="23"/>
      <c r="CF410" s="23"/>
      <c r="CG410" s="23"/>
      <c r="CH410" s="23"/>
      <c r="CI410" s="23"/>
      <c r="CJ410" s="23"/>
      <c r="CK410" s="23"/>
      <c r="CL410" s="23"/>
      <c r="CM410" s="23"/>
      <c r="CN410" s="23"/>
      <c r="CO410" s="23"/>
      <c r="CP410" s="23"/>
      <c r="CQ410" s="23"/>
      <c r="CR410" s="23"/>
      <c r="CS410" s="23"/>
      <c r="CT410" s="23"/>
      <c r="CU410" s="23"/>
      <c r="CV410" s="23"/>
      <c r="CW410" s="23"/>
      <c r="CX410" s="23"/>
      <c r="CY410" s="23"/>
      <c r="CZ410" s="23"/>
      <c r="DA410" s="23"/>
      <c r="DB410" s="23"/>
      <c r="DC410" s="23"/>
      <c r="DD410" s="23"/>
      <c r="DE410" s="23"/>
      <c r="DF410" s="23"/>
      <c r="DG410" s="23"/>
      <c r="DH410" s="23"/>
      <c r="DI410" s="23"/>
      <c r="DJ410" s="23"/>
      <c r="DK410" s="23"/>
      <c r="DL410" s="23"/>
      <c r="DM410" s="23"/>
      <c r="DN410" s="23"/>
      <c r="DO410" s="23"/>
      <c r="DP410" s="23"/>
      <c r="DQ410" s="23"/>
      <c r="DR410" s="23"/>
      <c r="DS410" s="23"/>
      <c r="DT410" s="23"/>
      <c r="DU410" s="23"/>
      <c r="DV410" s="23"/>
      <c r="DW410" s="23"/>
      <c r="DX410" s="23"/>
      <c r="DY410" s="23"/>
      <c r="DZ410" s="23"/>
      <c r="EA410" s="23"/>
      <c r="EB410" s="23"/>
      <c r="EC410" s="23"/>
      <c r="ED410" s="23"/>
      <c r="EE410" s="23"/>
      <c r="EF410" s="23"/>
      <c r="EG410" s="23"/>
      <c r="EH410" s="23"/>
      <c r="EI410" s="23"/>
      <c r="EJ410" s="23"/>
      <c r="EK410" s="23"/>
      <c r="EL410" s="23"/>
      <c r="EM410" s="23"/>
      <c r="EN410" s="23"/>
      <c r="EO410" s="23"/>
      <c r="EP410" s="23"/>
      <c r="EQ410" s="23"/>
      <c r="ER410" s="23"/>
      <c r="ES410" s="23"/>
      <c r="ET410" s="23"/>
      <c r="EU410" s="23"/>
      <c r="EV410" s="23"/>
      <c r="EW410" s="23"/>
      <c r="EX410" s="23"/>
      <c r="EY410" s="23"/>
      <c r="EZ410" s="23"/>
      <c r="FA410" s="23"/>
      <c r="FB410" s="23"/>
      <c r="FC410" s="23"/>
      <c r="FD410" s="23"/>
      <c r="FE410" s="23"/>
      <c r="FF410" s="23"/>
      <c r="FG410" s="23"/>
      <c r="FH410" s="23"/>
      <c r="FI410" s="23"/>
      <c r="FJ410" s="23"/>
      <c r="FK410" s="23"/>
      <c r="FL410" s="23"/>
      <c r="FM410" s="23"/>
      <c r="FN410" s="23"/>
      <c r="FO410" s="23"/>
      <c r="FP410" s="23"/>
      <c r="FQ410" s="23"/>
      <c r="FR410" s="23"/>
      <c r="FS410" s="23"/>
      <c r="FT410" s="23"/>
      <c r="FU410" s="23"/>
      <c r="FV410" s="23"/>
      <c r="FW410" s="23"/>
      <c r="FX410" s="23"/>
      <c r="FY410" s="23"/>
      <c r="FZ410" s="23"/>
      <c r="GA410" s="23"/>
      <c r="GB410" s="23"/>
      <c r="GC410" s="23"/>
      <c r="GD410" s="23"/>
      <c r="GE410" s="23"/>
      <c r="GF410" s="23"/>
      <c r="GG410" s="23"/>
      <c r="GH410" s="23"/>
      <c r="GI410" s="23"/>
      <c r="GJ410" s="23"/>
      <c r="GK410" s="23"/>
      <c r="GL410" s="23"/>
      <c r="GM410" s="23"/>
      <c r="GN410" s="23"/>
      <c r="GO410" s="23"/>
      <c r="GP410" s="23"/>
      <c r="GQ410" s="23"/>
      <c r="GR410" s="23"/>
      <c r="GS410" s="23"/>
      <c r="GT410" s="23"/>
      <c r="GU410" s="23"/>
      <c r="GV410" s="23"/>
      <c r="GW410" s="23"/>
      <c r="GX410" s="23"/>
      <c r="GY410" s="23"/>
      <c r="GZ410" s="23"/>
      <c r="HA410" s="23"/>
      <c r="HB410" s="23"/>
      <c r="HC410" s="23"/>
      <c r="HD410" s="23"/>
      <c r="HE410" s="23"/>
      <c r="HF410" s="23"/>
      <c r="HG410" s="23"/>
      <c r="HH410" s="23"/>
      <c r="HI410" s="23"/>
      <c r="HJ410" s="23"/>
      <c r="HK410" s="23"/>
      <c r="HL410" s="23"/>
      <c r="HM410" s="23"/>
      <c r="HN410" s="23"/>
      <c r="HO410" s="23"/>
      <c r="HP410" s="23"/>
      <c r="HQ410" s="23"/>
      <c r="HR410" s="23"/>
      <c r="HS410" s="23"/>
      <c r="HT410" s="23"/>
      <c r="HU410" s="23"/>
      <c r="HV410" s="23"/>
      <c r="HW410" s="23"/>
      <c r="HX410" s="23"/>
      <c r="HY410" s="23"/>
      <c r="HZ410" s="23"/>
      <c r="IA410" s="23"/>
      <c r="IB410" s="23"/>
      <c r="IC410" s="23"/>
      <c r="ID410" s="23"/>
      <c r="IE410" s="23"/>
      <c r="IF410" s="23"/>
      <c r="IG410" s="23"/>
      <c r="IH410" s="23"/>
      <c r="II410" s="23"/>
      <c r="IJ410" s="23"/>
      <c r="IK410" s="23"/>
      <c r="IL410" s="23"/>
      <c r="IM410" s="23"/>
      <c r="IN410" s="23"/>
      <c r="IO410" s="23"/>
      <c r="IP410" s="23"/>
      <c r="IQ410" s="23"/>
    </row>
    <row r="411" spans="1:251" s="50" customFormat="1" ht="18.75" customHeight="1">
      <c r="A411" s="34"/>
      <c r="B411" s="46"/>
      <c r="C411" s="130" t="s">
        <v>148</v>
      </c>
      <c r="D411" s="130"/>
      <c r="E411" s="130"/>
      <c r="F411" s="130"/>
      <c r="G411" s="130"/>
      <c r="H411" s="130"/>
      <c r="I411" s="130"/>
      <c r="J411" s="130"/>
      <c r="K411" s="130"/>
      <c r="L411" s="130"/>
      <c r="M411" s="130"/>
      <c r="N411" s="130"/>
      <c r="O411" s="130"/>
      <c r="P411" s="130"/>
      <c r="Q411" s="130"/>
      <c r="R411" s="130"/>
      <c r="S411" s="130"/>
      <c r="T411" s="130"/>
      <c r="U411" s="130"/>
      <c r="V411" s="130"/>
      <c r="W411" s="130"/>
      <c r="X411" s="130"/>
      <c r="Y411" s="130"/>
      <c r="Z411" s="131"/>
      <c r="AA411" s="132">
        <v>342053</v>
      </c>
      <c r="AB411" s="196"/>
      <c r="AC411" s="196"/>
      <c r="AD411" s="196"/>
      <c r="AE411" s="196"/>
      <c r="AF411" s="196"/>
      <c r="AG411" s="196"/>
      <c r="AH411" s="196"/>
      <c r="AI411" s="197"/>
      <c r="AJ411" s="132">
        <v>300342</v>
      </c>
      <c r="AK411" s="196"/>
      <c r="AL411" s="196"/>
      <c r="AM411" s="196"/>
      <c r="AN411" s="196"/>
      <c r="AO411" s="196"/>
      <c r="AP411" s="196"/>
      <c r="AQ411" s="196"/>
      <c r="AR411" s="197"/>
      <c r="AS411" s="132"/>
      <c r="AT411" s="196"/>
      <c r="AU411" s="196"/>
      <c r="AV411" s="196"/>
      <c r="AW411" s="196"/>
      <c r="AX411" s="202"/>
      <c r="AY411" s="23"/>
      <c r="AZ411" s="23"/>
      <c r="BA411" s="23"/>
      <c r="BB411" s="23"/>
      <c r="BC411" s="23"/>
      <c r="BD411" s="23"/>
      <c r="BE411" s="23"/>
      <c r="BF411" s="23"/>
      <c r="BG411" s="23"/>
      <c r="BH411" s="23"/>
      <c r="BI411" s="23"/>
      <c r="BJ411" s="23"/>
      <c r="BK411" s="23"/>
      <c r="BL411" s="23"/>
      <c r="BM411" s="23"/>
      <c r="BN411" s="23"/>
      <c r="BO411" s="23"/>
      <c r="BP411" s="23"/>
      <c r="BQ411" s="23"/>
      <c r="BR411" s="23"/>
      <c r="BS411" s="23"/>
      <c r="BT411" s="23"/>
      <c r="BU411" s="23"/>
      <c r="BV411" s="23"/>
      <c r="BW411" s="23"/>
      <c r="BX411" s="23"/>
      <c r="BY411" s="23"/>
      <c r="BZ411" s="23"/>
      <c r="CA411" s="23"/>
      <c r="CB411" s="23"/>
      <c r="CC411" s="23"/>
      <c r="CD411" s="23"/>
      <c r="CE411" s="23"/>
      <c r="CF411" s="23"/>
      <c r="CG411" s="23"/>
      <c r="CH411" s="23"/>
      <c r="CI411" s="23"/>
      <c r="CJ411" s="23"/>
      <c r="CK411" s="23"/>
      <c r="CL411" s="23"/>
      <c r="CM411" s="23"/>
      <c r="CN411" s="23"/>
      <c r="CO411" s="23"/>
      <c r="CP411" s="23"/>
      <c r="CQ411" s="23"/>
      <c r="CR411" s="23"/>
      <c r="CS411" s="23"/>
      <c r="CT411" s="23"/>
      <c r="CU411" s="23"/>
      <c r="CV411" s="23"/>
      <c r="CW411" s="23"/>
      <c r="CX411" s="23"/>
      <c r="CY411" s="23"/>
      <c r="CZ411" s="23"/>
      <c r="DA411" s="23"/>
      <c r="DB411" s="23"/>
      <c r="DC411" s="23"/>
      <c r="DD411" s="23"/>
      <c r="DE411" s="23"/>
      <c r="DF411" s="23"/>
      <c r="DG411" s="23"/>
      <c r="DH411" s="23"/>
      <c r="DI411" s="23"/>
      <c r="DJ411" s="23"/>
      <c r="DK411" s="23"/>
      <c r="DL411" s="23"/>
      <c r="DM411" s="23"/>
      <c r="DN411" s="23"/>
      <c r="DO411" s="23"/>
      <c r="DP411" s="23"/>
      <c r="DQ411" s="23"/>
      <c r="DR411" s="23"/>
      <c r="DS411" s="23"/>
      <c r="DT411" s="23"/>
      <c r="DU411" s="23"/>
      <c r="DV411" s="23"/>
      <c r="DW411" s="23"/>
      <c r="DX411" s="23"/>
      <c r="DY411" s="23"/>
      <c r="DZ411" s="23"/>
      <c r="EA411" s="23"/>
      <c r="EB411" s="23"/>
      <c r="EC411" s="23"/>
      <c r="ED411" s="23"/>
      <c r="EE411" s="23"/>
      <c r="EF411" s="23"/>
      <c r="EG411" s="23"/>
      <c r="EH411" s="23"/>
      <c r="EI411" s="23"/>
      <c r="EJ411" s="23"/>
      <c r="EK411" s="23"/>
      <c r="EL411" s="23"/>
      <c r="EM411" s="23"/>
      <c r="EN411" s="23"/>
      <c r="EO411" s="23"/>
      <c r="EP411" s="23"/>
      <c r="EQ411" s="23"/>
      <c r="ER411" s="23"/>
      <c r="ES411" s="23"/>
      <c r="ET411" s="23"/>
      <c r="EU411" s="23"/>
      <c r="EV411" s="23"/>
      <c r="EW411" s="23"/>
      <c r="EX411" s="23"/>
      <c r="EY411" s="23"/>
      <c r="EZ411" s="23"/>
      <c r="FA411" s="23"/>
      <c r="FB411" s="23"/>
      <c r="FC411" s="23"/>
      <c r="FD411" s="23"/>
      <c r="FE411" s="23"/>
      <c r="FF411" s="23"/>
      <c r="FG411" s="23"/>
      <c r="FH411" s="23"/>
      <c r="FI411" s="23"/>
      <c r="FJ411" s="23"/>
      <c r="FK411" s="23"/>
      <c r="FL411" s="23"/>
      <c r="FM411" s="23"/>
      <c r="FN411" s="23"/>
      <c r="FO411" s="23"/>
      <c r="FP411" s="23"/>
      <c r="FQ411" s="23"/>
      <c r="FR411" s="23"/>
      <c r="FS411" s="23"/>
      <c r="FT411" s="23"/>
      <c r="FU411" s="23"/>
      <c r="FV411" s="23"/>
      <c r="FW411" s="23"/>
      <c r="FX411" s="23"/>
      <c r="FY411" s="23"/>
      <c r="FZ411" s="23"/>
      <c r="GA411" s="23"/>
      <c r="GB411" s="23"/>
      <c r="GC411" s="23"/>
      <c r="GD411" s="23"/>
      <c r="GE411" s="23"/>
      <c r="GF411" s="23"/>
      <c r="GG411" s="23"/>
      <c r="GH411" s="23"/>
      <c r="GI411" s="23"/>
      <c r="GJ411" s="23"/>
      <c r="GK411" s="23"/>
      <c r="GL411" s="23"/>
      <c r="GM411" s="23"/>
      <c r="GN411" s="23"/>
      <c r="GO411" s="23"/>
      <c r="GP411" s="23"/>
      <c r="GQ411" s="23"/>
      <c r="GR411" s="23"/>
      <c r="GS411" s="23"/>
      <c r="GT411" s="23"/>
      <c r="GU411" s="23"/>
      <c r="GV411" s="23"/>
      <c r="GW411" s="23"/>
      <c r="GX411" s="23"/>
      <c r="GY411" s="23"/>
      <c r="GZ411" s="23"/>
      <c r="HA411" s="23"/>
      <c r="HB411" s="23"/>
      <c r="HC411" s="23"/>
      <c r="HD411" s="23"/>
      <c r="HE411" s="23"/>
      <c r="HF411" s="23"/>
      <c r="HG411" s="23"/>
      <c r="HH411" s="23"/>
      <c r="HI411" s="23"/>
      <c r="HJ411" s="23"/>
      <c r="HK411" s="23"/>
      <c r="HL411" s="23"/>
      <c r="HM411" s="23"/>
      <c r="HN411" s="23"/>
      <c r="HO411" s="23"/>
      <c r="HP411" s="23"/>
      <c r="HQ411" s="23"/>
      <c r="HR411" s="23"/>
      <c r="HS411" s="23"/>
      <c r="HT411" s="23"/>
      <c r="HU411" s="23"/>
      <c r="HV411" s="23"/>
      <c r="HW411" s="23"/>
      <c r="HX411" s="23"/>
      <c r="HY411" s="23"/>
      <c r="HZ411" s="23"/>
      <c r="IA411" s="23"/>
      <c r="IB411" s="23"/>
      <c r="IC411" s="23"/>
      <c r="ID411" s="23"/>
      <c r="IE411" s="23"/>
      <c r="IF411" s="23"/>
      <c r="IG411" s="23"/>
      <c r="IH411" s="23"/>
      <c r="II411" s="23"/>
      <c r="IJ411" s="23"/>
      <c r="IK411" s="23"/>
      <c r="IL411" s="23"/>
      <c r="IM411" s="23"/>
      <c r="IN411" s="23"/>
      <c r="IO411" s="23"/>
      <c r="IP411" s="23"/>
      <c r="IQ411" s="23"/>
    </row>
    <row r="412" spans="1:251" s="50" customFormat="1" ht="18.75" customHeight="1">
      <c r="A412" s="34"/>
      <c r="B412" s="47"/>
      <c r="C412" s="130"/>
      <c r="D412" s="130"/>
      <c r="E412" s="130"/>
      <c r="F412" s="130"/>
      <c r="G412" s="130"/>
      <c r="H412" s="130"/>
      <c r="I412" s="130"/>
      <c r="J412" s="130"/>
      <c r="K412" s="130"/>
      <c r="L412" s="130"/>
      <c r="M412" s="130"/>
      <c r="N412" s="130"/>
      <c r="O412" s="130"/>
      <c r="P412" s="130"/>
      <c r="Q412" s="130"/>
      <c r="R412" s="130"/>
      <c r="S412" s="130"/>
      <c r="T412" s="130"/>
      <c r="U412" s="130"/>
      <c r="V412" s="130"/>
      <c r="W412" s="130"/>
      <c r="X412" s="130"/>
      <c r="Y412" s="130"/>
      <c r="Z412" s="131"/>
      <c r="AA412" s="132"/>
      <c r="AB412" s="200"/>
      <c r="AC412" s="200"/>
      <c r="AD412" s="200"/>
      <c r="AE412" s="200"/>
      <c r="AF412" s="200"/>
      <c r="AG412" s="200"/>
      <c r="AH412" s="200"/>
      <c r="AI412" s="201"/>
      <c r="AJ412" s="132"/>
      <c r="AK412" s="196"/>
      <c r="AL412" s="196"/>
      <c r="AM412" s="196"/>
      <c r="AN412" s="196"/>
      <c r="AO412" s="196"/>
      <c r="AP412" s="196"/>
      <c r="AQ412" s="196"/>
      <c r="AR412" s="197"/>
      <c r="AS412" s="132"/>
      <c r="AT412" s="196"/>
      <c r="AU412" s="196"/>
      <c r="AV412" s="196"/>
      <c r="AW412" s="196"/>
      <c r="AX412" s="202"/>
      <c r="AY412" s="23"/>
      <c r="AZ412" s="23"/>
      <c r="BA412" s="23"/>
      <c r="BB412" s="23"/>
      <c r="BC412" s="23"/>
      <c r="BD412" s="23"/>
      <c r="BE412" s="23"/>
      <c r="BF412" s="23"/>
      <c r="BG412" s="23"/>
      <c r="BH412" s="23"/>
      <c r="BI412" s="23"/>
      <c r="BJ412" s="23"/>
      <c r="BK412" s="23"/>
      <c r="BL412" s="23"/>
      <c r="BM412" s="23"/>
      <c r="BN412" s="23"/>
      <c r="BO412" s="23"/>
      <c r="BP412" s="23"/>
      <c r="BQ412" s="23"/>
      <c r="BR412" s="23"/>
      <c r="BS412" s="23"/>
      <c r="BT412" s="23"/>
      <c r="BU412" s="23"/>
      <c r="BV412" s="23"/>
      <c r="BW412" s="23"/>
      <c r="BX412" s="23"/>
      <c r="BY412" s="23"/>
      <c r="BZ412" s="23"/>
      <c r="CA412" s="23"/>
      <c r="CB412" s="23"/>
      <c r="CC412" s="23"/>
      <c r="CD412" s="23"/>
      <c r="CE412" s="23"/>
      <c r="CF412" s="23"/>
      <c r="CG412" s="23"/>
      <c r="CH412" s="23"/>
      <c r="CI412" s="23"/>
      <c r="CJ412" s="23"/>
      <c r="CK412" s="23"/>
      <c r="CL412" s="23"/>
      <c r="CM412" s="23"/>
      <c r="CN412" s="23"/>
      <c r="CO412" s="23"/>
      <c r="CP412" s="23"/>
      <c r="CQ412" s="23"/>
      <c r="CR412" s="23"/>
      <c r="CS412" s="23"/>
      <c r="CT412" s="23"/>
      <c r="CU412" s="23"/>
      <c r="CV412" s="23"/>
      <c r="CW412" s="23"/>
      <c r="CX412" s="23"/>
      <c r="CY412" s="23"/>
      <c r="CZ412" s="23"/>
      <c r="DA412" s="23"/>
      <c r="DB412" s="23"/>
      <c r="DC412" s="23"/>
      <c r="DD412" s="23"/>
      <c r="DE412" s="23"/>
      <c r="DF412" s="23"/>
      <c r="DG412" s="23"/>
      <c r="DH412" s="23"/>
      <c r="DI412" s="23"/>
      <c r="DJ412" s="23"/>
      <c r="DK412" s="23"/>
      <c r="DL412" s="23"/>
      <c r="DM412" s="23"/>
      <c r="DN412" s="23"/>
      <c r="DO412" s="23"/>
      <c r="DP412" s="23"/>
      <c r="DQ412" s="23"/>
      <c r="DR412" s="23"/>
      <c r="DS412" s="23"/>
      <c r="DT412" s="23"/>
      <c r="DU412" s="23"/>
      <c r="DV412" s="23"/>
      <c r="DW412" s="23"/>
      <c r="DX412" s="23"/>
      <c r="DY412" s="23"/>
      <c r="DZ412" s="23"/>
      <c r="EA412" s="23"/>
      <c r="EB412" s="23"/>
      <c r="EC412" s="23"/>
      <c r="ED412" s="23"/>
      <c r="EE412" s="23"/>
      <c r="EF412" s="23"/>
      <c r="EG412" s="23"/>
      <c r="EH412" s="23"/>
      <c r="EI412" s="23"/>
      <c r="EJ412" s="23"/>
      <c r="EK412" s="23"/>
      <c r="EL412" s="23"/>
      <c r="EM412" s="23"/>
      <c r="EN412" s="23"/>
      <c r="EO412" s="23"/>
      <c r="EP412" s="23"/>
      <c r="EQ412" s="23"/>
      <c r="ER412" s="23"/>
      <c r="ES412" s="23"/>
      <c r="ET412" s="23"/>
      <c r="EU412" s="23"/>
      <c r="EV412" s="23"/>
      <c r="EW412" s="23"/>
      <c r="EX412" s="23"/>
      <c r="EY412" s="23"/>
      <c r="EZ412" s="23"/>
      <c r="FA412" s="23"/>
      <c r="FB412" s="23"/>
      <c r="FC412" s="23"/>
      <c r="FD412" s="23"/>
      <c r="FE412" s="23"/>
      <c r="FF412" s="23"/>
      <c r="FG412" s="23"/>
      <c r="FH412" s="23"/>
      <c r="FI412" s="23"/>
      <c r="FJ412" s="23"/>
      <c r="FK412" s="23"/>
      <c r="FL412" s="23"/>
      <c r="FM412" s="23"/>
      <c r="FN412" s="23"/>
      <c r="FO412" s="23"/>
      <c r="FP412" s="23"/>
      <c r="FQ412" s="23"/>
      <c r="FR412" s="23"/>
      <c r="FS412" s="23"/>
      <c r="FT412" s="23"/>
      <c r="FU412" s="23"/>
      <c r="FV412" s="23"/>
      <c r="FW412" s="23"/>
      <c r="FX412" s="23"/>
      <c r="FY412" s="23"/>
      <c r="FZ412" s="23"/>
      <c r="GA412" s="23"/>
      <c r="GB412" s="23"/>
      <c r="GC412" s="23"/>
      <c r="GD412" s="23"/>
      <c r="GE412" s="23"/>
      <c r="GF412" s="23"/>
      <c r="GG412" s="23"/>
      <c r="GH412" s="23"/>
      <c r="GI412" s="23"/>
      <c r="GJ412" s="23"/>
      <c r="GK412" s="23"/>
      <c r="GL412" s="23"/>
      <c r="GM412" s="23"/>
      <c r="GN412" s="23"/>
      <c r="GO412" s="23"/>
      <c r="GP412" s="23"/>
      <c r="GQ412" s="23"/>
      <c r="GR412" s="23"/>
      <c r="GS412" s="23"/>
      <c r="GT412" s="23"/>
      <c r="GU412" s="23"/>
      <c r="GV412" s="23"/>
      <c r="GW412" s="23"/>
      <c r="GX412" s="23"/>
      <c r="GY412" s="23"/>
      <c r="GZ412" s="23"/>
      <c r="HA412" s="23"/>
      <c r="HB412" s="23"/>
      <c r="HC412" s="23"/>
      <c r="HD412" s="23"/>
      <c r="HE412" s="23"/>
      <c r="HF412" s="23"/>
      <c r="HG412" s="23"/>
      <c r="HH412" s="23"/>
      <c r="HI412" s="23"/>
      <c r="HJ412" s="23"/>
      <c r="HK412" s="23"/>
      <c r="HL412" s="23"/>
      <c r="HM412" s="23"/>
      <c r="HN412" s="23"/>
      <c r="HO412" s="23"/>
      <c r="HP412" s="23"/>
      <c r="HQ412" s="23"/>
      <c r="HR412" s="23"/>
      <c r="HS412" s="23"/>
      <c r="HT412" s="23"/>
      <c r="HU412" s="23"/>
      <c r="HV412" s="23"/>
      <c r="HW412" s="23"/>
      <c r="HX412" s="23"/>
      <c r="HY412" s="23"/>
      <c r="HZ412" s="23"/>
      <c r="IA412" s="23"/>
      <c r="IB412" s="23"/>
      <c r="IC412" s="23"/>
      <c r="ID412" s="23"/>
      <c r="IE412" s="23"/>
      <c r="IF412" s="23"/>
      <c r="IG412" s="23"/>
      <c r="IH412" s="23"/>
      <c r="II412" s="23"/>
      <c r="IJ412" s="23"/>
      <c r="IK412" s="23"/>
      <c r="IL412" s="23"/>
      <c r="IM412" s="23"/>
      <c r="IN412" s="23"/>
      <c r="IO412" s="23"/>
      <c r="IP412" s="23"/>
      <c r="IQ412" s="23"/>
    </row>
    <row r="413" spans="1:251" s="50" customFormat="1" ht="18.75" customHeight="1">
      <c r="A413" s="34"/>
      <c r="B413" s="47"/>
      <c r="C413" s="130"/>
      <c r="D413" s="130"/>
      <c r="E413" s="130"/>
      <c r="F413" s="130"/>
      <c r="G413" s="130"/>
      <c r="H413" s="130"/>
      <c r="I413" s="130"/>
      <c r="J413" s="130"/>
      <c r="K413" s="130"/>
      <c r="L413" s="130"/>
      <c r="M413" s="130"/>
      <c r="N413" s="130"/>
      <c r="O413" s="130"/>
      <c r="P413" s="130"/>
      <c r="Q413" s="130"/>
      <c r="R413" s="130"/>
      <c r="S413" s="130"/>
      <c r="T413" s="130"/>
      <c r="U413" s="130"/>
      <c r="V413" s="130"/>
      <c r="W413" s="130"/>
      <c r="X413" s="130"/>
      <c r="Y413" s="130"/>
      <c r="Z413" s="131"/>
      <c r="AA413" s="132"/>
      <c r="AB413" s="200"/>
      <c r="AC413" s="200"/>
      <c r="AD413" s="200"/>
      <c r="AE413" s="200"/>
      <c r="AF413" s="200"/>
      <c r="AG413" s="200"/>
      <c r="AH413" s="200"/>
      <c r="AI413" s="201"/>
      <c r="AJ413" s="132"/>
      <c r="AK413" s="196"/>
      <c r="AL413" s="196"/>
      <c r="AM413" s="196"/>
      <c r="AN413" s="196"/>
      <c r="AO413" s="196"/>
      <c r="AP413" s="196"/>
      <c r="AQ413" s="196"/>
      <c r="AR413" s="197"/>
      <c r="AS413" s="132"/>
      <c r="AT413" s="196"/>
      <c r="AU413" s="196"/>
      <c r="AV413" s="196"/>
      <c r="AW413" s="196"/>
      <c r="AX413" s="202"/>
      <c r="AY413" s="23"/>
      <c r="AZ413" s="23"/>
      <c r="BA413" s="23"/>
      <c r="BB413" s="23"/>
      <c r="BC413" s="23"/>
      <c r="BD413" s="23"/>
      <c r="BE413" s="23"/>
      <c r="BF413" s="23"/>
      <c r="BG413" s="23"/>
      <c r="BH413" s="23"/>
      <c r="BI413" s="23"/>
      <c r="BJ413" s="23"/>
      <c r="BK413" s="23"/>
      <c r="BL413" s="23"/>
      <c r="BM413" s="23"/>
      <c r="BN413" s="23"/>
      <c r="BO413" s="23"/>
      <c r="BP413" s="23"/>
      <c r="BQ413" s="23"/>
      <c r="BR413" s="23"/>
      <c r="BS413" s="23"/>
      <c r="BT413" s="23"/>
      <c r="BU413" s="23"/>
      <c r="BV413" s="23"/>
      <c r="BW413" s="23"/>
      <c r="BX413" s="23"/>
      <c r="BY413" s="23"/>
      <c r="BZ413" s="23"/>
      <c r="CA413" s="23"/>
      <c r="CB413" s="23"/>
      <c r="CC413" s="23"/>
      <c r="CD413" s="23"/>
      <c r="CE413" s="23"/>
      <c r="CF413" s="23"/>
      <c r="CG413" s="23"/>
      <c r="CH413" s="23"/>
      <c r="CI413" s="23"/>
      <c r="CJ413" s="23"/>
      <c r="CK413" s="23"/>
      <c r="CL413" s="23"/>
      <c r="CM413" s="23"/>
      <c r="CN413" s="23"/>
      <c r="CO413" s="23"/>
      <c r="CP413" s="23"/>
      <c r="CQ413" s="23"/>
      <c r="CR413" s="23"/>
      <c r="CS413" s="23"/>
      <c r="CT413" s="23"/>
      <c r="CU413" s="23"/>
      <c r="CV413" s="23"/>
      <c r="CW413" s="23"/>
      <c r="CX413" s="23"/>
      <c r="CY413" s="23"/>
      <c r="CZ413" s="23"/>
      <c r="DA413" s="23"/>
      <c r="DB413" s="23"/>
      <c r="DC413" s="23"/>
      <c r="DD413" s="23"/>
      <c r="DE413" s="23"/>
      <c r="DF413" s="23"/>
      <c r="DG413" s="23"/>
      <c r="DH413" s="23"/>
      <c r="DI413" s="23"/>
      <c r="DJ413" s="23"/>
      <c r="DK413" s="23"/>
      <c r="DL413" s="23"/>
      <c r="DM413" s="23"/>
      <c r="DN413" s="23"/>
      <c r="DO413" s="23"/>
      <c r="DP413" s="23"/>
      <c r="DQ413" s="23"/>
      <c r="DR413" s="23"/>
      <c r="DS413" s="23"/>
      <c r="DT413" s="23"/>
      <c r="DU413" s="23"/>
      <c r="DV413" s="23"/>
      <c r="DW413" s="23"/>
      <c r="DX413" s="23"/>
      <c r="DY413" s="23"/>
      <c r="DZ413" s="23"/>
      <c r="EA413" s="23"/>
      <c r="EB413" s="23"/>
      <c r="EC413" s="23"/>
      <c r="ED413" s="23"/>
      <c r="EE413" s="23"/>
      <c r="EF413" s="23"/>
      <c r="EG413" s="23"/>
      <c r="EH413" s="23"/>
      <c r="EI413" s="23"/>
      <c r="EJ413" s="23"/>
      <c r="EK413" s="23"/>
      <c r="EL413" s="23"/>
      <c r="EM413" s="23"/>
      <c r="EN413" s="23"/>
      <c r="EO413" s="23"/>
      <c r="EP413" s="23"/>
      <c r="EQ413" s="23"/>
      <c r="ER413" s="23"/>
      <c r="ES413" s="23"/>
      <c r="ET413" s="23"/>
      <c r="EU413" s="23"/>
      <c r="EV413" s="23"/>
      <c r="EW413" s="23"/>
      <c r="EX413" s="23"/>
      <c r="EY413" s="23"/>
      <c r="EZ413" s="23"/>
      <c r="FA413" s="23"/>
      <c r="FB413" s="23"/>
      <c r="FC413" s="23"/>
      <c r="FD413" s="23"/>
      <c r="FE413" s="23"/>
      <c r="FF413" s="23"/>
      <c r="FG413" s="23"/>
      <c r="FH413" s="23"/>
      <c r="FI413" s="23"/>
      <c r="FJ413" s="23"/>
      <c r="FK413" s="23"/>
      <c r="FL413" s="23"/>
      <c r="FM413" s="23"/>
      <c r="FN413" s="23"/>
      <c r="FO413" s="23"/>
      <c r="FP413" s="23"/>
      <c r="FQ413" s="23"/>
      <c r="FR413" s="23"/>
      <c r="FS413" s="23"/>
      <c r="FT413" s="23"/>
      <c r="FU413" s="23"/>
      <c r="FV413" s="23"/>
      <c r="FW413" s="23"/>
      <c r="FX413" s="23"/>
      <c r="FY413" s="23"/>
      <c r="FZ413" s="23"/>
      <c r="GA413" s="23"/>
      <c r="GB413" s="23"/>
      <c r="GC413" s="23"/>
      <c r="GD413" s="23"/>
      <c r="GE413" s="23"/>
      <c r="GF413" s="23"/>
      <c r="GG413" s="23"/>
      <c r="GH413" s="23"/>
      <c r="GI413" s="23"/>
      <c r="GJ413" s="23"/>
      <c r="GK413" s="23"/>
      <c r="GL413" s="23"/>
      <c r="GM413" s="23"/>
      <c r="GN413" s="23"/>
      <c r="GO413" s="23"/>
      <c r="GP413" s="23"/>
      <c r="GQ413" s="23"/>
      <c r="GR413" s="23"/>
      <c r="GS413" s="23"/>
      <c r="GT413" s="23"/>
      <c r="GU413" s="23"/>
      <c r="GV413" s="23"/>
      <c r="GW413" s="23"/>
      <c r="GX413" s="23"/>
      <c r="GY413" s="23"/>
      <c r="GZ413" s="23"/>
      <c r="HA413" s="23"/>
      <c r="HB413" s="23"/>
      <c r="HC413" s="23"/>
      <c r="HD413" s="23"/>
      <c r="HE413" s="23"/>
      <c r="HF413" s="23"/>
      <c r="HG413" s="23"/>
      <c r="HH413" s="23"/>
      <c r="HI413" s="23"/>
      <c r="HJ413" s="23"/>
      <c r="HK413" s="23"/>
      <c r="HL413" s="23"/>
      <c r="HM413" s="23"/>
      <c r="HN413" s="23"/>
      <c r="HO413" s="23"/>
      <c r="HP413" s="23"/>
      <c r="HQ413" s="23"/>
      <c r="HR413" s="23"/>
      <c r="HS413" s="23"/>
      <c r="HT413" s="23"/>
      <c r="HU413" s="23"/>
      <c r="HV413" s="23"/>
      <c r="HW413" s="23"/>
      <c r="HX413" s="23"/>
      <c r="HY413" s="23"/>
      <c r="HZ413" s="23"/>
      <c r="IA413" s="23"/>
      <c r="IB413" s="23"/>
      <c r="IC413" s="23"/>
      <c r="ID413" s="23"/>
      <c r="IE413" s="23"/>
      <c r="IF413" s="23"/>
      <c r="IG413" s="23"/>
      <c r="IH413" s="23"/>
      <c r="II413" s="23"/>
      <c r="IJ413" s="23"/>
      <c r="IK413" s="23"/>
      <c r="IL413" s="23"/>
      <c r="IM413" s="23"/>
      <c r="IN413" s="23"/>
      <c r="IO413" s="23"/>
      <c r="IP413" s="23"/>
      <c r="IQ413" s="23"/>
    </row>
    <row r="414" spans="1:251" s="50" customFormat="1" ht="18.75" customHeight="1">
      <c r="A414" s="34"/>
      <c r="B414" s="47"/>
      <c r="C414" s="130"/>
      <c r="D414" s="130"/>
      <c r="E414" s="130"/>
      <c r="F414" s="130"/>
      <c r="G414" s="130"/>
      <c r="H414" s="130"/>
      <c r="I414" s="130"/>
      <c r="J414" s="130"/>
      <c r="K414" s="130"/>
      <c r="L414" s="130"/>
      <c r="M414" s="130"/>
      <c r="N414" s="130"/>
      <c r="O414" s="130"/>
      <c r="P414" s="130"/>
      <c r="Q414" s="130"/>
      <c r="R414" s="130"/>
      <c r="S414" s="130"/>
      <c r="T414" s="130"/>
      <c r="U414" s="130"/>
      <c r="V414" s="130"/>
      <c r="W414" s="130"/>
      <c r="X414" s="130"/>
      <c r="Y414" s="130"/>
      <c r="Z414" s="131"/>
      <c r="AA414" s="132"/>
      <c r="AB414" s="200"/>
      <c r="AC414" s="200"/>
      <c r="AD414" s="200"/>
      <c r="AE414" s="200"/>
      <c r="AF414" s="200"/>
      <c r="AG414" s="200"/>
      <c r="AH414" s="200"/>
      <c r="AI414" s="201"/>
      <c r="AJ414" s="132"/>
      <c r="AK414" s="196"/>
      <c r="AL414" s="196"/>
      <c r="AM414" s="196"/>
      <c r="AN414" s="196"/>
      <c r="AO414" s="196"/>
      <c r="AP414" s="196"/>
      <c r="AQ414" s="196"/>
      <c r="AR414" s="197"/>
      <c r="AS414" s="132"/>
      <c r="AT414" s="196"/>
      <c r="AU414" s="196"/>
      <c r="AV414" s="196"/>
      <c r="AW414" s="196"/>
      <c r="AX414" s="202"/>
      <c r="AY414" s="23"/>
      <c r="AZ414" s="23"/>
      <c r="BA414" s="23"/>
      <c r="BB414" s="23"/>
      <c r="BC414" s="23"/>
      <c r="BD414" s="23"/>
      <c r="BE414" s="23"/>
      <c r="BF414" s="23"/>
      <c r="BG414" s="23"/>
      <c r="BH414" s="23"/>
      <c r="BI414" s="23"/>
      <c r="BJ414" s="23"/>
      <c r="BK414" s="23"/>
      <c r="BL414" s="23"/>
      <c r="BM414" s="23"/>
      <c r="BN414" s="23"/>
      <c r="BO414" s="23"/>
      <c r="BP414" s="23"/>
      <c r="BQ414" s="23"/>
      <c r="BR414" s="23"/>
      <c r="BS414" s="23"/>
      <c r="BT414" s="23"/>
      <c r="BU414" s="23"/>
      <c r="BV414" s="23"/>
      <c r="BW414" s="23"/>
      <c r="BX414" s="23"/>
      <c r="BY414" s="23"/>
      <c r="BZ414" s="23"/>
      <c r="CA414" s="23"/>
      <c r="CB414" s="23"/>
      <c r="CC414" s="23"/>
      <c r="CD414" s="23"/>
      <c r="CE414" s="23"/>
      <c r="CF414" s="23"/>
      <c r="CG414" s="23"/>
      <c r="CH414" s="23"/>
      <c r="CI414" s="23"/>
      <c r="CJ414" s="23"/>
      <c r="CK414" s="23"/>
      <c r="CL414" s="23"/>
      <c r="CM414" s="23"/>
      <c r="CN414" s="23"/>
      <c r="CO414" s="23"/>
      <c r="CP414" s="23"/>
      <c r="CQ414" s="23"/>
      <c r="CR414" s="23"/>
      <c r="CS414" s="23"/>
      <c r="CT414" s="23"/>
      <c r="CU414" s="23"/>
      <c r="CV414" s="23"/>
      <c r="CW414" s="23"/>
      <c r="CX414" s="23"/>
      <c r="CY414" s="23"/>
      <c r="CZ414" s="23"/>
      <c r="DA414" s="23"/>
      <c r="DB414" s="23"/>
      <c r="DC414" s="23"/>
      <c r="DD414" s="23"/>
      <c r="DE414" s="23"/>
      <c r="DF414" s="23"/>
      <c r="DG414" s="23"/>
      <c r="DH414" s="23"/>
      <c r="DI414" s="23"/>
      <c r="DJ414" s="23"/>
      <c r="DK414" s="23"/>
      <c r="DL414" s="23"/>
      <c r="DM414" s="23"/>
      <c r="DN414" s="23"/>
      <c r="DO414" s="23"/>
      <c r="DP414" s="23"/>
      <c r="DQ414" s="23"/>
      <c r="DR414" s="23"/>
      <c r="DS414" s="23"/>
      <c r="DT414" s="23"/>
      <c r="DU414" s="23"/>
      <c r="DV414" s="23"/>
      <c r="DW414" s="23"/>
      <c r="DX414" s="23"/>
      <c r="DY414" s="23"/>
      <c r="DZ414" s="23"/>
      <c r="EA414" s="23"/>
      <c r="EB414" s="23"/>
      <c r="EC414" s="23"/>
      <c r="ED414" s="23"/>
      <c r="EE414" s="23"/>
      <c r="EF414" s="23"/>
      <c r="EG414" s="23"/>
      <c r="EH414" s="23"/>
      <c r="EI414" s="23"/>
      <c r="EJ414" s="23"/>
      <c r="EK414" s="23"/>
      <c r="EL414" s="23"/>
      <c r="EM414" s="23"/>
      <c r="EN414" s="23"/>
      <c r="EO414" s="23"/>
      <c r="EP414" s="23"/>
      <c r="EQ414" s="23"/>
      <c r="ER414" s="23"/>
      <c r="ES414" s="23"/>
      <c r="ET414" s="23"/>
      <c r="EU414" s="23"/>
      <c r="EV414" s="23"/>
      <c r="EW414" s="23"/>
      <c r="EX414" s="23"/>
      <c r="EY414" s="23"/>
      <c r="EZ414" s="23"/>
      <c r="FA414" s="23"/>
      <c r="FB414" s="23"/>
      <c r="FC414" s="23"/>
      <c r="FD414" s="23"/>
      <c r="FE414" s="23"/>
      <c r="FF414" s="23"/>
      <c r="FG414" s="23"/>
      <c r="FH414" s="23"/>
      <c r="FI414" s="23"/>
      <c r="FJ414" s="23"/>
      <c r="FK414" s="23"/>
      <c r="FL414" s="23"/>
      <c r="FM414" s="23"/>
      <c r="FN414" s="23"/>
      <c r="FO414" s="23"/>
      <c r="FP414" s="23"/>
      <c r="FQ414" s="23"/>
      <c r="FR414" s="23"/>
      <c r="FS414" s="23"/>
      <c r="FT414" s="23"/>
      <c r="FU414" s="23"/>
      <c r="FV414" s="23"/>
      <c r="FW414" s="23"/>
      <c r="FX414" s="23"/>
      <c r="FY414" s="23"/>
      <c r="FZ414" s="23"/>
      <c r="GA414" s="23"/>
      <c r="GB414" s="23"/>
      <c r="GC414" s="23"/>
      <c r="GD414" s="23"/>
      <c r="GE414" s="23"/>
      <c r="GF414" s="23"/>
      <c r="GG414" s="23"/>
      <c r="GH414" s="23"/>
      <c r="GI414" s="23"/>
      <c r="GJ414" s="23"/>
      <c r="GK414" s="23"/>
      <c r="GL414" s="23"/>
      <c r="GM414" s="23"/>
      <c r="GN414" s="23"/>
      <c r="GO414" s="23"/>
      <c r="GP414" s="23"/>
      <c r="GQ414" s="23"/>
      <c r="GR414" s="23"/>
      <c r="GS414" s="23"/>
      <c r="GT414" s="23"/>
      <c r="GU414" s="23"/>
      <c r="GV414" s="23"/>
      <c r="GW414" s="23"/>
      <c r="GX414" s="23"/>
      <c r="GY414" s="23"/>
      <c r="GZ414" s="23"/>
      <c r="HA414" s="23"/>
      <c r="HB414" s="23"/>
      <c r="HC414" s="23"/>
      <c r="HD414" s="23"/>
      <c r="HE414" s="23"/>
      <c r="HF414" s="23"/>
      <c r="HG414" s="23"/>
      <c r="HH414" s="23"/>
      <c r="HI414" s="23"/>
      <c r="HJ414" s="23"/>
      <c r="HK414" s="23"/>
      <c r="HL414" s="23"/>
      <c r="HM414" s="23"/>
      <c r="HN414" s="23"/>
      <c r="HO414" s="23"/>
      <c r="HP414" s="23"/>
      <c r="HQ414" s="23"/>
      <c r="HR414" s="23"/>
      <c r="HS414" s="23"/>
      <c r="HT414" s="23"/>
      <c r="HU414" s="23"/>
      <c r="HV414" s="23"/>
      <c r="HW414" s="23"/>
      <c r="HX414" s="23"/>
      <c r="HY414" s="23"/>
      <c r="HZ414" s="23"/>
      <c r="IA414" s="23"/>
      <c r="IB414" s="23"/>
      <c r="IC414" s="23"/>
      <c r="ID414" s="23"/>
      <c r="IE414" s="23"/>
      <c r="IF414" s="23"/>
      <c r="IG414" s="23"/>
      <c r="IH414" s="23"/>
      <c r="II414" s="23"/>
      <c r="IJ414" s="23"/>
      <c r="IK414" s="23"/>
      <c r="IL414" s="23"/>
      <c r="IM414" s="23"/>
      <c r="IN414" s="23"/>
      <c r="IO414" s="23"/>
      <c r="IP414" s="23"/>
      <c r="IQ414" s="23"/>
    </row>
    <row r="415" spans="1:251" s="50" customFormat="1" ht="18.75" customHeight="1">
      <c r="A415" s="34"/>
      <c r="B415" s="48"/>
      <c r="C415" s="130"/>
      <c r="D415" s="130"/>
      <c r="E415" s="130"/>
      <c r="F415" s="130"/>
      <c r="G415" s="130"/>
      <c r="H415" s="130"/>
      <c r="I415" s="130"/>
      <c r="J415" s="130"/>
      <c r="K415" s="130"/>
      <c r="L415" s="130"/>
      <c r="M415" s="130"/>
      <c r="N415" s="130"/>
      <c r="O415" s="130"/>
      <c r="P415" s="130"/>
      <c r="Q415" s="130"/>
      <c r="R415" s="130"/>
      <c r="S415" s="130"/>
      <c r="T415" s="130"/>
      <c r="U415" s="130"/>
      <c r="V415" s="130"/>
      <c r="W415" s="130"/>
      <c r="X415" s="130"/>
      <c r="Y415" s="130"/>
      <c r="Z415" s="131"/>
      <c r="AA415" s="132"/>
      <c r="AB415" s="200"/>
      <c r="AC415" s="200"/>
      <c r="AD415" s="200"/>
      <c r="AE415" s="200"/>
      <c r="AF415" s="200"/>
      <c r="AG415" s="200"/>
      <c r="AH415" s="200"/>
      <c r="AI415" s="201"/>
      <c r="AJ415" s="132"/>
      <c r="AK415" s="196"/>
      <c r="AL415" s="196"/>
      <c r="AM415" s="196"/>
      <c r="AN415" s="196"/>
      <c r="AO415" s="196"/>
      <c r="AP415" s="196"/>
      <c r="AQ415" s="196"/>
      <c r="AR415" s="197"/>
      <c r="AS415" s="136"/>
      <c r="AT415" s="198"/>
      <c r="AU415" s="198"/>
      <c r="AV415" s="198"/>
      <c r="AW415" s="198"/>
      <c r="AX415" s="199"/>
      <c r="AY415" s="23"/>
      <c r="AZ415" s="23"/>
      <c r="BA415" s="23"/>
      <c r="BB415" s="23"/>
      <c r="BC415" s="23"/>
      <c r="BD415" s="23"/>
      <c r="BE415" s="23"/>
      <c r="BF415" s="23"/>
      <c r="BG415" s="23"/>
      <c r="BH415" s="23"/>
      <c r="BI415" s="23"/>
      <c r="BJ415" s="23"/>
      <c r="BK415" s="23"/>
      <c r="BL415" s="23"/>
      <c r="BM415" s="23"/>
      <c r="BN415" s="23"/>
      <c r="BO415" s="23"/>
      <c r="BP415" s="23"/>
      <c r="BQ415" s="23"/>
      <c r="BR415" s="23"/>
      <c r="BS415" s="23"/>
      <c r="BT415" s="23"/>
      <c r="BU415" s="23"/>
      <c r="BV415" s="23"/>
      <c r="BW415" s="23"/>
      <c r="BX415" s="23"/>
      <c r="BY415" s="23"/>
      <c r="BZ415" s="23"/>
      <c r="CA415" s="23"/>
      <c r="CB415" s="23"/>
      <c r="CC415" s="23"/>
      <c r="CD415" s="23"/>
      <c r="CE415" s="23"/>
      <c r="CF415" s="23"/>
      <c r="CG415" s="23"/>
      <c r="CH415" s="23"/>
      <c r="CI415" s="23"/>
      <c r="CJ415" s="23"/>
      <c r="CK415" s="23"/>
      <c r="CL415" s="23"/>
      <c r="CM415" s="23"/>
      <c r="CN415" s="23"/>
      <c r="CO415" s="23"/>
      <c r="CP415" s="23"/>
      <c r="CQ415" s="23"/>
      <c r="CR415" s="23"/>
      <c r="CS415" s="23"/>
      <c r="CT415" s="23"/>
      <c r="CU415" s="23"/>
      <c r="CV415" s="23"/>
      <c r="CW415" s="23"/>
      <c r="CX415" s="23"/>
      <c r="CY415" s="23"/>
      <c r="CZ415" s="23"/>
      <c r="DA415" s="23"/>
      <c r="DB415" s="23"/>
      <c r="DC415" s="23"/>
      <c r="DD415" s="23"/>
      <c r="DE415" s="23"/>
      <c r="DF415" s="23"/>
      <c r="DG415" s="23"/>
      <c r="DH415" s="23"/>
      <c r="DI415" s="23"/>
      <c r="DJ415" s="23"/>
      <c r="DK415" s="23"/>
      <c r="DL415" s="23"/>
      <c r="DM415" s="23"/>
      <c r="DN415" s="23"/>
      <c r="DO415" s="23"/>
      <c r="DP415" s="23"/>
      <c r="DQ415" s="23"/>
      <c r="DR415" s="23"/>
      <c r="DS415" s="23"/>
      <c r="DT415" s="23"/>
      <c r="DU415" s="23"/>
      <c r="DV415" s="23"/>
      <c r="DW415" s="23"/>
      <c r="DX415" s="23"/>
      <c r="DY415" s="23"/>
      <c r="DZ415" s="23"/>
      <c r="EA415" s="23"/>
      <c r="EB415" s="23"/>
      <c r="EC415" s="23"/>
      <c r="ED415" s="23"/>
      <c r="EE415" s="23"/>
      <c r="EF415" s="23"/>
      <c r="EG415" s="23"/>
      <c r="EH415" s="23"/>
      <c r="EI415" s="23"/>
      <c r="EJ415" s="23"/>
      <c r="EK415" s="23"/>
      <c r="EL415" s="23"/>
      <c r="EM415" s="23"/>
      <c r="EN415" s="23"/>
      <c r="EO415" s="23"/>
      <c r="EP415" s="23"/>
      <c r="EQ415" s="23"/>
      <c r="ER415" s="23"/>
      <c r="ES415" s="23"/>
      <c r="ET415" s="23"/>
      <c r="EU415" s="23"/>
      <c r="EV415" s="23"/>
      <c r="EW415" s="23"/>
      <c r="EX415" s="23"/>
      <c r="EY415" s="23"/>
      <c r="EZ415" s="23"/>
      <c r="FA415" s="23"/>
      <c r="FB415" s="23"/>
      <c r="FC415" s="23"/>
      <c r="FD415" s="23"/>
      <c r="FE415" s="23"/>
      <c r="FF415" s="23"/>
      <c r="FG415" s="23"/>
      <c r="FH415" s="23"/>
      <c r="FI415" s="23"/>
      <c r="FJ415" s="23"/>
      <c r="FK415" s="23"/>
      <c r="FL415" s="23"/>
      <c r="FM415" s="23"/>
      <c r="FN415" s="23"/>
      <c r="FO415" s="23"/>
      <c r="FP415" s="23"/>
      <c r="FQ415" s="23"/>
      <c r="FR415" s="23"/>
      <c r="FS415" s="23"/>
      <c r="FT415" s="23"/>
      <c r="FU415" s="23"/>
      <c r="FV415" s="23"/>
      <c r="FW415" s="23"/>
      <c r="FX415" s="23"/>
      <c r="FY415" s="23"/>
      <c r="FZ415" s="23"/>
      <c r="GA415" s="23"/>
      <c r="GB415" s="23"/>
      <c r="GC415" s="23"/>
      <c r="GD415" s="23"/>
      <c r="GE415" s="23"/>
      <c r="GF415" s="23"/>
      <c r="GG415" s="23"/>
      <c r="GH415" s="23"/>
      <c r="GI415" s="23"/>
      <c r="GJ415" s="23"/>
      <c r="GK415" s="23"/>
      <c r="GL415" s="23"/>
      <c r="GM415" s="23"/>
      <c r="GN415" s="23"/>
      <c r="GO415" s="23"/>
      <c r="GP415" s="23"/>
      <c r="GQ415" s="23"/>
      <c r="GR415" s="23"/>
      <c r="GS415" s="23"/>
      <c r="GT415" s="23"/>
      <c r="GU415" s="23"/>
      <c r="GV415" s="23"/>
      <c r="GW415" s="23"/>
      <c r="GX415" s="23"/>
      <c r="GY415" s="23"/>
      <c r="GZ415" s="23"/>
      <c r="HA415" s="23"/>
      <c r="HB415" s="23"/>
      <c r="HC415" s="23"/>
      <c r="HD415" s="23"/>
      <c r="HE415" s="23"/>
      <c r="HF415" s="23"/>
      <c r="HG415" s="23"/>
      <c r="HH415" s="23"/>
      <c r="HI415" s="23"/>
      <c r="HJ415" s="23"/>
      <c r="HK415" s="23"/>
      <c r="HL415" s="23"/>
      <c r="HM415" s="23"/>
      <c r="HN415" s="23"/>
      <c r="HO415" s="23"/>
      <c r="HP415" s="23"/>
      <c r="HQ415" s="23"/>
      <c r="HR415" s="23"/>
      <c r="HS415" s="23"/>
      <c r="HT415" s="23"/>
      <c r="HU415" s="23"/>
      <c r="HV415" s="23"/>
      <c r="HW415" s="23"/>
      <c r="HX415" s="23"/>
      <c r="HY415" s="23"/>
      <c r="HZ415" s="23"/>
      <c r="IA415" s="23"/>
      <c r="IB415" s="23"/>
      <c r="IC415" s="23"/>
      <c r="ID415" s="23"/>
      <c r="IE415" s="23"/>
      <c r="IF415" s="23"/>
      <c r="IG415" s="23"/>
      <c r="IH415" s="23"/>
      <c r="II415" s="23"/>
      <c r="IJ415" s="23"/>
      <c r="IK415" s="23"/>
      <c r="IL415" s="23"/>
      <c r="IM415" s="23"/>
      <c r="IN415" s="23"/>
      <c r="IO415" s="23"/>
      <c r="IP415" s="23"/>
      <c r="IQ415" s="23"/>
    </row>
    <row r="416" spans="1:251" s="50" customFormat="1" ht="18.75" customHeight="1">
      <c r="A416" s="34"/>
      <c r="B416" s="47"/>
      <c r="C416" s="130"/>
      <c r="D416" s="130"/>
      <c r="E416" s="130"/>
      <c r="F416" s="130"/>
      <c r="G416" s="130"/>
      <c r="H416" s="130"/>
      <c r="I416" s="130"/>
      <c r="J416" s="130"/>
      <c r="K416" s="130"/>
      <c r="L416" s="130"/>
      <c r="M416" s="130"/>
      <c r="N416" s="130"/>
      <c r="O416" s="130"/>
      <c r="P416" s="130"/>
      <c r="Q416" s="130"/>
      <c r="R416" s="130"/>
      <c r="S416" s="130"/>
      <c r="T416" s="130"/>
      <c r="U416" s="130"/>
      <c r="V416" s="130"/>
      <c r="W416" s="130"/>
      <c r="X416" s="130"/>
      <c r="Y416" s="130"/>
      <c r="Z416" s="131"/>
      <c r="AA416" s="132"/>
      <c r="AB416" s="200"/>
      <c r="AC416" s="200"/>
      <c r="AD416" s="200"/>
      <c r="AE416" s="200"/>
      <c r="AF416" s="200"/>
      <c r="AG416" s="200"/>
      <c r="AH416" s="200"/>
      <c r="AI416" s="201"/>
      <c r="AJ416" s="132"/>
      <c r="AK416" s="196"/>
      <c r="AL416" s="196"/>
      <c r="AM416" s="196"/>
      <c r="AN416" s="196"/>
      <c r="AO416" s="196"/>
      <c r="AP416" s="196"/>
      <c r="AQ416" s="196"/>
      <c r="AR416" s="197"/>
      <c r="AS416" s="132"/>
      <c r="AT416" s="196"/>
      <c r="AU416" s="196"/>
      <c r="AV416" s="196"/>
      <c r="AW416" s="196"/>
      <c r="AX416" s="202"/>
      <c r="AY416" s="23"/>
      <c r="AZ416" s="23"/>
      <c r="BA416" s="23"/>
      <c r="BB416" s="23"/>
      <c r="BC416" s="23"/>
      <c r="BD416" s="23"/>
      <c r="BE416" s="23"/>
      <c r="BF416" s="23"/>
      <c r="BG416" s="23"/>
      <c r="BH416" s="23"/>
      <c r="BI416" s="23"/>
      <c r="BJ416" s="23"/>
      <c r="BK416" s="23"/>
      <c r="BL416" s="23"/>
      <c r="BM416" s="23"/>
      <c r="BN416" s="23"/>
      <c r="BO416" s="23"/>
      <c r="BP416" s="23"/>
      <c r="BQ416" s="23"/>
      <c r="BR416" s="23"/>
      <c r="BS416" s="23"/>
      <c r="BT416" s="23"/>
      <c r="BU416" s="23"/>
      <c r="BV416" s="23"/>
      <c r="BW416" s="23"/>
      <c r="BX416" s="23"/>
      <c r="BY416" s="23"/>
      <c r="BZ416" s="23"/>
      <c r="CA416" s="23"/>
      <c r="CB416" s="23"/>
      <c r="CC416" s="23"/>
      <c r="CD416" s="23"/>
      <c r="CE416" s="23"/>
      <c r="CF416" s="23"/>
      <c r="CG416" s="23"/>
      <c r="CH416" s="23"/>
      <c r="CI416" s="23"/>
      <c r="CJ416" s="23"/>
      <c r="CK416" s="23"/>
      <c r="CL416" s="23"/>
      <c r="CM416" s="23"/>
      <c r="CN416" s="23"/>
      <c r="CO416" s="23"/>
      <c r="CP416" s="23"/>
      <c r="CQ416" s="23"/>
      <c r="CR416" s="23"/>
      <c r="CS416" s="23"/>
      <c r="CT416" s="23"/>
      <c r="CU416" s="23"/>
      <c r="CV416" s="23"/>
      <c r="CW416" s="23"/>
      <c r="CX416" s="23"/>
      <c r="CY416" s="23"/>
      <c r="CZ416" s="23"/>
      <c r="DA416" s="23"/>
      <c r="DB416" s="23"/>
      <c r="DC416" s="23"/>
      <c r="DD416" s="23"/>
      <c r="DE416" s="23"/>
      <c r="DF416" s="23"/>
      <c r="DG416" s="23"/>
      <c r="DH416" s="23"/>
      <c r="DI416" s="23"/>
      <c r="DJ416" s="23"/>
      <c r="DK416" s="23"/>
      <c r="DL416" s="23"/>
      <c r="DM416" s="23"/>
      <c r="DN416" s="23"/>
      <c r="DO416" s="23"/>
      <c r="DP416" s="23"/>
      <c r="DQ416" s="23"/>
      <c r="DR416" s="23"/>
      <c r="DS416" s="23"/>
      <c r="DT416" s="23"/>
      <c r="DU416" s="23"/>
      <c r="DV416" s="23"/>
      <c r="DW416" s="23"/>
      <c r="DX416" s="23"/>
      <c r="DY416" s="23"/>
      <c r="DZ416" s="23"/>
      <c r="EA416" s="23"/>
      <c r="EB416" s="23"/>
      <c r="EC416" s="23"/>
      <c r="ED416" s="23"/>
      <c r="EE416" s="23"/>
      <c r="EF416" s="23"/>
      <c r="EG416" s="23"/>
      <c r="EH416" s="23"/>
      <c r="EI416" s="23"/>
      <c r="EJ416" s="23"/>
      <c r="EK416" s="23"/>
      <c r="EL416" s="23"/>
      <c r="EM416" s="23"/>
      <c r="EN416" s="23"/>
      <c r="EO416" s="23"/>
      <c r="EP416" s="23"/>
      <c r="EQ416" s="23"/>
      <c r="ER416" s="23"/>
      <c r="ES416" s="23"/>
      <c r="ET416" s="23"/>
      <c r="EU416" s="23"/>
      <c r="EV416" s="23"/>
      <c r="EW416" s="23"/>
      <c r="EX416" s="23"/>
      <c r="EY416" s="23"/>
      <c r="EZ416" s="23"/>
      <c r="FA416" s="23"/>
      <c r="FB416" s="23"/>
      <c r="FC416" s="23"/>
      <c r="FD416" s="23"/>
      <c r="FE416" s="23"/>
      <c r="FF416" s="23"/>
      <c r="FG416" s="23"/>
      <c r="FH416" s="23"/>
      <c r="FI416" s="23"/>
      <c r="FJ416" s="23"/>
      <c r="FK416" s="23"/>
      <c r="FL416" s="23"/>
      <c r="FM416" s="23"/>
      <c r="FN416" s="23"/>
      <c r="FO416" s="23"/>
      <c r="FP416" s="23"/>
      <c r="FQ416" s="23"/>
      <c r="FR416" s="23"/>
      <c r="FS416" s="23"/>
      <c r="FT416" s="23"/>
      <c r="FU416" s="23"/>
      <c r="FV416" s="23"/>
      <c r="FW416" s="23"/>
      <c r="FX416" s="23"/>
      <c r="FY416" s="23"/>
      <c r="FZ416" s="23"/>
      <c r="GA416" s="23"/>
      <c r="GB416" s="23"/>
      <c r="GC416" s="23"/>
      <c r="GD416" s="23"/>
      <c r="GE416" s="23"/>
      <c r="GF416" s="23"/>
      <c r="GG416" s="23"/>
      <c r="GH416" s="23"/>
      <c r="GI416" s="23"/>
      <c r="GJ416" s="23"/>
      <c r="GK416" s="23"/>
      <c r="GL416" s="23"/>
      <c r="GM416" s="23"/>
      <c r="GN416" s="23"/>
      <c r="GO416" s="23"/>
      <c r="GP416" s="23"/>
      <c r="GQ416" s="23"/>
      <c r="GR416" s="23"/>
      <c r="GS416" s="23"/>
      <c r="GT416" s="23"/>
      <c r="GU416" s="23"/>
      <c r="GV416" s="23"/>
      <c r="GW416" s="23"/>
      <c r="GX416" s="23"/>
      <c r="GY416" s="23"/>
      <c r="GZ416" s="23"/>
      <c r="HA416" s="23"/>
      <c r="HB416" s="23"/>
      <c r="HC416" s="23"/>
      <c r="HD416" s="23"/>
      <c r="HE416" s="23"/>
      <c r="HF416" s="23"/>
      <c r="HG416" s="23"/>
      <c r="HH416" s="23"/>
      <c r="HI416" s="23"/>
      <c r="HJ416" s="23"/>
      <c r="HK416" s="23"/>
      <c r="HL416" s="23"/>
      <c r="HM416" s="23"/>
      <c r="HN416" s="23"/>
      <c r="HO416" s="23"/>
      <c r="HP416" s="23"/>
      <c r="HQ416" s="23"/>
      <c r="HR416" s="23"/>
      <c r="HS416" s="23"/>
      <c r="HT416" s="23"/>
      <c r="HU416" s="23"/>
      <c r="HV416" s="23"/>
      <c r="HW416" s="23"/>
      <c r="HX416" s="23"/>
      <c r="HY416" s="23"/>
      <c r="HZ416" s="23"/>
      <c r="IA416" s="23"/>
      <c r="IB416" s="23"/>
      <c r="IC416" s="23"/>
      <c r="ID416" s="23"/>
      <c r="IE416" s="23"/>
      <c r="IF416" s="23"/>
      <c r="IG416" s="23"/>
      <c r="IH416" s="23"/>
      <c r="II416" s="23"/>
      <c r="IJ416" s="23"/>
      <c r="IK416" s="23"/>
      <c r="IL416" s="23"/>
      <c r="IM416" s="23"/>
      <c r="IN416" s="23"/>
      <c r="IO416" s="23"/>
      <c r="IP416" s="23"/>
      <c r="IQ416" s="23"/>
    </row>
    <row r="417" spans="1:251" s="50" customFormat="1" ht="18.75" customHeight="1">
      <c r="A417" s="34"/>
      <c r="B417" s="48"/>
      <c r="C417" s="130"/>
      <c r="D417" s="130"/>
      <c r="E417" s="130"/>
      <c r="F417" s="130"/>
      <c r="G417" s="130"/>
      <c r="H417" s="130"/>
      <c r="I417" s="130"/>
      <c r="J417" s="130"/>
      <c r="K417" s="130"/>
      <c r="L417" s="130"/>
      <c r="M417" s="130"/>
      <c r="N417" s="130"/>
      <c r="O417" s="130"/>
      <c r="P417" s="130"/>
      <c r="Q417" s="130"/>
      <c r="R417" s="130"/>
      <c r="S417" s="130"/>
      <c r="T417" s="130"/>
      <c r="U417" s="130"/>
      <c r="V417" s="130"/>
      <c r="W417" s="130"/>
      <c r="X417" s="130"/>
      <c r="Y417" s="130"/>
      <c r="Z417" s="131"/>
      <c r="AA417" s="132"/>
      <c r="AB417" s="200"/>
      <c r="AC417" s="200"/>
      <c r="AD417" s="200"/>
      <c r="AE417" s="200"/>
      <c r="AF417" s="200"/>
      <c r="AG417" s="200"/>
      <c r="AH417" s="200"/>
      <c r="AI417" s="201"/>
      <c r="AJ417" s="132"/>
      <c r="AK417" s="133"/>
      <c r="AL417" s="133"/>
      <c r="AM417" s="133"/>
      <c r="AN417" s="133"/>
      <c r="AO417" s="133"/>
      <c r="AP417" s="133"/>
      <c r="AQ417" s="133"/>
      <c r="AR417" s="134"/>
      <c r="AS417" s="132"/>
      <c r="AT417" s="196"/>
      <c r="AU417" s="196"/>
      <c r="AV417" s="196"/>
      <c r="AW417" s="196"/>
      <c r="AX417" s="202"/>
      <c r="AY417" s="23"/>
      <c r="AZ417" s="23"/>
      <c r="BA417" s="23"/>
      <c r="BB417" s="23"/>
      <c r="BC417" s="23"/>
      <c r="BD417" s="23"/>
      <c r="BE417" s="23"/>
      <c r="BF417" s="23"/>
      <c r="BG417" s="23"/>
      <c r="BH417" s="23"/>
      <c r="BI417" s="23"/>
      <c r="BJ417" s="23"/>
      <c r="BK417" s="23"/>
      <c r="BL417" s="23"/>
      <c r="BM417" s="23"/>
      <c r="BN417" s="23"/>
      <c r="BO417" s="23"/>
      <c r="BP417" s="23"/>
      <c r="BQ417" s="23"/>
      <c r="BR417" s="23"/>
      <c r="BS417" s="23"/>
      <c r="BT417" s="23"/>
      <c r="BU417" s="23"/>
      <c r="BV417" s="23"/>
      <c r="BW417" s="23"/>
      <c r="BX417" s="23"/>
      <c r="BY417" s="23"/>
      <c r="BZ417" s="23"/>
      <c r="CA417" s="23"/>
      <c r="CB417" s="23"/>
      <c r="CC417" s="23"/>
      <c r="CD417" s="23"/>
      <c r="CE417" s="23"/>
      <c r="CF417" s="23"/>
      <c r="CG417" s="23"/>
      <c r="CH417" s="23"/>
      <c r="CI417" s="23"/>
      <c r="CJ417" s="23"/>
      <c r="CK417" s="23"/>
      <c r="CL417" s="23"/>
      <c r="CM417" s="23"/>
      <c r="CN417" s="23"/>
      <c r="CO417" s="23"/>
      <c r="CP417" s="23"/>
      <c r="CQ417" s="23"/>
      <c r="CR417" s="23"/>
      <c r="CS417" s="23"/>
      <c r="CT417" s="23"/>
      <c r="CU417" s="23"/>
      <c r="CV417" s="23"/>
      <c r="CW417" s="23"/>
      <c r="CX417" s="23"/>
      <c r="CY417" s="23"/>
      <c r="CZ417" s="23"/>
      <c r="DA417" s="23"/>
      <c r="DB417" s="23"/>
      <c r="DC417" s="23"/>
      <c r="DD417" s="23"/>
      <c r="DE417" s="23"/>
      <c r="DF417" s="23"/>
      <c r="DG417" s="23"/>
      <c r="DH417" s="23"/>
      <c r="DI417" s="23"/>
      <c r="DJ417" s="23"/>
      <c r="DK417" s="23"/>
      <c r="DL417" s="23"/>
      <c r="DM417" s="23"/>
      <c r="DN417" s="23"/>
      <c r="DO417" s="23"/>
      <c r="DP417" s="23"/>
      <c r="DQ417" s="23"/>
      <c r="DR417" s="23"/>
      <c r="DS417" s="23"/>
      <c r="DT417" s="23"/>
      <c r="DU417" s="23"/>
      <c r="DV417" s="23"/>
      <c r="DW417" s="23"/>
      <c r="DX417" s="23"/>
      <c r="DY417" s="23"/>
      <c r="DZ417" s="23"/>
      <c r="EA417" s="23"/>
      <c r="EB417" s="23"/>
      <c r="EC417" s="23"/>
      <c r="ED417" s="23"/>
      <c r="EE417" s="23"/>
      <c r="EF417" s="23"/>
      <c r="EG417" s="23"/>
      <c r="EH417" s="23"/>
      <c r="EI417" s="23"/>
      <c r="EJ417" s="23"/>
      <c r="EK417" s="23"/>
      <c r="EL417" s="23"/>
      <c r="EM417" s="23"/>
      <c r="EN417" s="23"/>
      <c r="EO417" s="23"/>
      <c r="EP417" s="23"/>
      <c r="EQ417" s="23"/>
      <c r="ER417" s="23"/>
      <c r="ES417" s="23"/>
      <c r="ET417" s="23"/>
      <c r="EU417" s="23"/>
      <c r="EV417" s="23"/>
      <c r="EW417" s="23"/>
      <c r="EX417" s="23"/>
      <c r="EY417" s="23"/>
      <c r="EZ417" s="23"/>
      <c r="FA417" s="23"/>
      <c r="FB417" s="23"/>
      <c r="FC417" s="23"/>
      <c r="FD417" s="23"/>
      <c r="FE417" s="23"/>
      <c r="FF417" s="23"/>
      <c r="FG417" s="23"/>
      <c r="FH417" s="23"/>
      <c r="FI417" s="23"/>
      <c r="FJ417" s="23"/>
      <c r="FK417" s="23"/>
      <c r="FL417" s="23"/>
      <c r="FM417" s="23"/>
      <c r="FN417" s="23"/>
      <c r="FO417" s="23"/>
      <c r="FP417" s="23"/>
      <c r="FQ417" s="23"/>
      <c r="FR417" s="23"/>
      <c r="FS417" s="23"/>
      <c r="FT417" s="23"/>
      <c r="FU417" s="23"/>
      <c r="FV417" s="23"/>
      <c r="FW417" s="23"/>
      <c r="FX417" s="23"/>
      <c r="FY417" s="23"/>
      <c r="FZ417" s="23"/>
      <c r="GA417" s="23"/>
      <c r="GB417" s="23"/>
      <c r="GC417" s="23"/>
      <c r="GD417" s="23"/>
      <c r="GE417" s="23"/>
      <c r="GF417" s="23"/>
      <c r="GG417" s="23"/>
      <c r="GH417" s="23"/>
      <c r="GI417" s="23"/>
      <c r="GJ417" s="23"/>
      <c r="GK417" s="23"/>
      <c r="GL417" s="23"/>
      <c r="GM417" s="23"/>
      <c r="GN417" s="23"/>
      <c r="GO417" s="23"/>
      <c r="GP417" s="23"/>
      <c r="GQ417" s="23"/>
      <c r="GR417" s="23"/>
      <c r="GS417" s="23"/>
      <c r="GT417" s="23"/>
      <c r="GU417" s="23"/>
      <c r="GV417" s="23"/>
      <c r="GW417" s="23"/>
      <c r="GX417" s="23"/>
      <c r="GY417" s="23"/>
      <c r="GZ417" s="23"/>
      <c r="HA417" s="23"/>
      <c r="HB417" s="23"/>
      <c r="HC417" s="23"/>
      <c r="HD417" s="23"/>
      <c r="HE417" s="23"/>
      <c r="HF417" s="23"/>
      <c r="HG417" s="23"/>
      <c r="HH417" s="23"/>
      <c r="HI417" s="23"/>
      <c r="HJ417" s="23"/>
      <c r="HK417" s="23"/>
      <c r="HL417" s="23"/>
      <c r="HM417" s="23"/>
      <c r="HN417" s="23"/>
      <c r="HO417" s="23"/>
      <c r="HP417" s="23"/>
      <c r="HQ417" s="23"/>
      <c r="HR417" s="23"/>
      <c r="HS417" s="23"/>
      <c r="HT417" s="23"/>
      <c r="HU417" s="23"/>
      <c r="HV417" s="23"/>
      <c r="HW417" s="23"/>
      <c r="HX417" s="23"/>
      <c r="HY417" s="23"/>
      <c r="HZ417" s="23"/>
      <c r="IA417" s="23"/>
      <c r="IB417" s="23"/>
      <c r="IC417" s="23"/>
      <c r="ID417" s="23"/>
      <c r="IE417" s="23"/>
      <c r="IF417" s="23"/>
      <c r="IG417" s="23"/>
      <c r="IH417" s="23"/>
      <c r="II417" s="23"/>
      <c r="IJ417" s="23"/>
      <c r="IK417" s="23"/>
      <c r="IL417" s="23"/>
      <c r="IM417" s="23"/>
      <c r="IN417" s="23"/>
      <c r="IO417" s="23"/>
      <c r="IP417" s="23"/>
      <c r="IQ417" s="23"/>
    </row>
    <row r="418" spans="1:251" s="50" customFormat="1" ht="18.75" customHeight="1" thickBot="1">
      <c r="A418" s="34"/>
      <c r="B418" s="49"/>
      <c r="C418" s="158"/>
      <c r="D418" s="158"/>
      <c r="E418" s="158"/>
      <c r="F418" s="158"/>
      <c r="G418" s="158"/>
      <c r="H418" s="158"/>
      <c r="I418" s="158"/>
      <c r="J418" s="158"/>
      <c r="K418" s="158"/>
      <c r="L418" s="158"/>
      <c r="M418" s="158"/>
      <c r="N418" s="158"/>
      <c r="O418" s="158"/>
      <c r="P418" s="158"/>
      <c r="Q418" s="158"/>
      <c r="R418" s="158"/>
      <c r="S418" s="158"/>
      <c r="T418" s="158"/>
      <c r="U418" s="158"/>
      <c r="V418" s="158"/>
      <c r="W418" s="158"/>
      <c r="X418" s="158"/>
      <c r="Y418" s="158"/>
      <c r="Z418" s="159"/>
      <c r="AA418" s="160"/>
      <c r="AB418" s="211"/>
      <c r="AC418" s="211"/>
      <c r="AD418" s="211"/>
      <c r="AE418" s="211"/>
      <c r="AF418" s="211"/>
      <c r="AG418" s="211"/>
      <c r="AH418" s="211"/>
      <c r="AI418" s="212"/>
      <c r="AJ418" s="160"/>
      <c r="AK418" s="161"/>
      <c r="AL418" s="161"/>
      <c r="AM418" s="161"/>
      <c r="AN418" s="161"/>
      <c r="AO418" s="161"/>
      <c r="AP418" s="161"/>
      <c r="AQ418" s="161"/>
      <c r="AR418" s="162"/>
      <c r="AS418" s="188"/>
      <c r="AT418" s="213"/>
      <c r="AU418" s="213"/>
      <c r="AV418" s="213"/>
      <c r="AW418" s="213"/>
      <c r="AX418" s="214"/>
      <c r="AY418" s="23"/>
      <c r="AZ418" s="23"/>
      <c r="BA418" s="23"/>
      <c r="BB418" s="23"/>
      <c r="BC418" s="23"/>
      <c r="BD418" s="23"/>
      <c r="BE418" s="23"/>
      <c r="BF418" s="23"/>
      <c r="BG418" s="23"/>
      <c r="BH418" s="23"/>
      <c r="BI418" s="23"/>
      <c r="BJ418" s="23"/>
      <c r="BK418" s="23"/>
      <c r="BL418" s="23"/>
      <c r="BM418" s="23"/>
      <c r="BN418" s="23"/>
      <c r="BO418" s="23"/>
      <c r="BP418" s="23"/>
      <c r="BQ418" s="23"/>
      <c r="BR418" s="23"/>
      <c r="BS418" s="23"/>
      <c r="BT418" s="23"/>
      <c r="BU418" s="23"/>
      <c r="BV418" s="23"/>
      <c r="BW418" s="23"/>
      <c r="BX418" s="23"/>
      <c r="BY418" s="23"/>
      <c r="BZ418" s="23"/>
      <c r="CA418" s="23"/>
      <c r="CB418" s="23"/>
      <c r="CC418" s="23"/>
      <c r="CD418" s="23"/>
      <c r="CE418" s="23"/>
      <c r="CF418" s="23"/>
      <c r="CG418" s="23"/>
      <c r="CH418" s="23"/>
      <c r="CI418" s="23"/>
      <c r="CJ418" s="23"/>
      <c r="CK418" s="23"/>
      <c r="CL418" s="23"/>
      <c r="CM418" s="23"/>
      <c r="CN418" s="23"/>
      <c r="CO418" s="23"/>
      <c r="CP418" s="23"/>
      <c r="CQ418" s="23"/>
      <c r="CR418" s="23"/>
      <c r="CS418" s="23"/>
      <c r="CT418" s="23"/>
      <c r="CU418" s="23"/>
      <c r="CV418" s="23"/>
      <c r="CW418" s="23"/>
      <c r="CX418" s="23"/>
      <c r="CY418" s="23"/>
      <c r="CZ418" s="23"/>
      <c r="DA418" s="23"/>
      <c r="DB418" s="23"/>
      <c r="DC418" s="23"/>
      <c r="DD418" s="23"/>
      <c r="DE418" s="23"/>
      <c r="DF418" s="23"/>
      <c r="DG418" s="23"/>
      <c r="DH418" s="23"/>
      <c r="DI418" s="23"/>
      <c r="DJ418" s="23"/>
      <c r="DK418" s="23"/>
      <c r="DL418" s="23"/>
      <c r="DM418" s="23"/>
      <c r="DN418" s="23"/>
      <c r="DO418" s="23"/>
      <c r="DP418" s="23"/>
      <c r="DQ418" s="23"/>
      <c r="DR418" s="23"/>
      <c r="DS418" s="23"/>
      <c r="DT418" s="23"/>
      <c r="DU418" s="23"/>
      <c r="DV418" s="23"/>
      <c r="DW418" s="23"/>
      <c r="DX418" s="23"/>
      <c r="DY418" s="23"/>
      <c r="DZ418" s="23"/>
      <c r="EA418" s="23"/>
      <c r="EB418" s="23"/>
      <c r="EC418" s="23"/>
      <c r="ED418" s="23"/>
      <c r="EE418" s="23"/>
      <c r="EF418" s="23"/>
      <c r="EG418" s="23"/>
      <c r="EH418" s="23"/>
      <c r="EI418" s="23"/>
      <c r="EJ418" s="23"/>
      <c r="EK418" s="23"/>
      <c r="EL418" s="23"/>
      <c r="EM418" s="23"/>
      <c r="EN418" s="23"/>
      <c r="EO418" s="23"/>
      <c r="EP418" s="23"/>
      <c r="EQ418" s="23"/>
      <c r="ER418" s="23"/>
      <c r="ES418" s="23"/>
      <c r="ET418" s="23"/>
      <c r="EU418" s="23"/>
      <c r="EV418" s="23"/>
      <c r="EW418" s="23"/>
      <c r="EX418" s="23"/>
      <c r="EY418" s="23"/>
      <c r="EZ418" s="23"/>
      <c r="FA418" s="23"/>
      <c r="FB418" s="23"/>
      <c r="FC418" s="23"/>
      <c r="FD418" s="23"/>
      <c r="FE418" s="23"/>
      <c r="FF418" s="23"/>
      <c r="FG418" s="23"/>
      <c r="FH418" s="23"/>
      <c r="FI418" s="23"/>
      <c r="FJ418" s="23"/>
      <c r="FK418" s="23"/>
      <c r="FL418" s="23"/>
      <c r="FM418" s="23"/>
      <c r="FN418" s="23"/>
      <c r="FO418" s="23"/>
      <c r="FP418" s="23"/>
      <c r="FQ418" s="23"/>
      <c r="FR418" s="23"/>
      <c r="FS418" s="23"/>
      <c r="FT418" s="23"/>
      <c r="FU418" s="23"/>
      <c r="FV418" s="23"/>
      <c r="FW418" s="23"/>
      <c r="FX418" s="23"/>
      <c r="FY418" s="23"/>
      <c r="FZ418" s="23"/>
      <c r="GA418" s="23"/>
      <c r="GB418" s="23"/>
      <c r="GC418" s="23"/>
      <c r="GD418" s="23"/>
      <c r="GE418" s="23"/>
      <c r="GF418" s="23"/>
      <c r="GG418" s="23"/>
      <c r="GH418" s="23"/>
      <c r="GI418" s="23"/>
      <c r="GJ418" s="23"/>
      <c r="GK418" s="23"/>
      <c r="GL418" s="23"/>
      <c r="GM418" s="23"/>
      <c r="GN418" s="23"/>
      <c r="GO418" s="23"/>
      <c r="GP418" s="23"/>
      <c r="GQ418" s="23"/>
      <c r="GR418" s="23"/>
      <c r="GS418" s="23"/>
      <c r="GT418" s="23"/>
      <c r="GU418" s="23"/>
      <c r="GV418" s="23"/>
      <c r="GW418" s="23"/>
      <c r="GX418" s="23"/>
      <c r="GY418" s="23"/>
      <c r="GZ418" s="23"/>
      <c r="HA418" s="23"/>
      <c r="HB418" s="23"/>
      <c r="HC418" s="23"/>
      <c r="HD418" s="23"/>
      <c r="HE418" s="23"/>
      <c r="HF418" s="23"/>
      <c r="HG418" s="23"/>
      <c r="HH418" s="23"/>
      <c r="HI418" s="23"/>
      <c r="HJ418" s="23"/>
      <c r="HK418" s="23"/>
      <c r="HL418" s="23"/>
      <c r="HM418" s="23"/>
      <c r="HN418" s="23"/>
      <c r="HO418" s="23"/>
      <c r="HP418" s="23"/>
      <c r="HQ418" s="23"/>
      <c r="HR418" s="23"/>
      <c r="HS418" s="23"/>
      <c r="HT418" s="23"/>
      <c r="HU418" s="23"/>
      <c r="HV418" s="23"/>
      <c r="HW418" s="23"/>
      <c r="HX418" s="23"/>
      <c r="HY418" s="23"/>
      <c r="HZ418" s="23"/>
      <c r="IA418" s="23"/>
      <c r="IB418" s="23"/>
      <c r="IC418" s="23"/>
      <c r="ID418" s="23"/>
      <c r="IE418" s="23"/>
      <c r="IF418" s="23"/>
      <c r="IG418" s="23"/>
      <c r="IH418" s="23"/>
      <c r="II418" s="23"/>
      <c r="IJ418" s="23"/>
      <c r="IK418" s="23"/>
      <c r="IL418" s="23"/>
      <c r="IM418" s="23"/>
      <c r="IN418" s="23"/>
      <c r="IO418" s="23"/>
      <c r="IP418" s="23"/>
      <c r="IQ418" s="23"/>
    </row>
    <row r="419" spans="1:251" s="50" customFormat="1" ht="18.75" customHeight="1" thickTop="1" thickBot="1">
      <c r="A419" s="38"/>
      <c r="B419" s="164" t="s">
        <v>105</v>
      </c>
      <c r="C419" s="191"/>
      <c r="D419" s="191"/>
      <c r="E419" s="191"/>
      <c r="F419" s="191"/>
      <c r="G419" s="191"/>
      <c r="H419" s="191"/>
      <c r="I419" s="191"/>
      <c r="J419" s="191"/>
      <c r="K419" s="191"/>
      <c r="L419" s="191"/>
      <c r="M419" s="191"/>
      <c r="N419" s="191"/>
      <c r="O419" s="191"/>
      <c r="P419" s="191"/>
      <c r="Q419" s="191"/>
      <c r="R419" s="191"/>
      <c r="S419" s="191"/>
      <c r="T419" s="191"/>
      <c r="U419" s="191"/>
      <c r="V419" s="191"/>
      <c r="W419" s="191"/>
      <c r="X419" s="191"/>
      <c r="Y419" s="191"/>
      <c r="Z419" s="192"/>
      <c r="AA419" s="167">
        <f>SUM(AA411:AA418)</f>
        <v>342053</v>
      </c>
      <c r="AB419" s="215"/>
      <c r="AC419" s="215"/>
      <c r="AD419" s="215"/>
      <c r="AE419" s="215"/>
      <c r="AF419" s="215"/>
      <c r="AG419" s="215"/>
      <c r="AH419" s="215"/>
      <c r="AI419" s="216"/>
      <c r="AJ419" s="167">
        <f>SUM(AJ411:AJ418)</f>
        <v>300342</v>
      </c>
      <c r="AK419" s="215"/>
      <c r="AL419" s="215"/>
      <c r="AM419" s="215"/>
      <c r="AN419" s="215"/>
      <c r="AO419" s="215"/>
      <c r="AP419" s="215"/>
      <c r="AQ419" s="215"/>
      <c r="AR419" s="216"/>
      <c r="AS419" s="167"/>
      <c r="AT419" s="215"/>
      <c r="AU419" s="215"/>
      <c r="AV419" s="215"/>
      <c r="AW419" s="215"/>
      <c r="AX419" s="217"/>
      <c r="AY419" s="23"/>
      <c r="AZ419" s="23"/>
      <c r="BA419" s="23"/>
      <c r="BB419" s="23"/>
      <c r="BC419" s="23"/>
      <c r="BD419" s="23"/>
      <c r="BE419" s="23"/>
      <c r="BF419" s="23"/>
      <c r="BG419" s="23"/>
      <c r="BH419" s="23"/>
      <c r="BI419" s="23"/>
      <c r="BJ419" s="23"/>
      <c r="BK419" s="23"/>
      <c r="BL419" s="23"/>
      <c r="BM419" s="23"/>
      <c r="BN419" s="23"/>
      <c r="BO419" s="23"/>
      <c r="BP419" s="23"/>
      <c r="BQ419" s="23"/>
      <c r="BR419" s="23"/>
      <c r="BS419" s="23"/>
      <c r="BT419" s="23"/>
      <c r="BU419" s="23"/>
      <c r="BV419" s="23"/>
      <c r="BW419" s="23"/>
      <c r="BX419" s="23"/>
      <c r="BY419" s="23"/>
      <c r="BZ419" s="23"/>
      <c r="CA419" s="23"/>
      <c r="CB419" s="23"/>
      <c r="CC419" s="23"/>
      <c r="CD419" s="23"/>
      <c r="CE419" s="23"/>
      <c r="CF419" s="23"/>
      <c r="CG419" s="23"/>
      <c r="CH419" s="23"/>
      <c r="CI419" s="23"/>
      <c r="CJ419" s="23"/>
      <c r="CK419" s="23"/>
      <c r="CL419" s="23"/>
      <c r="CM419" s="23"/>
      <c r="CN419" s="23"/>
      <c r="CO419" s="23"/>
      <c r="CP419" s="23"/>
      <c r="CQ419" s="23"/>
      <c r="CR419" s="23"/>
      <c r="CS419" s="23"/>
      <c r="CT419" s="23"/>
      <c r="CU419" s="23"/>
      <c r="CV419" s="23"/>
      <c r="CW419" s="23"/>
      <c r="CX419" s="23"/>
      <c r="CY419" s="23"/>
      <c r="CZ419" s="23"/>
      <c r="DA419" s="23"/>
      <c r="DB419" s="23"/>
      <c r="DC419" s="23"/>
      <c r="DD419" s="23"/>
      <c r="DE419" s="23"/>
      <c r="DF419" s="23"/>
      <c r="DG419" s="23"/>
      <c r="DH419" s="23"/>
      <c r="DI419" s="23"/>
      <c r="DJ419" s="23"/>
      <c r="DK419" s="23"/>
      <c r="DL419" s="23"/>
      <c r="DM419" s="23"/>
      <c r="DN419" s="23"/>
      <c r="DO419" s="23"/>
      <c r="DP419" s="23"/>
      <c r="DQ419" s="23"/>
      <c r="DR419" s="23"/>
      <c r="DS419" s="23"/>
      <c r="DT419" s="23"/>
      <c r="DU419" s="23"/>
      <c r="DV419" s="23"/>
      <c r="DW419" s="23"/>
      <c r="DX419" s="23"/>
      <c r="DY419" s="23"/>
      <c r="DZ419" s="23"/>
      <c r="EA419" s="23"/>
      <c r="EB419" s="23"/>
      <c r="EC419" s="23"/>
      <c r="ED419" s="23"/>
      <c r="EE419" s="23"/>
      <c r="EF419" s="23"/>
      <c r="EG419" s="23"/>
      <c r="EH419" s="23"/>
      <c r="EI419" s="23"/>
      <c r="EJ419" s="23"/>
      <c r="EK419" s="23"/>
      <c r="EL419" s="23"/>
      <c r="EM419" s="23"/>
      <c r="EN419" s="23"/>
      <c r="EO419" s="23"/>
      <c r="EP419" s="23"/>
      <c r="EQ419" s="23"/>
      <c r="ER419" s="23"/>
      <c r="ES419" s="23"/>
      <c r="ET419" s="23"/>
      <c r="EU419" s="23"/>
      <c r="EV419" s="23"/>
      <c r="EW419" s="23"/>
      <c r="EX419" s="23"/>
      <c r="EY419" s="23"/>
      <c r="EZ419" s="23"/>
      <c r="FA419" s="23"/>
      <c r="FB419" s="23"/>
      <c r="FC419" s="23"/>
      <c r="FD419" s="23"/>
      <c r="FE419" s="23"/>
      <c r="FF419" s="23"/>
      <c r="FG419" s="23"/>
      <c r="FH419" s="23"/>
      <c r="FI419" s="23"/>
      <c r="FJ419" s="23"/>
      <c r="FK419" s="23"/>
      <c r="FL419" s="23"/>
      <c r="FM419" s="23"/>
      <c r="FN419" s="23"/>
      <c r="FO419" s="23"/>
      <c r="FP419" s="23"/>
      <c r="FQ419" s="23"/>
      <c r="FR419" s="23"/>
      <c r="FS419" s="23"/>
      <c r="FT419" s="23"/>
      <c r="FU419" s="23"/>
      <c r="FV419" s="23"/>
      <c r="FW419" s="23"/>
      <c r="FX419" s="23"/>
      <c r="FY419" s="23"/>
      <c r="FZ419" s="23"/>
      <c r="GA419" s="23"/>
      <c r="GB419" s="23"/>
      <c r="GC419" s="23"/>
      <c r="GD419" s="23"/>
      <c r="GE419" s="23"/>
      <c r="GF419" s="23"/>
      <c r="GG419" s="23"/>
      <c r="GH419" s="23"/>
      <c r="GI419" s="23"/>
      <c r="GJ419" s="23"/>
      <c r="GK419" s="23"/>
      <c r="GL419" s="23"/>
      <c r="GM419" s="23"/>
      <c r="GN419" s="23"/>
      <c r="GO419" s="23"/>
      <c r="GP419" s="23"/>
      <c r="GQ419" s="23"/>
      <c r="GR419" s="23"/>
      <c r="GS419" s="23"/>
      <c r="GT419" s="23"/>
      <c r="GU419" s="23"/>
      <c r="GV419" s="23"/>
      <c r="GW419" s="23"/>
      <c r="GX419" s="23"/>
      <c r="GY419" s="23"/>
      <c r="GZ419" s="23"/>
      <c r="HA419" s="23"/>
      <c r="HB419" s="23"/>
      <c r="HC419" s="23"/>
      <c r="HD419" s="23"/>
      <c r="HE419" s="23"/>
      <c r="HF419" s="23"/>
      <c r="HG419" s="23"/>
      <c r="HH419" s="23"/>
      <c r="HI419" s="23"/>
      <c r="HJ419" s="23"/>
      <c r="HK419" s="23"/>
      <c r="HL419" s="23"/>
      <c r="HM419" s="23"/>
      <c r="HN419" s="23"/>
      <c r="HO419" s="23"/>
      <c r="HP419" s="23"/>
      <c r="HQ419" s="23"/>
      <c r="HR419" s="23"/>
      <c r="HS419" s="23"/>
      <c r="HT419" s="23"/>
      <c r="HU419" s="23"/>
      <c r="HV419" s="23"/>
      <c r="HW419" s="23"/>
      <c r="HX419" s="23"/>
      <c r="HY419" s="23"/>
      <c r="HZ419" s="23"/>
      <c r="IA419" s="23"/>
      <c r="IB419" s="23"/>
      <c r="IC419" s="23"/>
      <c r="ID419" s="23"/>
      <c r="IE419" s="23"/>
      <c r="IF419" s="23"/>
      <c r="IG419" s="23"/>
      <c r="IH419" s="23"/>
      <c r="II419" s="23"/>
      <c r="IJ419" s="23"/>
      <c r="IK419" s="23"/>
      <c r="IL419" s="23"/>
      <c r="IM419" s="23"/>
      <c r="IN419" s="23"/>
      <c r="IO419" s="23"/>
      <c r="IP419" s="23"/>
      <c r="IQ419" s="23"/>
    </row>
    <row r="421" spans="1:251" s="23" customFormat="1" ht="19.2">
      <c r="A421" s="22" t="s">
        <v>86</v>
      </c>
      <c r="AW421" s="24"/>
      <c r="AX421" s="25"/>
      <c r="AY421" s="24"/>
    </row>
    <row r="422" spans="1:251" s="23" customFormat="1" ht="13.2"/>
    <row r="423" spans="1:251" s="23" customFormat="1">
      <c r="A423" s="26"/>
      <c r="B423" s="115" t="s">
        <v>87</v>
      </c>
      <c r="C423" s="153"/>
      <c r="D423" s="153"/>
      <c r="E423" s="153"/>
      <c r="F423" s="153"/>
      <c r="G423" s="153"/>
      <c r="H423" s="153"/>
      <c r="I423" s="153"/>
      <c r="J423" s="153"/>
      <c r="K423" s="153"/>
      <c r="L423" s="153"/>
      <c r="M423" s="153"/>
      <c r="N423" s="153"/>
      <c r="O423" s="153"/>
      <c r="P423" s="153"/>
      <c r="Q423" s="153"/>
      <c r="R423" s="153"/>
      <c r="S423" s="153"/>
      <c r="T423" s="153"/>
      <c r="U423" s="153"/>
      <c r="V423" s="153"/>
      <c r="W423" s="153"/>
      <c r="X423" s="153"/>
      <c r="Y423" s="153"/>
      <c r="Z423" s="153"/>
      <c r="AA423" s="153"/>
      <c r="AB423" s="153"/>
      <c r="AC423" s="153"/>
      <c r="AD423" s="153"/>
      <c r="AE423" s="153"/>
      <c r="AF423" s="153"/>
      <c r="AG423" s="153"/>
      <c r="AH423" s="153"/>
      <c r="AI423" s="153"/>
      <c r="AJ423" s="153"/>
      <c r="AK423" s="153"/>
      <c r="AL423" s="153"/>
      <c r="AM423" s="153"/>
      <c r="AN423" s="153"/>
      <c r="AO423" s="153"/>
      <c r="AP423" s="153"/>
      <c r="AQ423" s="153"/>
      <c r="AR423" s="153"/>
      <c r="AS423" s="153"/>
      <c r="AT423" s="153"/>
      <c r="AU423" s="153"/>
      <c r="AV423" s="153"/>
      <c r="AW423" s="153"/>
      <c r="AX423" s="153"/>
      <c r="AY423" s="26"/>
    </row>
    <row r="424" spans="1:251" s="23" customFormat="1" ht="13.2">
      <c r="Z424" s="27"/>
      <c r="AD424" s="27"/>
      <c r="AE424" s="27"/>
      <c r="AF424" s="27"/>
      <c r="AG424" s="27"/>
      <c r="AH424" s="27"/>
      <c r="AI424" s="27"/>
      <c r="AO424" s="27"/>
    </row>
    <row r="425" spans="1:251" s="23" customFormat="1" ht="13.8" thickBot="1">
      <c r="Z425" s="27"/>
      <c r="AD425" s="27"/>
      <c r="AE425" s="27"/>
      <c r="AF425" s="27"/>
      <c r="AG425" s="27"/>
      <c r="AH425" s="27"/>
      <c r="AI425" s="27"/>
      <c r="AO425" s="27"/>
      <c r="DI425" s="28"/>
    </row>
    <row r="426" spans="1:251" s="23" customFormat="1" ht="24.6" customHeight="1" thickBot="1">
      <c r="A426" s="116" t="s">
        <v>88</v>
      </c>
      <c r="B426" s="117"/>
      <c r="C426" s="117"/>
      <c r="D426" s="117"/>
      <c r="E426" s="117"/>
      <c r="F426" s="117"/>
      <c r="G426" s="117"/>
      <c r="H426" s="117"/>
      <c r="I426" s="117"/>
      <c r="J426" s="117"/>
      <c r="K426" s="118"/>
      <c r="L426" s="154">
        <v>13</v>
      </c>
      <c r="M426" s="154"/>
      <c r="N426" s="154"/>
      <c r="O426" s="155"/>
      <c r="P426" s="122" t="s">
        <v>89</v>
      </c>
      <c r="Q426" s="120"/>
      <c r="R426" s="120"/>
      <c r="S426" s="120"/>
      <c r="T426" s="120"/>
      <c r="U426" s="123"/>
      <c r="V426" s="156" t="s">
        <v>155</v>
      </c>
      <c r="W426" s="156"/>
      <c r="X426" s="156"/>
      <c r="Y426" s="156"/>
      <c r="Z426" s="156"/>
      <c r="AA426" s="156"/>
      <c r="AB426" s="156"/>
      <c r="AC426" s="156"/>
      <c r="AD426" s="156"/>
      <c r="AE426" s="156"/>
      <c r="AF426" s="156"/>
      <c r="AG426" s="156"/>
      <c r="AH426" s="156"/>
      <c r="AI426" s="156"/>
      <c r="AJ426" s="156"/>
      <c r="AK426" s="156"/>
      <c r="AL426" s="156"/>
      <c r="AM426" s="156"/>
      <c r="AN426" s="156"/>
      <c r="AO426" s="156"/>
      <c r="AP426" s="156"/>
      <c r="AQ426" s="156"/>
      <c r="AR426" s="156"/>
      <c r="AS426" s="156"/>
      <c r="AT426" s="156"/>
      <c r="AU426" s="156"/>
      <c r="AV426" s="156"/>
      <c r="AW426" s="156"/>
      <c r="AX426" s="157"/>
      <c r="DI426" s="28"/>
    </row>
    <row r="427" spans="1:251" s="23" customFormat="1" ht="14.4">
      <c r="A427" s="29"/>
      <c r="B427" s="29"/>
      <c r="C427" s="29"/>
      <c r="D427" s="29"/>
      <c r="E427" s="29"/>
      <c r="F427" s="29"/>
      <c r="G427" s="29"/>
      <c r="H427" s="29"/>
      <c r="I427" s="29"/>
      <c r="J427" s="29"/>
      <c r="K427" s="29"/>
      <c r="L427" s="30"/>
      <c r="M427" s="30"/>
      <c r="N427" s="30"/>
      <c r="O427" s="30"/>
      <c r="P427" s="29"/>
      <c r="Q427" s="29"/>
      <c r="R427" s="29"/>
      <c r="S427" s="29"/>
      <c r="T427" s="29"/>
      <c r="U427" s="29"/>
      <c r="V427" s="31"/>
      <c r="W427" s="31"/>
      <c r="X427" s="31"/>
      <c r="Y427" s="31"/>
      <c r="Z427" s="31"/>
      <c r="AA427" s="31"/>
      <c r="AB427" s="31"/>
      <c r="AC427" s="31"/>
      <c r="AD427" s="31"/>
      <c r="AE427" s="31"/>
      <c r="AF427" s="31"/>
      <c r="AG427" s="31"/>
      <c r="AH427" s="31"/>
      <c r="AI427" s="31"/>
      <c r="AJ427" s="31"/>
      <c r="AK427" s="31"/>
      <c r="AL427" s="31"/>
      <c r="AM427" s="31"/>
      <c r="AN427" s="31"/>
      <c r="AO427" s="31"/>
      <c r="AP427" s="31"/>
      <c r="AQ427" s="31"/>
      <c r="AR427" s="31"/>
      <c r="AS427" s="31"/>
      <c r="AT427" s="31"/>
      <c r="AU427" s="31"/>
      <c r="AV427" s="31"/>
      <c r="AW427" s="31"/>
      <c r="AX427" s="31"/>
      <c r="DI427" s="28"/>
    </row>
    <row r="428" spans="1:251" s="23" customFormat="1" ht="15" thickBot="1">
      <c r="A428" s="32"/>
      <c r="B428" s="33" t="s">
        <v>91</v>
      </c>
      <c r="C428" s="34"/>
      <c r="D428" s="34"/>
      <c r="E428" s="34"/>
      <c r="F428" s="34"/>
      <c r="G428" s="34"/>
      <c r="H428" s="34"/>
      <c r="I428" s="34"/>
      <c r="J428" s="34"/>
      <c r="K428" s="34"/>
      <c r="L428" s="35"/>
      <c r="M428" s="35"/>
      <c r="N428" s="35"/>
      <c r="O428" s="35"/>
      <c r="P428" s="34"/>
      <c r="Q428" s="34"/>
      <c r="R428" s="34"/>
      <c r="S428" s="34"/>
      <c r="T428" s="34"/>
      <c r="U428" s="34"/>
      <c r="V428" s="33"/>
      <c r="W428" s="33"/>
      <c r="X428" s="33"/>
      <c r="Y428" s="33"/>
      <c r="Z428" s="33"/>
      <c r="AA428" s="33"/>
      <c r="AB428" s="33"/>
      <c r="AC428" s="33"/>
      <c r="AD428" s="33"/>
      <c r="AE428" s="33"/>
      <c r="AF428" s="33"/>
      <c r="AG428" s="33"/>
      <c r="AH428" s="33"/>
      <c r="AI428" s="33"/>
      <c r="AJ428" s="33"/>
      <c r="AK428" s="33"/>
      <c r="AL428" s="33"/>
      <c r="AM428" s="33"/>
      <c r="AN428" s="33"/>
      <c r="AO428" s="33"/>
      <c r="AP428" s="33"/>
      <c r="AQ428" s="33"/>
      <c r="AR428" s="33"/>
      <c r="AS428" s="33"/>
      <c r="AT428" s="33"/>
      <c r="AU428" s="33"/>
      <c r="AV428" s="33"/>
      <c r="AW428" s="33"/>
      <c r="AX428" s="33"/>
      <c r="DI428" s="28"/>
    </row>
    <row r="429" spans="1:251" s="23" customFormat="1" ht="14.4">
      <c r="A429" s="34"/>
      <c r="B429" s="36"/>
      <c r="C429" s="29"/>
      <c r="D429" s="29"/>
      <c r="E429" s="29"/>
      <c r="F429" s="29"/>
      <c r="G429" s="29"/>
      <c r="H429" s="29"/>
      <c r="I429" s="29"/>
      <c r="J429" s="29"/>
      <c r="K429" s="29"/>
      <c r="L429" s="30"/>
      <c r="M429" s="30"/>
      <c r="N429" s="30"/>
      <c r="O429" s="30"/>
      <c r="P429" s="29"/>
      <c r="Q429" s="29"/>
      <c r="R429" s="29"/>
      <c r="S429" s="29"/>
      <c r="T429" s="29"/>
      <c r="U429" s="29"/>
      <c r="V429" s="31"/>
      <c r="W429" s="31"/>
      <c r="X429" s="31"/>
      <c r="Y429" s="31"/>
      <c r="Z429" s="31"/>
      <c r="AA429" s="31"/>
      <c r="AB429" s="31"/>
      <c r="AC429" s="31"/>
      <c r="AD429" s="31"/>
      <c r="AE429" s="31"/>
      <c r="AF429" s="31"/>
      <c r="AG429" s="31"/>
      <c r="AH429" s="31"/>
      <c r="AI429" s="31"/>
      <c r="AJ429" s="31"/>
      <c r="AK429" s="31"/>
      <c r="AL429" s="31"/>
      <c r="AM429" s="31"/>
      <c r="AN429" s="31"/>
      <c r="AO429" s="31"/>
      <c r="AP429" s="31"/>
      <c r="AQ429" s="31"/>
      <c r="AR429" s="31"/>
      <c r="AS429" s="31"/>
      <c r="AT429" s="31"/>
      <c r="AU429" s="31"/>
      <c r="AV429" s="31"/>
      <c r="AW429" s="31"/>
      <c r="AX429" s="37"/>
    </row>
    <row r="430" spans="1:251" s="23" customFormat="1" ht="10.8" customHeight="1">
      <c r="A430" s="34"/>
      <c r="B430" s="127" t="s">
        <v>156</v>
      </c>
      <c r="C430" s="128"/>
      <c r="D430" s="128"/>
      <c r="E430" s="128"/>
      <c r="F430" s="128"/>
      <c r="G430" s="128"/>
      <c r="H430" s="128"/>
      <c r="I430" s="128"/>
      <c r="J430" s="128"/>
      <c r="K430" s="128"/>
      <c r="L430" s="128"/>
      <c r="M430" s="128"/>
      <c r="N430" s="128"/>
      <c r="O430" s="128"/>
      <c r="P430" s="128"/>
      <c r="Q430" s="128"/>
      <c r="R430" s="128"/>
      <c r="S430" s="128"/>
      <c r="T430" s="128"/>
      <c r="U430" s="128"/>
      <c r="V430" s="128"/>
      <c r="W430" s="128"/>
      <c r="X430" s="128"/>
      <c r="Y430" s="128"/>
      <c r="Z430" s="128"/>
      <c r="AA430" s="128"/>
      <c r="AB430" s="128"/>
      <c r="AC430" s="128"/>
      <c r="AD430" s="128"/>
      <c r="AE430" s="128"/>
      <c r="AF430" s="128"/>
      <c r="AG430" s="128"/>
      <c r="AH430" s="128"/>
      <c r="AI430" s="128"/>
      <c r="AJ430" s="128"/>
      <c r="AK430" s="128"/>
      <c r="AL430" s="128"/>
      <c r="AM430" s="128"/>
      <c r="AN430" s="128"/>
      <c r="AO430" s="128"/>
      <c r="AP430" s="128"/>
      <c r="AQ430" s="128"/>
      <c r="AR430" s="128"/>
      <c r="AS430" s="128"/>
      <c r="AT430" s="128"/>
      <c r="AU430" s="128"/>
      <c r="AV430" s="128"/>
      <c r="AW430" s="128"/>
      <c r="AX430" s="129"/>
    </row>
    <row r="431" spans="1:251" s="23" customFormat="1" ht="10.8" customHeight="1">
      <c r="A431" s="34"/>
      <c r="B431" s="127"/>
      <c r="C431" s="128"/>
      <c r="D431" s="128"/>
      <c r="E431" s="128"/>
      <c r="F431" s="128"/>
      <c r="G431" s="128"/>
      <c r="H431" s="128"/>
      <c r="I431" s="128"/>
      <c r="J431" s="128"/>
      <c r="K431" s="128"/>
      <c r="L431" s="128"/>
      <c r="M431" s="128"/>
      <c r="N431" s="128"/>
      <c r="O431" s="128"/>
      <c r="P431" s="128"/>
      <c r="Q431" s="128"/>
      <c r="R431" s="128"/>
      <c r="S431" s="128"/>
      <c r="T431" s="128"/>
      <c r="U431" s="128"/>
      <c r="V431" s="128"/>
      <c r="W431" s="128"/>
      <c r="X431" s="128"/>
      <c r="Y431" s="128"/>
      <c r="Z431" s="128"/>
      <c r="AA431" s="128"/>
      <c r="AB431" s="128"/>
      <c r="AC431" s="128"/>
      <c r="AD431" s="128"/>
      <c r="AE431" s="128"/>
      <c r="AF431" s="128"/>
      <c r="AG431" s="128"/>
      <c r="AH431" s="128"/>
      <c r="AI431" s="128"/>
      <c r="AJ431" s="128"/>
      <c r="AK431" s="128"/>
      <c r="AL431" s="128"/>
      <c r="AM431" s="128"/>
      <c r="AN431" s="128"/>
      <c r="AO431" s="128"/>
      <c r="AP431" s="128"/>
      <c r="AQ431" s="128"/>
      <c r="AR431" s="128"/>
      <c r="AS431" s="128"/>
      <c r="AT431" s="128"/>
      <c r="AU431" s="128"/>
      <c r="AV431" s="128"/>
      <c r="AW431" s="128"/>
      <c r="AX431" s="129"/>
      <c r="BC431" s="17"/>
    </row>
    <row r="432" spans="1:251" s="23" customFormat="1" ht="10.8" customHeight="1">
      <c r="A432" s="34"/>
      <c r="B432" s="127"/>
      <c r="C432" s="128"/>
      <c r="D432" s="128"/>
      <c r="E432" s="128"/>
      <c r="F432" s="128"/>
      <c r="G432" s="128"/>
      <c r="H432" s="128"/>
      <c r="I432" s="128"/>
      <c r="J432" s="128"/>
      <c r="K432" s="128"/>
      <c r="L432" s="128"/>
      <c r="M432" s="128"/>
      <c r="N432" s="128"/>
      <c r="O432" s="128"/>
      <c r="P432" s="128"/>
      <c r="Q432" s="128"/>
      <c r="R432" s="128"/>
      <c r="S432" s="128"/>
      <c r="T432" s="128"/>
      <c r="U432" s="128"/>
      <c r="V432" s="128"/>
      <c r="W432" s="128"/>
      <c r="X432" s="128"/>
      <c r="Y432" s="128"/>
      <c r="Z432" s="128"/>
      <c r="AA432" s="128"/>
      <c r="AB432" s="128"/>
      <c r="AC432" s="128"/>
      <c r="AD432" s="128"/>
      <c r="AE432" s="128"/>
      <c r="AF432" s="128"/>
      <c r="AG432" s="128"/>
      <c r="AH432" s="128"/>
      <c r="AI432" s="128"/>
      <c r="AJ432" s="128"/>
      <c r="AK432" s="128"/>
      <c r="AL432" s="128"/>
      <c r="AM432" s="128"/>
      <c r="AN432" s="128"/>
      <c r="AO432" s="128"/>
      <c r="AP432" s="128"/>
      <c r="AQ432" s="128"/>
      <c r="AR432" s="128"/>
      <c r="AS432" s="128"/>
      <c r="AT432" s="128"/>
      <c r="AU432" s="128"/>
      <c r="AV432" s="128"/>
      <c r="AW432" s="128"/>
      <c r="AX432" s="129"/>
    </row>
    <row r="433" spans="1:251" s="23" customFormat="1" ht="10.8" customHeight="1">
      <c r="A433" s="34"/>
      <c r="B433" s="127"/>
      <c r="C433" s="128"/>
      <c r="D433" s="128"/>
      <c r="E433" s="128"/>
      <c r="F433" s="128"/>
      <c r="G433" s="128"/>
      <c r="H433" s="128"/>
      <c r="I433" s="128"/>
      <c r="J433" s="128"/>
      <c r="K433" s="128"/>
      <c r="L433" s="128"/>
      <c r="M433" s="128"/>
      <c r="N433" s="128"/>
      <c r="O433" s="128"/>
      <c r="P433" s="128"/>
      <c r="Q433" s="128"/>
      <c r="R433" s="128"/>
      <c r="S433" s="128"/>
      <c r="T433" s="128"/>
      <c r="U433" s="128"/>
      <c r="V433" s="128"/>
      <c r="W433" s="128"/>
      <c r="X433" s="128"/>
      <c r="Y433" s="128"/>
      <c r="Z433" s="128"/>
      <c r="AA433" s="128"/>
      <c r="AB433" s="128"/>
      <c r="AC433" s="128"/>
      <c r="AD433" s="128"/>
      <c r="AE433" s="128"/>
      <c r="AF433" s="128"/>
      <c r="AG433" s="128"/>
      <c r="AH433" s="128"/>
      <c r="AI433" s="128"/>
      <c r="AJ433" s="128"/>
      <c r="AK433" s="128"/>
      <c r="AL433" s="128"/>
      <c r="AM433" s="128"/>
      <c r="AN433" s="128"/>
      <c r="AO433" s="128"/>
      <c r="AP433" s="128"/>
      <c r="AQ433" s="128"/>
      <c r="AR433" s="128"/>
      <c r="AS433" s="128"/>
      <c r="AT433" s="128"/>
      <c r="AU433" s="128"/>
      <c r="AV433" s="128"/>
      <c r="AW433" s="128"/>
      <c r="AX433" s="129"/>
    </row>
    <row r="434" spans="1:251" s="23" customFormat="1" ht="10.8" customHeight="1">
      <c r="A434" s="34"/>
      <c r="B434" s="127"/>
      <c r="C434" s="128"/>
      <c r="D434" s="128"/>
      <c r="E434" s="128"/>
      <c r="F434" s="128"/>
      <c r="G434" s="128"/>
      <c r="H434" s="128"/>
      <c r="I434" s="128"/>
      <c r="J434" s="128"/>
      <c r="K434" s="128"/>
      <c r="L434" s="128"/>
      <c r="M434" s="128"/>
      <c r="N434" s="128"/>
      <c r="O434" s="128"/>
      <c r="P434" s="128"/>
      <c r="Q434" s="128"/>
      <c r="R434" s="128"/>
      <c r="S434" s="128"/>
      <c r="T434" s="128"/>
      <c r="U434" s="128"/>
      <c r="V434" s="128"/>
      <c r="W434" s="128"/>
      <c r="X434" s="128"/>
      <c r="Y434" s="128"/>
      <c r="Z434" s="128"/>
      <c r="AA434" s="128"/>
      <c r="AB434" s="128"/>
      <c r="AC434" s="128"/>
      <c r="AD434" s="128"/>
      <c r="AE434" s="128"/>
      <c r="AF434" s="128"/>
      <c r="AG434" s="128"/>
      <c r="AH434" s="128"/>
      <c r="AI434" s="128"/>
      <c r="AJ434" s="128"/>
      <c r="AK434" s="128"/>
      <c r="AL434" s="128"/>
      <c r="AM434" s="128"/>
      <c r="AN434" s="128"/>
      <c r="AO434" s="128"/>
      <c r="AP434" s="128"/>
      <c r="AQ434" s="128"/>
      <c r="AR434" s="128"/>
      <c r="AS434" s="128"/>
      <c r="AT434" s="128"/>
      <c r="AU434" s="128"/>
      <c r="AV434" s="128"/>
      <c r="AW434" s="128"/>
      <c r="AX434" s="129"/>
    </row>
    <row r="435" spans="1:251" s="23" customFormat="1" ht="10.8" customHeight="1">
      <c r="A435" s="34"/>
      <c r="B435" s="127"/>
      <c r="C435" s="128"/>
      <c r="D435" s="128"/>
      <c r="E435" s="128"/>
      <c r="F435" s="128"/>
      <c r="G435" s="128"/>
      <c r="H435" s="128"/>
      <c r="I435" s="128"/>
      <c r="J435" s="128"/>
      <c r="K435" s="128"/>
      <c r="L435" s="128"/>
      <c r="M435" s="128"/>
      <c r="N435" s="128"/>
      <c r="O435" s="128"/>
      <c r="P435" s="128"/>
      <c r="Q435" s="128"/>
      <c r="R435" s="128"/>
      <c r="S435" s="128"/>
      <c r="T435" s="128"/>
      <c r="U435" s="128"/>
      <c r="V435" s="128"/>
      <c r="W435" s="128"/>
      <c r="X435" s="128"/>
      <c r="Y435" s="128"/>
      <c r="Z435" s="128"/>
      <c r="AA435" s="128"/>
      <c r="AB435" s="128"/>
      <c r="AC435" s="128"/>
      <c r="AD435" s="128"/>
      <c r="AE435" s="128"/>
      <c r="AF435" s="128"/>
      <c r="AG435" s="128"/>
      <c r="AH435" s="128"/>
      <c r="AI435" s="128"/>
      <c r="AJ435" s="128"/>
      <c r="AK435" s="128"/>
      <c r="AL435" s="128"/>
      <c r="AM435" s="128"/>
      <c r="AN435" s="128"/>
      <c r="AO435" s="128"/>
      <c r="AP435" s="128"/>
      <c r="AQ435" s="128"/>
      <c r="AR435" s="128"/>
      <c r="AS435" s="128"/>
      <c r="AT435" s="128"/>
      <c r="AU435" s="128"/>
      <c r="AV435" s="128"/>
      <c r="AW435" s="128"/>
      <c r="AX435" s="129"/>
    </row>
    <row r="436" spans="1:251" s="23" customFormat="1" ht="10.8" customHeight="1">
      <c r="A436" s="34"/>
      <c r="B436" s="127"/>
      <c r="C436" s="128"/>
      <c r="D436" s="128"/>
      <c r="E436" s="128"/>
      <c r="F436" s="128"/>
      <c r="G436" s="128"/>
      <c r="H436" s="128"/>
      <c r="I436" s="128"/>
      <c r="J436" s="128"/>
      <c r="K436" s="128"/>
      <c r="L436" s="128"/>
      <c r="M436" s="128"/>
      <c r="N436" s="128"/>
      <c r="O436" s="128"/>
      <c r="P436" s="128"/>
      <c r="Q436" s="128"/>
      <c r="R436" s="128"/>
      <c r="S436" s="128"/>
      <c r="T436" s="128"/>
      <c r="U436" s="128"/>
      <c r="V436" s="128"/>
      <c r="W436" s="128"/>
      <c r="X436" s="128"/>
      <c r="Y436" s="128"/>
      <c r="Z436" s="128"/>
      <c r="AA436" s="128"/>
      <c r="AB436" s="128"/>
      <c r="AC436" s="128"/>
      <c r="AD436" s="128"/>
      <c r="AE436" s="128"/>
      <c r="AF436" s="128"/>
      <c r="AG436" s="128"/>
      <c r="AH436" s="128"/>
      <c r="AI436" s="128"/>
      <c r="AJ436" s="128"/>
      <c r="AK436" s="128"/>
      <c r="AL436" s="128"/>
      <c r="AM436" s="128"/>
      <c r="AN436" s="128"/>
      <c r="AO436" s="128"/>
      <c r="AP436" s="128"/>
      <c r="AQ436" s="128"/>
      <c r="AR436" s="128"/>
      <c r="AS436" s="128"/>
      <c r="AT436" s="128"/>
      <c r="AU436" s="128"/>
      <c r="AV436" s="128"/>
      <c r="AW436" s="128"/>
      <c r="AX436" s="129"/>
    </row>
    <row r="437" spans="1:251" s="23" customFormat="1" ht="10.8" customHeight="1">
      <c r="A437" s="34"/>
      <c r="B437" s="127"/>
      <c r="C437" s="128"/>
      <c r="D437" s="128"/>
      <c r="E437" s="128"/>
      <c r="F437" s="128"/>
      <c r="G437" s="128"/>
      <c r="H437" s="128"/>
      <c r="I437" s="128"/>
      <c r="J437" s="128"/>
      <c r="K437" s="128"/>
      <c r="L437" s="128"/>
      <c r="M437" s="128"/>
      <c r="N437" s="128"/>
      <c r="O437" s="128"/>
      <c r="P437" s="128"/>
      <c r="Q437" s="128"/>
      <c r="R437" s="128"/>
      <c r="S437" s="128"/>
      <c r="T437" s="128"/>
      <c r="U437" s="128"/>
      <c r="V437" s="128"/>
      <c r="W437" s="128"/>
      <c r="X437" s="128"/>
      <c r="Y437" s="128"/>
      <c r="Z437" s="128"/>
      <c r="AA437" s="128"/>
      <c r="AB437" s="128"/>
      <c r="AC437" s="128"/>
      <c r="AD437" s="128"/>
      <c r="AE437" s="128"/>
      <c r="AF437" s="128"/>
      <c r="AG437" s="128"/>
      <c r="AH437" s="128"/>
      <c r="AI437" s="128"/>
      <c r="AJ437" s="128"/>
      <c r="AK437" s="128"/>
      <c r="AL437" s="128"/>
      <c r="AM437" s="128"/>
      <c r="AN437" s="128"/>
      <c r="AO437" s="128"/>
      <c r="AP437" s="128"/>
      <c r="AQ437" s="128"/>
      <c r="AR437" s="128"/>
      <c r="AS437" s="128"/>
      <c r="AT437" s="128"/>
      <c r="AU437" s="128"/>
      <c r="AV437" s="128"/>
      <c r="AW437" s="128"/>
      <c r="AX437" s="129"/>
    </row>
    <row r="438" spans="1:251" s="23" customFormat="1" ht="10.8" customHeight="1">
      <c r="A438" s="34"/>
      <c r="B438" s="127"/>
      <c r="C438" s="128"/>
      <c r="D438" s="128"/>
      <c r="E438" s="128"/>
      <c r="F438" s="128"/>
      <c r="G438" s="128"/>
      <c r="H438" s="128"/>
      <c r="I438" s="128"/>
      <c r="J438" s="128"/>
      <c r="K438" s="128"/>
      <c r="L438" s="128"/>
      <c r="M438" s="128"/>
      <c r="N438" s="128"/>
      <c r="O438" s="128"/>
      <c r="P438" s="128"/>
      <c r="Q438" s="128"/>
      <c r="R438" s="128"/>
      <c r="S438" s="128"/>
      <c r="T438" s="128"/>
      <c r="U438" s="128"/>
      <c r="V438" s="128"/>
      <c r="W438" s="128"/>
      <c r="X438" s="128"/>
      <c r="Y438" s="128"/>
      <c r="Z438" s="128"/>
      <c r="AA438" s="128"/>
      <c r="AB438" s="128"/>
      <c r="AC438" s="128"/>
      <c r="AD438" s="128"/>
      <c r="AE438" s="128"/>
      <c r="AF438" s="128"/>
      <c r="AG438" s="128"/>
      <c r="AH438" s="128"/>
      <c r="AI438" s="128"/>
      <c r="AJ438" s="128"/>
      <c r="AK438" s="128"/>
      <c r="AL438" s="128"/>
      <c r="AM438" s="128"/>
      <c r="AN438" s="128"/>
      <c r="AO438" s="128"/>
      <c r="AP438" s="128"/>
      <c r="AQ438" s="128"/>
      <c r="AR438" s="128"/>
      <c r="AS438" s="128"/>
      <c r="AT438" s="128"/>
      <c r="AU438" s="128"/>
      <c r="AV438" s="128"/>
      <c r="AW438" s="128"/>
      <c r="AX438" s="129"/>
    </row>
    <row r="439" spans="1:251" s="23" customFormat="1" ht="10.8" customHeight="1">
      <c r="A439" s="34"/>
      <c r="B439" s="127"/>
      <c r="C439" s="128"/>
      <c r="D439" s="128"/>
      <c r="E439" s="128"/>
      <c r="F439" s="128"/>
      <c r="G439" s="128"/>
      <c r="H439" s="128"/>
      <c r="I439" s="128"/>
      <c r="J439" s="128"/>
      <c r="K439" s="128"/>
      <c r="L439" s="128"/>
      <c r="M439" s="128"/>
      <c r="N439" s="128"/>
      <c r="O439" s="128"/>
      <c r="P439" s="128"/>
      <c r="Q439" s="128"/>
      <c r="R439" s="128"/>
      <c r="S439" s="128"/>
      <c r="T439" s="128"/>
      <c r="U439" s="128"/>
      <c r="V439" s="128"/>
      <c r="W439" s="128"/>
      <c r="X439" s="128"/>
      <c r="Y439" s="128"/>
      <c r="Z439" s="128"/>
      <c r="AA439" s="128"/>
      <c r="AB439" s="128"/>
      <c r="AC439" s="128"/>
      <c r="AD439" s="128"/>
      <c r="AE439" s="128"/>
      <c r="AF439" s="128"/>
      <c r="AG439" s="128"/>
      <c r="AH439" s="128"/>
      <c r="AI439" s="128"/>
      <c r="AJ439" s="128"/>
      <c r="AK439" s="128"/>
      <c r="AL439" s="128"/>
      <c r="AM439" s="128"/>
      <c r="AN439" s="128"/>
      <c r="AO439" s="128"/>
      <c r="AP439" s="128"/>
      <c r="AQ439" s="128"/>
      <c r="AR439" s="128"/>
      <c r="AS439" s="128"/>
      <c r="AT439" s="128"/>
      <c r="AU439" s="128"/>
      <c r="AV439" s="128"/>
      <c r="AW439" s="128"/>
      <c r="AX439" s="129"/>
    </row>
    <row r="440" spans="1:251" s="23" customFormat="1" ht="15" thickBot="1">
      <c r="A440" s="38"/>
      <c r="B440" s="39"/>
      <c r="C440" s="40"/>
      <c r="D440" s="40"/>
      <c r="E440" s="40"/>
      <c r="F440" s="40"/>
      <c r="G440" s="40"/>
      <c r="H440" s="40"/>
      <c r="I440" s="40"/>
      <c r="J440" s="40"/>
      <c r="K440" s="40"/>
      <c r="L440" s="40"/>
      <c r="M440" s="40"/>
      <c r="N440" s="40"/>
      <c r="O440" s="40"/>
      <c r="P440" s="40"/>
      <c r="Q440" s="40"/>
      <c r="R440" s="40"/>
      <c r="S440" s="40"/>
      <c r="T440" s="40"/>
      <c r="U440" s="40"/>
      <c r="V440" s="40"/>
      <c r="W440" s="40"/>
      <c r="X440" s="40"/>
      <c r="Y440" s="40"/>
      <c r="Z440" s="40"/>
      <c r="AA440" s="40"/>
      <c r="AB440" s="40"/>
      <c r="AC440" s="40"/>
      <c r="AD440" s="40"/>
      <c r="AE440" s="40"/>
      <c r="AF440" s="40"/>
      <c r="AG440" s="40"/>
      <c r="AH440" s="40"/>
      <c r="AI440" s="40"/>
      <c r="AJ440" s="40"/>
      <c r="AK440" s="40"/>
      <c r="AL440" s="40"/>
      <c r="AM440" s="40"/>
      <c r="AN440" s="40"/>
      <c r="AO440" s="40"/>
      <c r="AP440" s="40"/>
      <c r="AQ440" s="40"/>
      <c r="AR440" s="40"/>
      <c r="AS440" s="40"/>
      <c r="AT440" s="40"/>
      <c r="AU440" s="40"/>
      <c r="AV440" s="40"/>
      <c r="AW440" s="40"/>
      <c r="AX440" s="41"/>
    </row>
    <row r="441" spans="1:251" s="23" customFormat="1" ht="13.2">
      <c r="B441" s="42"/>
    </row>
    <row r="442" spans="1:251" s="23" customFormat="1" ht="14.4">
      <c r="B442" s="33" t="s">
        <v>93</v>
      </c>
      <c r="C442" s="34"/>
      <c r="D442" s="34"/>
      <c r="E442" s="34"/>
      <c r="F442" s="34"/>
      <c r="G442" s="34"/>
      <c r="H442" s="34"/>
      <c r="I442" s="34"/>
      <c r="J442" s="34"/>
      <c r="K442" s="34"/>
      <c r="L442" s="35"/>
      <c r="M442" s="35"/>
      <c r="N442" s="35"/>
      <c r="O442" s="35"/>
      <c r="P442" s="34"/>
      <c r="Q442" s="34"/>
      <c r="R442" s="34"/>
      <c r="S442" s="34"/>
      <c r="T442" s="34"/>
      <c r="U442" s="34"/>
      <c r="V442" s="33"/>
      <c r="W442" s="33"/>
      <c r="X442" s="33"/>
      <c r="Y442" s="33"/>
      <c r="Z442" s="33"/>
      <c r="AA442" s="33"/>
      <c r="AB442" s="33"/>
      <c r="AC442" s="33"/>
      <c r="AD442" s="33"/>
      <c r="AE442" s="33"/>
      <c r="AF442" s="33"/>
      <c r="AG442" s="33"/>
      <c r="AH442" s="33"/>
      <c r="AI442" s="33"/>
      <c r="AJ442" s="33"/>
      <c r="AK442" s="33"/>
      <c r="AL442" s="33"/>
      <c r="AM442" s="33"/>
      <c r="AN442" s="33"/>
      <c r="AO442" s="33"/>
      <c r="AP442" s="33"/>
      <c r="AQ442" s="33"/>
      <c r="AR442" s="33"/>
      <c r="AS442" s="33"/>
      <c r="AT442" s="33"/>
      <c r="AU442" s="33"/>
      <c r="AV442" s="33"/>
      <c r="AW442" s="33"/>
      <c r="AX442" s="33"/>
    </row>
    <row r="443" spans="1:251" s="23" customFormat="1" ht="15" thickBot="1">
      <c r="B443" s="33"/>
      <c r="C443" s="34"/>
      <c r="D443" s="34"/>
      <c r="E443" s="34"/>
      <c r="F443" s="34"/>
      <c r="G443" s="34"/>
      <c r="H443" s="34"/>
      <c r="I443" s="34"/>
      <c r="J443" s="34"/>
      <c r="K443" s="34"/>
      <c r="L443" s="35"/>
      <c r="M443" s="35"/>
      <c r="N443" s="35"/>
      <c r="O443" s="35"/>
      <c r="P443" s="34"/>
      <c r="Q443" s="34"/>
      <c r="R443" s="34"/>
      <c r="S443" s="34"/>
      <c r="T443" s="34"/>
      <c r="U443" s="34"/>
      <c r="V443" s="33"/>
      <c r="W443" s="33"/>
      <c r="X443" s="33"/>
      <c r="Y443" s="33"/>
      <c r="Z443" s="33"/>
      <c r="AA443" s="33"/>
      <c r="AB443" s="33"/>
      <c r="AC443" s="33"/>
      <c r="AD443" s="33"/>
      <c r="AE443" s="33"/>
      <c r="AF443" s="33"/>
      <c r="AG443" s="33"/>
      <c r="AH443" s="33"/>
      <c r="AI443" s="33"/>
      <c r="AJ443" s="33"/>
      <c r="AK443" s="33"/>
      <c r="AL443" s="33"/>
      <c r="AM443" s="33"/>
      <c r="AN443" s="33"/>
      <c r="AO443" s="33"/>
      <c r="AP443" s="33"/>
      <c r="AQ443" s="33"/>
      <c r="AR443" s="33"/>
      <c r="AS443" s="33"/>
      <c r="AT443" s="33"/>
      <c r="AU443" s="33"/>
      <c r="AV443" s="33"/>
      <c r="AW443" s="33"/>
      <c r="AX443" s="43" t="s">
        <v>94</v>
      </c>
    </row>
    <row r="444" spans="1:251" s="50" customFormat="1" ht="13.5" customHeight="1">
      <c r="A444" s="34"/>
      <c r="B444" s="139" t="s">
        <v>95</v>
      </c>
      <c r="C444" s="203"/>
      <c r="D444" s="203"/>
      <c r="E444" s="203"/>
      <c r="F444" s="203"/>
      <c r="G444" s="203"/>
      <c r="H444" s="203"/>
      <c r="I444" s="203"/>
      <c r="J444" s="203"/>
      <c r="K444" s="203"/>
      <c r="L444" s="203"/>
      <c r="M444" s="203"/>
      <c r="N444" s="203"/>
      <c r="O444" s="203"/>
      <c r="P444" s="203"/>
      <c r="Q444" s="203"/>
      <c r="R444" s="203"/>
      <c r="S444" s="203"/>
      <c r="T444" s="203"/>
      <c r="U444" s="203"/>
      <c r="V444" s="203"/>
      <c r="W444" s="203"/>
      <c r="X444" s="203"/>
      <c r="Y444" s="203"/>
      <c r="Z444" s="204"/>
      <c r="AA444" s="145" t="s">
        <v>116</v>
      </c>
      <c r="AB444" s="203"/>
      <c r="AC444" s="203"/>
      <c r="AD444" s="203"/>
      <c r="AE444" s="203"/>
      <c r="AF444" s="203"/>
      <c r="AG444" s="203"/>
      <c r="AH444" s="203"/>
      <c r="AI444" s="204"/>
      <c r="AJ444" s="145" t="s">
        <v>117</v>
      </c>
      <c r="AK444" s="203"/>
      <c r="AL444" s="203"/>
      <c r="AM444" s="203"/>
      <c r="AN444" s="203"/>
      <c r="AO444" s="203"/>
      <c r="AP444" s="203"/>
      <c r="AQ444" s="203"/>
      <c r="AR444" s="204"/>
      <c r="AS444" s="145" t="s">
        <v>98</v>
      </c>
      <c r="AT444" s="203"/>
      <c r="AU444" s="203"/>
      <c r="AV444" s="203"/>
      <c r="AW444" s="203"/>
      <c r="AX444" s="209"/>
      <c r="AY444" s="23"/>
      <c r="AZ444" s="23"/>
      <c r="BA444" s="23"/>
      <c r="BB444" s="23"/>
      <c r="BC444" s="23"/>
      <c r="BD444" s="23"/>
      <c r="BE444" s="23"/>
      <c r="BF444" s="23"/>
      <c r="BG444" s="23"/>
      <c r="BH444" s="23"/>
      <c r="BI444" s="23"/>
      <c r="BJ444" s="23"/>
      <c r="BK444" s="23"/>
      <c r="BL444" s="23"/>
      <c r="BM444" s="23"/>
      <c r="BN444" s="23"/>
      <c r="BO444" s="23"/>
      <c r="BP444" s="23"/>
      <c r="BQ444" s="23"/>
      <c r="BR444" s="23"/>
      <c r="BS444" s="23"/>
      <c r="BT444" s="23"/>
      <c r="BU444" s="23"/>
      <c r="BV444" s="23"/>
      <c r="BW444" s="23"/>
      <c r="BX444" s="23"/>
      <c r="BY444" s="23"/>
      <c r="BZ444" s="23"/>
      <c r="CA444" s="23"/>
      <c r="CB444" s="23"/>
      <c r="CC444" s="23"/>
      <c r="CD444" s="23"/>
      <c r="CE444" s="23"/>
      <c r="CF444" s="23"/>
      <c r="CG444" s="23"/>
      <c r="CH444" s="23"/>
      <c r="CI444" s="23"/>
      <c r="CJ444" s="23"/>
      <c r="CK444" s="23"/>
      <c r="CL444" s="23"/>
      <c r="CM444" s="23"/>
      <c r="CN444" s="23"/>
      <c r="CO444" s="23"/>
      <c r="CP444" s="23"/>
      <c r="CQ444" s="23"/>
      <c r="CR444" s="23"/>
      <c r="CS444" s="23"/>
      <c r="CT444" s="23"/>
      <c r="CU444" s="23"/>
      <c r="CV444" s="23"/>
      <c r="CW444" s="23"/>
      <c r="CX444" s="23"/>
      <c r="CY444" s="23"/>
      <c r="CZ444" s="23"/>
      <c r="DA444" s="23"/>
      <c r="DB444" s="23"/>
      <c r="DC444" s="23"/>
      <c r="DD444" s="23"/>
      <c r="DE444" s="23"/>
      <c r="DF444" s="23"/>
      <c r="DG444" s="23"/>
      <c r="DH444" s="23"/>
      <c r="DI444" s="23"/>
      <c r="DJ444" s="23"/>
      <c r="DK444" s="23"/>
      <c r="DL444" s="23"/>
      <c r="DM444" s="23"/>
      <c r="DN444" s="23"/>
      <c r="DO444" s="23"/>
      <c r="DP444" s="23"/>
      <c r="DQ444" s="23"/>
      <c r="DR444" s="23"/>
      <c r="DS444" s="23"/>
      <c r="DT444" s="23"/>
      <c r="DU444" s="23"/>
      <c r="DV444" s="23"/>
      <c r="DW444" s="23"/>
      <c r="DX444" s="23"/>
      <c r="DY444" s="23"/>
      <c r="DZ444" s="23"/>
      <c r="EA444" s="23"/>
      <c r="EB444" s="23"/>
      <c r="EC444" s="23"/>
      <c r="ED444" s="23"/>
      <c r="EE444" s="23"/>
      <c r="EF444" s="23"/>
      <c r="EG444" s="23"/>
      <c r="EH444" s="23"/>
      <c r="EI444" s="23"/>
      <c r="EJ444" s="23"/>
      <c r="EK444" s="23"/>
      <c r="EL444" s="23"/>
      <c r="EM444" s="23"/>
      <c r="EN444" s="23"/>
      <c r="EO444" s="23"/>
      <c r="EP444" s="23"/>
      <c r="EQ444" s="23"/>
      <c r="ER444" s="23"/>
      <c r="ES444" s="23"/>
      <c r="ET444" s="23"/>
      <c r="EU444" s="23"/>
      <c r="EV444" s="23"/>
      <c r="EW444" s="23"/>
      <c r="EX444" s="23"/>
      <c r="EY444" s="23"/>
      <c r="EZ444" s="23"/>
      <c r="FA444" s="23"/>
      <c r="FB444" s="23"/>
      <c r="FC444" s="23"/>
      <c r="FD444" s="23"/>
      <c r="FE444" s="23"/>
      <c r="FF444" s="23"/>
      <c r="FG444" s="23"/>
      <c r="FH444" s="23"/>
      <c r="FI444" s="23"/>
      <c r="FJ444" s="23"/>
      <c r="FK444" s="23"/>
      <c r="FL444" s="23"/>
      <c r="FM444" s="23"/>
      <c r="FN444" s="23"/>
      <c r="FO444" s="23"/>
      <c r="FP444" s="23"/>
      <c r="FQ444" s="23"/>
      <c r="FR444" s="23"/>
      <c r="FS444" s="23"/>
      <c r="FT444" s="23"/>
      <c r="FU444" s="23"/>
      <c r="FV444" s="23"/>
      <c r="FW444" s="23"/>
      <c r="FX444" s="23"/>
      <c r="FY444" s="23"/>
      <c r="FZ444" s="23"/>
      <c r="GA444" s="23"/>
      <c r="GB444" s="23"/>
      <c r="GC444" s="23"/>
      <c r="GD444" s="23"/>
      <c r="GE444" s="23"/>
      <c r="GF444" s="23"/>
      <c r="GG444" s="23"/>
      <c r="GH444" s="23"/>
      <c r="GI444" s="23"/>
      <c r="GJ444" s="23"/>
      <c r="GK444" s="23"/>
      <c r="GL444" s="23"/>
      <c r="GM444" s="23"/>
      <c r="GN444" s="23"/>
      <c r="GO444" s="23"/>
      <c r="GP444" s="23"/>
      <c r="GQ444" s="23"/>
      <c r="GR444" s="23"/>
      <c r="GS444" s="23"/>
      <c r="GT444" s="23"/>
      <c r="GU444" s="23"/>
      <c r="GV444" s="23"/>
      <c r="GW444" s="23"/>
      <c r="GX444" s="23"/>
      <c r="GY444" s="23"/>
      <c r="GZ444" s="23"/>
      <c r="HA444" s="23"/>
      <c r="HB444" s="23"/>
      <c r="HC444" s="23"/>
      <c r="HD444" s="23"/>
      <c r="HE444" s="23"/>
      <c r="HF444" s="23"/>
      <c r="HG444" s="23"/>
      <c r="HH444" s="23"/>
      <c r="HI444" s="23"/>
      <c r="HJ444" s="23"/>
      <c r="HK444" s="23"/>
      <c r="HL444" s="23"/>
      <c r="HM444" s="23"/>
      <c r="HN444" s="23"/>
      <c r="HO444" s="23"/>
      <c r="HP444" s="23"/>
      <c r="HQ444" s="23"/>
      <c r="HR444" s="23"/>
      <c r="HS444" s="23"/>
      <c r="HT444" s="23"/>
      <c r="HU444" s="23"/>
      <c r="HV444" s="23"/>
      <c r="HW444" s="23"/>
      <c r="HX444" s="23"/>
      <c r="HY444" s="23"/>
      <c r="HZ444" s="23"/>
      <c r="IA444" s="23"/>
      <c r="IB444" s="23"/>
      <c r="IC444" s="23"/>
      <c r="ID444" s="23"/>
      <c r="IE444" s="23"/>
      <c r="IF444" s="23"/>
      <c r="IG444" s="23"/>
      <c r="IH444" s="23"/>
      <c r="II444" s="23"/>
      <c r="IJ444" s="23"/>
      <c r="IK444" s="23"/>
      <c r="IL444" s="23"/>
      <c r="IM444" s="23"/>
      <c r="IN444" s="23"/>
      <c r="IO444" s="23"/>
      <c r="IP444" s="23"/>
      <c r="IQ444" s="23"/>
    </row>
    <row r="445" spans="1:251" s="50" customFormat="1">
      <c r="A445" s="34"/>
      <c r="B445" s="205"/>
      <c r="C445" s="206"/>
      <c r="D445" s="206"/>
      <c r="E445" s="206"/>
      <c r="F445" s="206"/>
      <c r="G445" s="206"/>
      <c r="H445" s="206"/>
      <c r="I445" s="206"/>
      <c r="J445" s="206"/>
      <c r="K445" s="206"/>
      <c r="L445" s="206"/>
      <c r="M445" s="206"/>
      <c r="N445" s="206"/>
      <c r="O445" s="206"/>
      <c r="P445" s="206"/>
      <c r="Q445" s="206"/>
      <c r="R445" s="206"/>
      <c r="S445" s="206"/>
      <c r="T445" s="206"/>
      <c r="U445" s="206"/>
      <c r="V445" s="206"/>
      <c r="W445" s="206"/>
      <c r="X445" s="206"/>
      <c r="Y445" s="206"/>
      <c r="Z445" s="207"/>
      <c r="AA445" s="208"/>
      <c r="AB445" s="206"/>
      <c r="AC445" s="206"/>
      <c r="AD445" s="206"/>
      <c r="AE445" s="206"/>
      <c r="AF445" s="206"/>
      <c r="AG445" s="206"/>
      <c r="AH445" s="206"/>
      <c r="AI445" s="207"/>
      <c r="AJ445" s="208"/>
      <c r="AK445" s="206"/>
      <c r="AL445" s="206"/>
      <c r="AM445" s="206"/>
      <c r="AN445" s="206"/>
      <c r="AO445" s="206"/>
      <c r="AP445" s="206"/>
      <c r="AQ445" s="206"/>
      <c r="AR445" s="207"/>
      <c r="AS445" s="208"/>
      <c r="AT445" s="206"/>
      <c r="AU445" s="206"/>
      <c r="AV445" s="206"/>
      <c r="AW445" s="206"/>
      <c r="AX445" s="210"/>
      <c r="AY445" s="23"/>
      <c r="AZ445" s="23"/>
      <c r="BA445" s="23"/>
      <c r="BB445"/>
      <c r="BC445" s="45"/>
      <c r="BE445" s="23"/>
      <c r="BF445" s="23"/>
      <c r="BG445" s="23"/>
      <c r="BH445" s="23"/>
      <c r="BI445" s="23"/>
      <c r="BJ445" s="23"/>
      <c r="BK445" s="23"/>
      <c r="BL445" s="23"/>
      <c r="BM445" s="23"/>
      <c r="BN445" s="23"/>
      <c r="BO445" s="23"/>
      <c r="BP445" s="23"/>
      <c r="BQ445" s="23"/>
      <c r="BR445" s="23"/>
      <c r="BS445" s="23"/>
      <c r="BT445" s="23"/>
      <c r="BU445" s="23"/>
      <c r="BV445" s="23"/>
      <c r="BW445" s="23"/>
      <c r="BX445" s="23"/>
      <c r="BY445" s="23"/>
      <c r="BZ445" s="23"/>
      <c r="CA445" s="23"/>
      <c r="CB445" s="23"/>
      <c r="CC445" s="23"/>
      <c r="CD445" s="23"/>
      <c r="CE445" s="23"/>
      <c r="CF445" s="23"/>
      <c r="CG445" s="23"/>
      <c r="CH445" s="23"/>
      <c r="CI445" s="23"/>
      <c r="CJ445" s="23"/>
      <c r="CK445" s="23"/>
      <c r="CL445" s="23"/>
      <c r="CM445" s="23"/>
      <c r="CN445" s="23"/>
      <c r="CO445" s="23"/>
      <c r="CP445" s="23"/>
      <c r="CQ445" s="23"/>
      <c r="CR445" s="23"/>
      <c r="CS445" s="23"/>
      <c r="CT445" s="23"/>
      <c r="CU445" s="23"/>
      <c r="CV445" s="23"/>
      <c r="CW445" s="23"/>
      <c r="CX445" s="23"/>
      <c r="CY445" s="23"/>
      <c r="CZ445" s="23"/>
      <c r="DA445" s="23"/>
      <c r="DB445" s="23"/>
      <c r="DC445" s="23"/>
      <c r="DD445" s="23"/>
      <c r="DE445" s="23"/>
      <c r="DF445" s="23"/>
      <c r="DG445" s="23"/>
      <c r="DH445" s="23"/>
      <c r="DI445" s="23"/>
      <c r="DJ445" s="23"/>
      <c r="DK445" s="23"/>
      <c r="DL445" s="23"/>
      <c r="DM445" s="23"/>
      <c r="DN445" s="23"/>
      <c r="DO445" s="23"/>
      <c r="DP445" s="23"/>
      <c r="DQ445" s="23"/>
      <c r="DR445" s="23"/>
      <c r="DS445" s="23"/>
      <c r="DT445" s="23"/>
      <c r="DU445" s="23"/>
      <c r="DV445" s="23"/>
      <c r="DW445" s="23"/>
      <c r="DX445" s="23"/>
      <c r="DY445" s="23"/>
      <c r="DZ445" s="23"/>
      <c r="EA445" s="23"/>
      <c r="EB445" s="23"/>
      <c r="EC445" s="23"/>
      <c r="ED445" s="23"/>
      <c r="EE445" s="23"/>
      <c r="EF445" s="23"/>
      <c r="EG445" s="23"/>
      <c r="EH445" s="23"/>
      <c r="EI445" s="23"/>
      <c r="EJ445" s="23"/>
      <c r="EK445" s="23"/>
      <c r="EL445" s="23"/>
      <c r="EM445" s="23"/>
      <c r="EN445" s="23"/>
      <c r="EO445" s="23"/>
      <c r="EP445" s="23"/>
      <c r="EQ445" s="23"/>
      <c r="ER445" s="23"/>
      <c r="ES445" s="23"/>
      <c r="ET445" s="23"/>
      <c r="EU445" s="23"/>
      <c r="EV445" s="23"/>
      <c r="EW445" s="23"/>
      <c r="EX445" s="23"/>
      <c r="EY445" s="23"/>
      <c r="EZ445" s="23"/>
      <c r="FA445" s="23"/>
      <c r="FB445" s="23"/>
      <c r="FC445" s="23"/>
      <c r="FD445" s="23"/>
      <c r="FE445" s="23"/>
      <c r="FF445" s="23"/>
      <c r="FG445" s="23"/>
      <c r="FH445" s="23"/>
      <c r="FI445" s="23"/>
      <c r="FJ445" s="23"/>
      <c r="FK445" s="23"/>
      <c r="FL445" s="23"/>
      <c r="FM445" s="23"/>
      <c r="FN445" s="23"/>
      <c r="FO445" s="23"/>
      <c r="FP445" s="23"/>
      <c r="FQ445" s="23"/>
      <c r="FR445" s="23"/>
      <c r="FS445" s="23"/>
      <c r="FT445" s="23"/>
      <c r="FU445" s="23"/>
      <c r="FV445" s="23"/>
      <c r="FW445" s="23"/>
      <c r="FX445" s="23"/>
      <c r="FY445" s="23"/>
      <c r="FZ445" s="23"/>
      <c r="GA445" s="23"/>
      <c r="GB445" s="23"/>
      <c r="GC445" s="23"/>
      <c r="GD445" s="23"/>
      <c r="GE445" s="23"/>
      <c r="GF445" s="23"/>
      <c r="GG445" s="23"/>
      <c r="GH445" s="23"/>
      <c r="GI445" s="23"/>
      <c r="GJ445" s="23"/>
      <c r="GK445" s="23"/>
      <c r="GL445" s="23"/>
      <c r="GM445" s="23"/>
      <c r="GN445" s="23"/>
      <c r="GO445" s="23"/>
      <c r="GP445" s="23"/>
      <c r="GQ445" s="23"/>
      <c r="GR445" s="23"/>
      <c r="GS445" s="23"/>
      <c r="GT445" s="23"/>
      <c r="GU445" s="23"/>
      <c r="GV445" s="23"/>
      <c r="GW445" s="23"/>
      <c r="GX445" s="23"/>
      <c r="GY445" s="23"/>
      <c r="GZ445" s="23"/>
      <c r="HA445" s="23"/>
      <c r="HB445" s="23"/>
      <c r="HC445" s="23"/>
      <c r="HD445" s="23"/>
      <c r="HE445" s="23"/>
      <c r="HF445" s="23"/>
      <c r="HG445" s="23"/>
      <c r="HH445" s="23"/>
      <c r="HI445" s="23"/>
      <c r="HJ445" s="23"/>
      <c r="HK445" s="23"/>
      <c r="HL445" s="23"/>
      <c r="HM445" s="23"/>
      <c r="HN445" s="23"/>
      <c r="HO445" s="23"/>
      <c r="HP445" s="23"/>
      <c r="HQ445" s="23"/>
      <c r="HR445" s="23"/>
      <c r="HS445" s="23"/>
      <c r="HT445" s="23"/>
      <c r="HU445" s="23"/>
      <c r="HV445" s="23"/>
      <c r="HW445" s="23"/>
      <c r="HX445" s="23"/>
      <c r="HY445" s="23"/>
      <c r="HZ445" s="23"/>
      <c r="IA445" s="23"/>
      <c r="IB445" s="23"/>
      <c r="IC445" s="23"/>
      <c r="ID445" s="23"/>
      <c r="IE445" s="23"/>
      <c r="IF445" s="23"/>
      <c r="IG445" s="23"/>
      <c r="IH445" s="23"/>
      <c r="II445" s="23"/>
      <c r="IJ445" s="23"/>
      <c r="IK445" s="23"/>
      <c r="IL445" s="23"/>
      <c r="IM445" s="23"/>
      <c r="IN445" s="23"/>
      <c r="IO445" s="23"/>
      <c r="IP445" s="23"/>
      <c r="IQ445" s="23"/>
    </row>
    <row r="446" spans="1:251" s="50" customFormat="1" ht="18.75" customHeight="1">
      <c r="A446" s="34"/>
      <c r="B446" s="46"/>
      <c r="C446" s="130" t="s">
        <v>157</v>
      </c>
      <c r="D446" s="130"/>
      <c r="E446" s="130"/>
      <c r="F446" s="130"/>
      <c r="G446" s="130"/>
      <c r="H446" s="130"/>
      <c r="I446" s="130"/>
      <c r="J446" s="130"/>
      <c r="K446" s="130"/>
      <c r="L446" s="130"/>
      <c r="M446" s="130"/>
      <c r="N446" s="130"/>
      <c r="O446" s="130"/>
      <c r="P446" s="130"/>
      <c r="Q446" s="130"/>
      <c r="R446" s="130"/>
      <c r="S446" s="130"/>
      <c r="T446" s="130"/>
      <c r="U446" s="130"/>
      <c r="V446" s="130"/>
      <c r="W446" s="130"/>
      <c r="X446" s="130"/>
      <c r="Y446" s="130"/>
      <c r="Z446" s="131"/>
      <c r="AA446" s="132">
        <v>20032</v>
      </c>
      <c r="AB446" s="196"/>
      <c r="AC446" s="196"/>
      <c r="AD446" s="196"/>
      <c r="AE446" s="196"/>
      <c r="AF446" s="196"/>
      <c r="AG446" s="196"/>
      <c r="AH446" s="196"/>
      <c r="AI446" s="197"/>
      <c r="AJ446" s="132">
        <v>23640</v>
      </c>
      <c r="AK446" s="196"/>
      <c r="AL446" s="196"/>
      <c r="AM446" s="196"/>
      <c r="AN446" s="196"/>
      <c r="AO446" s="196"/>
      <c r="AP446" s="196"/>
      <c r="AQ446" s="196"/>
      <c r="AR446" s="197"/>
      <c r="AS446" s="132"/>
      <c r="AT446" s="196"/>
      <c r="AU446" s="196"/>
      <c r="AV446" s="196"/>
      <c r="AW446" s="196"/>
      <c r="AX446" s="202"/>
      <c r="AY446" s="23"/>
      <c r="AZ446" s="23"/>
      <c r="BA446" s="23"/>
      <c r="BB446" s="23"/>
      <c r="BC446" s="23"/>
      <c r="BD446" s="23"/>
      <c r="BE446" s="23"/>
      <c r="BF446" s="23"/>
      <c r="BG446" s="23"/>
      <c r="BH446" s="23"/>
      <c r="BI446" s="23"/>
      <c r="BJ446" s="23"/>
      <c r="BK446" s="23"/>
      <c r="BL446" s="23"/>
      <c r="BM446" s="23"/>
      <c r="BN446" s="23"/>
      <c r="BO446" s="23"/>
      <c r="BP446" s="23"/>
      <c r="BQ446" s="23"/>
      <c r="BR446" s="23"/>
      <c r="BS446" s="23"/>
      <c r="BT446" s="23"/>
      <c r="BU446" s="23"/>
      <c r="BV446" s="23"/>
      <c r="BW446" s="23"/>
      <c r="BX446" s="23"/>
      <c r="BY446" s="23"/>
      <c r="BZ446" s="23"/>
      <c r="CA446" s="23"/>
      <c r="CB446" s="23"/>
      <c r="CC446" s="23"/>
      <c r="CD446" s="23"/>
      <c r="CE446" s="23"/>
      <c r="CF446" s="23"/>
      <c r="CG446" s="23"/>
      <c r="CH446" s="23"/>
      <c r="CI446" s="23"/>
      <c r="CJ446" s="23"/>
      <c r="CK446" s="23"/>
      <c r="CL446" s="23"/>
      <c r="CM446" s="23"/>
      <c r="CN446" s="23"/>
      <c r="CO446" s="23"/>
      <c r="CP446" s="23"/>
      <c r="CQ446" s="23"/>
      <c r="CR446" s="23"/>
      <c r="CS446" s="23"/>
      <c r="CT446" s="23"/>
      <c r="CU446" s="23"/>
      <c r="CV446" s="23"/>
      <c r="CW446" s="23"/>
      <c r="CX446" s="23"/>
      <c r="CY446" s="23"/>
      <c r="CZ446" s="23"/>
      <c r="DA446" s="23"/>
      <c r="DB446" s="23"/>
      <c r="DC446" s="23"/>
      <c r="DD446" s="23"/>
      <c r="DE446" s="23"/>
      <c r="DF446" s="23"/>
      <c r="DG446" s="23"/>
      <c r="DH446" s="23"/>
      <c r="DI446" s="23"/>
      <c r="DJ446" s="23"/>
      <c r="DK446" s="23"/>
      <c r="DL446" s="23"/>
      <c r="DM446" s="23"/>
      <c r="DN446" s="23"/>
      <c r="DO446" s="23"/>
      <c r="DP446" s="23"/>
      <c r="DQ446" s="23"/>
      <c r="DR446" s="23"/>
      <c r="DS446" s="23"/>
      <c r="DT446" s="23"/>
      <c r="DU446" s="23"/>
      <c r="DV446" s="23"/>
      <c r="DW446" s="23"/>
      <c r="DX446" s="23"/>
      <c r="DY446" s="23"/>
      <c r="DZ446" s="23"/>
      <c r="EA446" s="23"/>
      <c r="EB446" s="23"/>
      <c r="EC446" s="23"/>
      <c r="ED446" s="23"/>
      <c r="EE446" s="23"/>
      <c r="EF446" s="23"/>
      <c r="EG446" s="23"/>
      <c r="EH446" s="23"/>
      <c r="EI446" s="23"/>
      <c r="EJ446" s="23"/>
      <c r="EK446" s="23"/>
      <c r="EL446" s="23"/>
      <c r="EM446" s="23"/>
      <c r="EN446" s="23"/>
      <c r="EO446" s="23"/>
      <c r="EP446" s="23"/>
      <c r="EQ446" s="23"/>
      <c r="ER446" s="23"/>
      <c r="ES446" s="23"/>
      <c r="ET446" s="23"/>
      <c r="EU446" s="23"/>
      <c r="EV446" s="23"/>
      <c r="EW446" s="23"/>
      <c r="EX446" s="23"/>
      <c r="EY446" s="23"/>
      <c r="EZ446" s="23"/>
      <c r="FA446" s="23"/>
      <c r="FB446" s="23"/>
      <c r="FC446" s="23"/>
      <c r="FD446" s="23"/>
      <c r="FE446" s="23"/>
      <c r="FF446" s="23"/>
      <c r="FG446" s="23"/>
      <c r="FH446" s="23"/>
      <c r="FI446" s="23"/>
      <c r="FJ446" s="23"/>
      <c r="FK446" s="23"/>
      <c r="FL446" s="23"/>
      <c r="FM446" s="23"/>
      <c r="FN446" s="23"/>
      <c r="FO446" s="23"/>
      <c r="FP446" s="23"/>
      <c r="FQ446" s="23"/>
      <c r="FR446" s="23"/>
      <c r="FS446" s="23"/>
      <c r="FT446" s="23"/>
      <c r="FU446" s="23"/>
      <c r="FV446" s="23"/>
      <c r="FW446" s="23"/>
      <c r="FX446" s="23"/>
      <c r="FY446" s="23"/>
      <c r="FZ446" s="23"/>
      <c r="GA446" s="23"/>
      <c r="GB446" s="23"/>
      <c r="GC446" s="23"/>
      <c r="GD446" s="23"/>
      <c r="GE446" s="23"/>
      <c r="GF446" s="23"/>
      <c r="GG446" s="23"/>
      <c r="GH446" s="23"/>
      <c r="GI446" s="23"/>
      <c r="GJ446" s="23"/>
      <c r="GK446" s="23"/>
      <c r="GL446" s="23"/>
      <c r="GM446" s="23"/>
      <c r="GN446" s="23"/>
      <c r="GO446" s="23"/>
      <c r="GP446" s="23"/>
      <c r="GQ446" s="23"/>
      <c r="GR446" s="23"/>
      <c r="GS446" s="23"/>
      <c r="GT446" s="23"/>
      <c r="GU446" s="23"/>
      <c r="GV446" s="23"/>
      <c r="GW446" s="23"/>
      <c r="GX446" s="23"/>
      <c r="GY446" s="23"/>
      <c r="GZ446" s="23"/>
      <c r="HA446" s="23"/>
      <c r="HB446" s="23"/>
      <c r="HC446" s="23"/>
      <c r="HD446" s="23"/>
      <c r="HE446" s="23"/>
      <c r="HF446" s="23"/>
      <c r="HG446" s="23"/>
      <c r="HH446" s="23"/>
      <c r="HI446" s="23"/>
      <c r="HJ446" s="23"/>
      <c r="HK446" s="23"/>
      <c r="HL446" s="23"/>
      <c r="HM446" s="23"/>
      <c r="HN446" s="23"/>
      <c r="HO446" s="23"/>
      <c r="HP446" s="23"/>
      <c r="HQ446" s="23"/>
      <c r="HR446" s="23"/>
      <c r="HS446" s="23"/>
      <c r="HT446" s="23"/>
      <c r="HU446" s="23"/>
      <c r="HV446" s="23"/>
      <c r="HW446" s="23"/>
      <c r="HX446" s="23"/>
      <c r="HY446" s="23"/>
      <c r="HZ446" s="23"/>
      <c r="IA446" s="23"/>
      <c r="IB446" s="23"/>
      <c r="IC446" s="23"/>
      <c r="ID446" s="23"/>
      <c r="IE446" s="23"/>
      <c r="IF446" s="23"/>
      <c r="IG446" s="23"/>
      <c r="IH446" s="23"/>
      <c r="II446" s="23"/>
      <c r="IJ446" s="23"/>
      <c r="IK446" s="23"/>
      <c r="IL446" s="23"/>
      <c r="IM446" s="23"/>
      <c r="IN446" s="23"/>
      <c r="IO446" s="23"/>
      <c r="IP446" s="23"/>
      <c r="IQ446" s="23"/>
    </row>
    <row r="447" spans="1:251" s="50" customFormat="1" ht="18.75" customHeight="1">
      <c r="A447" s="34"/>
      <c r="B447" s="47"/>
      <c r="C447" s="130"/>
      <c r="D447" s="130"/>
      <c r="E447" s="130"/>
      <c r="F447" s="130"/>
      <c r="G447" s="130"/>
      <c r="H447" s="130"/>
      <c r="I447" s="130"/>
      <c r="J447" s="130"/>
      <c r="K447" s="130"/>
      <c r="L447" s="130"/>
      <c r="M447" s="130"/>
      <c r="N447" s="130"/>
      <c r="O447" s="130"/>
      <c r="P447" s="130"/>
      <c r="Q447" s="130"/>
      <c r="R447" s="130"/>
      <c r="S447" s="130"/>
      <c r="T447" s="130"/>
      <c r="U447" s="130"/>
      <c r="V447" s="130"/>
      <c r="W447" s="130"/>
      <c r="X447" s="130"/>
      <c r="Y447" s="130"/>
      <c r="Z447" s="131"/>
      <c r="AA447" s="132"/>
      <c r="AB447" s="200"/>
      <c r="AC447" s="200"/>
      <c r="AD447" s="200"/>
      <c r="AE447" s="200"/>
      <c r="AF447" s="200"/>
      <c r="AG447" s="200"/>
      <c r="AH447" s="200"/>
      <c r="AI447" s="201"/>
      <c r="AJ447" s="132"/>
      <c r="AK447" s="196"/>
      <c r="AL447" s="196"/>
      <c r="AM447" s="196"/>
      <c r="AN447" s="196"/>
      <c r="AO447" s="196"/>
      <c r="AP447" s="196"/>
      <c r="AQ447" s="196"/>
      <c r="AR447" s="197"/>
      <c r="AS447" s="132"/>
      <c r="AT447" s="196"/>
      <c r="AU447" s="196"/>
      <c r="AV447" s="196"/>
      <c r="AW447" s="196"/>
      <c r="AX447" s="202"/>
      <c r="AY447" s="23"/>
      <c r="AZ447" s="23"/>
      <c r="BA447" s="23"/>
      <c r="BB447" s="23"/>
      <c r="BC447" s="23"/>
      <c r="BD447" s="23"/>
      <c r="BE447" s="23"/>
      <c r="BF447" s="23"/>
      <c r="BG447" s="23"/>
      <c r="BH447" s="23"/>
      <c r="BI447" s="23"/>
      <c r="BJ447" s="23"/>
      <c r="BK447" s="23"/>
      <c r="BL447" s="23"/>
      <c r="BM447" s="23"/>
      <c r="BN447" s="23"/>
      <c r="BO447" s="23"/>
      <c r="BP447" s="23"/>
      <c r="BQ447" s="23"/>
      <c r="BR447" s="23"/>
      <c r="BS447" s="23"/>
      <c r="BT447" s="23"/>
      <c r="BU447" s="23"/>
      <c r="BV447" s="23"/>
      <c r="BW447" s="23"/>
      <c r="BX447" s="23"/>
      <c r="BY447" s="23"/>
      <c r="BZ447" s="23"/>
      <c r="CA447" s="23"/>
      <c r="CB447" s="23"/>
      <c r="CC447" s="23"/>
      <c r="CD447" s="23"/>
      <c r="CE447" s="23"/>
      <c r="CF447" s="23"/>
      <c r="CG447" s="23"/>
      <c r="CH447" s="23"/>
      <c r="CI447" s="23"/>
      <c r="CJ447" s="23"/>
      <c r="CK447" s="23"/>
      <c r="CL447" s="23"/>
      <c r="CM447" s="23"/>
      <c r="CN447" s="23"/>
      <c r="CO447" s="23"/>
      <c r="CP447" s="23"/>
      <c r="CQ447" s="23"/>
      <c r="CR447" s="23"/>
      <c r="CS447" s="23"/>
      <c r="CT447" s="23"/>
      <c r="CU447" s="23"/>
      <c r="CV447" s="23"/>
      <c r="CW447" s="23"/>
      <c r="CX447" s="23"/>
      <c r="CY447" s="23"/>
      <c r="CZ447" s="23"/>
      <c r="DA447" s="23"/>
      <c r="DB447" s="23"/>
      <c r="DC447" s="23"/>
      <c r="DD447" s="23"/>
      <c r="DE447" s="23"/>
      <c r="DF447" s="23"/>
      <c r="DG447" s="23"/>
      <c r="DH447" s="23"/>
      <c r="DI447" s="23"/>
      <c r="DJ447" s="23"/>
      <c r="DK447" s="23"/>
      <c r="DL447" s="23"/>
      <c r="DM447" s="23"/>
      <c r="DN447" s="23"/>
      <c r="DO447" s="23"/>
      <c r="DP447" s="23"/>
      <c r="DQ447" s="23"/>
      <c r="DR447" s="23"/>
      <c r="DS447" s="23"/>
      <c r="DT447" s="23"/>
      <c r="DU447" s="23"/>
      <c r="DV447" s="23"/>
      <c r="DW447" s="23"/>
      <c r="DX447" s="23"/>
      <c r="DY447" s="23"/>
      <c r="DZ447" s="23"/>
      <c r="EA447" s="23"/>
      <c r="EB447" s="23"/>
      <c r="EC447" s="23"/>
      <c r="ED447" s="23"/>
      <c r="EE447" s="23"/>
      <c r="EF447" s="23"/>
      <c r="EG447" s="23"/>
      <c r="EH447" s="23"/>
      <c r="EI447" s="23"/>
      <c r="EJ447" s="23"/>
      <c r="EK447" s="23"/>
      <c r="EL447" s="23"/>
      <c r="EM447" s="23"/>
      <c r="EN447" s="23"/>
      <c r="EO447" s="23"/>
      <c r="EP447" s="23"/>
      <c r="EQ447" s="23"/>
      <c r="ER447" s="23"/>
      <c r="ES447" s="23"/>
      <c r="ET447" s="23"/>
      <c r="EU447" s="23"/>
      <c r="EV447" s="23"/>
      <c r="EW447" s="23"/>
      <c r="EX447" s="23"/>
      <c r="EY447" s="23"/>
      <c r="EZ447" s="23"/>
      <c r="FA447" s="23"/>
      <c r="FB447" s="23"/>
      <c r="FC447" s="23"/>
      <c r="FD447" s="23"/>
      <c r="FE447" s="23"/>
      <c r="FF447" s="23"/>
      <c r="FG447" s="23"/>
      <c r="FH447" s="23"/>
      <c r="FI447" s="23"/>
      <c r="FJ447" s="23"/>
      <c r="FK447" s="23"/>
      <c r="FL447" s="23"/>
      <c r="FM447" s="23"/>
      <c r="FN447" s="23"/>
      <c r="FO447" s="23"/>
      <c r="FP447" s="23"/>
      <c r="FQ447" s="23"/>
      <c r="FR447" s="23"/>
      <c r="FS447" s="23"/>
      <c r="FT447" s="23"/>
      <c r="FU447" s="23"/>
      <c r="FV447" s="23"/>
      <c r="FW447" s="23"/>
      <c r="FX447" s="23"/>
      <c r="FY447" s="23"/>
      <c r="FZ447" s="23"/>
      <c r="GA447" s="23"/>
      <c r="GB447" s="23"/>
      <c r="GC447" s="23"/>
      <c r="GD447" s="23"/>
      <c r="GE447" s="23"/>
      <c r="GF447" s="23"/>
      <c r="GG447" s="23"/>
      <c r="GH447" s="23"/>
      <c r="GI447" s="23"/>
      <c r="GJ447" s="23"/>
      <c r="GK447" s="23"/>
      <c r="GL447" s="23"/>
      <c r="GM447" s="23"/>
      <c r="GN447" s="23"/>
      <c r="GO447" s="23"/>
      <c r="GP447" s="23"/>
      <c r="GQ447" s="23"/>
      <c r="GR447" s="23"/>
      <c r="GS447" s="23"/>
      <c r="GT447" s="23"/>
      <c r="GU447" s="23"/>
      <c r="GV447" s="23"/>
      <c r="GW447" s="23"/>
      <c r="GX447" s="23"/>
      <c r="GY447" s="23"/>
      <c r="GZ447" s="23"/>
      <c r="HA447" s="23"/>
      <c r="HB447" s="23"/>
      <c r="HC447" s="23"/>
      <c r="HD447" s="23"/>
      <c r="HE447" s="23"/>
      <c r="HF447" s="23"/>
      <c r="HG447" s="23"/>
      <c r="HH447" s="23"/>
      <c r="HI447" s="23"/>
      <c r="HJ447" s="23"/>
      <c r="HK447" s="23"/>
      <c r="HL447" s="23"/>
      <c r="HM447" s="23"/>
      <c r="HN447" s="23"/>
      <c r="HO447" s="23"/>
      <c r="HP447" s="23"/>
      <c r="HQ447" s="23"/>
      <c r="HR447" s="23"/>
      <c r="HS447" s="23"/>
      <c r="HT447" s="23"/>
      <c r="HU447" s="23"/>
      <c r="HV447" s="23"/>
      <c r="HW447" s="23"/>
      <c r="HX447" s="23"/>
      <c r="HY447" s="23"/>
      <c r="HZ447" s="23"/>
      <c r="IA447" s="23"/>
      <c r="IB447" s="23"/>
      <c r="IC447" s="23"/>
      <c r="ID447" s="23"/>
      <c r="IE447" s="23"/>
      <c r="IF447" s="23"/>
      <c r="IG447" s="23"/>
      <c r="IH447" s="23"/>
      <c r="II447" s="23"/>
      <c r="IJ447" s="23"/>
      <c r="IK447" s="23"/>
      <c r="IL447" s="23"/>
      <c r="IM447" s="23"/>
      <c r="IN447" s="23"/>
      <c r="IO447" s="23"/>
      <c r="IP447" s="23"/>
      <c r="IQ447" s="23"/>
    </row>
    <row r="448" spans="1:251" s="50" customFormat="1" ht="18.75" customHeight="1">
      <c r="A448" s="34"/>
      <c r="B448" s="47"/>
      <c r="C448" s="130"/>
      <c r="D448" s="130"/>
      <c r="E448" s="130"/>
      <c r="F448" s="130"/>
      <c r="G448" s="130"/>
      <c r="H448" s="130"/>
      <c r="I448" s="130"/>
      <c r="J448" s="130"/>
      <c r="K448" s="130"/>
      <c r="L448" s="130"/>
      <c r="M448" s="130"/>
      <c r="N448" s="130"/>
      <c r="O448" s="130"/>
      <c r="P448" s="130"/>
      <c r="Q448" s="130"/>
      <c r="R448" s="130"/>
      <c r="S448" s="130"/>
      <c r="T448" s="130"/>
      <c r="U448" s="130"/>
      <c r="V448" s="130"/>
      <c r="W448" s="130"/>
      <c r="X448" s="130"/>
      <c r="Y448" s="130"/>
      <c r="Z448" s="131"/>
      <c r="AA448" s="132"/>
      <c r="AB448" s="200"/>
      <c r="AC448" s="200"/>
      <c r="AD448" s="200"/>
      <c r="AE448" s="200"/>
      <c r="AF448" s="200"/>
      <c r="AG448" s="200"/>
      <c r="AH448" s="200"/>
      <c r="AI448" s="201"/>
      <c r="AJ448" s="132"/>
      <c r="AK448" s="196"/>
      <c r="AL448" s="196"/>
      <c r="AM448" s="196"/>
      <c r="AN448" s="196"/>
      <c r="AO448" s="196"/>
      <c r="AP448" s="196"/>
      <c r="AQ448" s="196"/>
      <c r="AR448" s="197"/>
      <c r="AS448" s="132"/>
      <c r="AT448" s="196"/>
      <c r="AU448" s="196"/>
      <c r="AV448" s="196"/>
      <c r="AW448" s="196"/>
      <c r="AX448" s="202"/>
      <c r="AY448" s="23"/>
      <c r="AZ448" s="23"/>
      <c r="BA448" s="23"/>
      <c r="BB448" s="23"/>
      <c r="BC448" s="23"/>
      <c r="BD448" s="23"/>
      <c r="BE448" s="23"/>
      <c r="BF448" s="23"/>
      <c r="BG448" s="23"/>
      <c r="BH448" s="23"/>
      <c r="BI448" s="23"/>
      <c r="BJ448" s="23"/>
      <c r="BK448" s="23"/>
      <c r="BL448" s="23"/>
      <c r="BM448" s="23"/>
      <c r="BN448" s="23"/>
      <c r="BO448" s="23"/>
      <c r="BP448" s="23"/>
      <c r="BQ448" s="23"/>
      <c r="BR448" s="23"/>
      <c r="BS448" s="23"/>
      <c r="BT448" s="23"/>
      <c r="BU448" s="23"/>
      <c r="BV448" s="23"/>
      <c r="BW448" s="23"/>
      <c r="BX448" s="23"/>
      <c r="BY448" s="23"/>
      <c r="BZ448" s="23"/>
      <c r="CA448" s="23"/>
      <c r="CB448" s="23"/>
      <c r="CC448" s="23"/>
      <c r="CD448" s="23"/>
      <c r="CE448" s="23"/>
      <c r="CF448" s="23"/>
      <c r="CG448" s="23"/>
      <c r="CH448" s="23"/>
      <c r="CI448" s="23"/>
      <c r="CJ448" s="23"/>
      <c r="CK448" s="23"/>
      <c r="CL448" s="23"/>
      <c r="CM448" s="23"/>
      <c r="CN448" s="23"/>
      <c r="CO448" s="23"/>
      <c r="CP448" s="23"/>
      <c r="CQ448" s="23"/>
      <c r="CR448" s="23"/>
      <c r="CS448" s="23"/>
      <c r="CT448" s="23"/>
      <c r="CU448" s="23"/>
      <c r="CV448" s="23"/>
      <c r="CW448" s="23"/>
      <c r="CX448" s="23"/>
      <c r="CY448" s="23"/>
      <c r="CZ448" s="23"/>
      <c r="DA448" s="23"/>
      <c r="DB448" s="23"/>
      <c r="DC448" s="23"/>
      <c r="DD448" s="23"/>
      <c r="DE448" s="23"/>
      <c r="DF448" s="23"/>
      <c r="DG448" s="23"/>
      <c r="DH448" s="23"/>
      <c r="DI448" s="23"/>
      <c r="DJ448" s="23"/>
      <c r="DK448" s="23"/>
      <c r="DL448" s="23"/>
      <c r="DM448" s="23"/>
      <c r="DN448" s="23"/>
      <c r="DO448" s="23"/>
      <c r="DP448" s="23"/>
      <c r="DQ448" s="23"/>
      <c r="DR448" s="23"/>
      <c r="DS448" s="23"/>
      <c r="DT448" s="23"/>
      <c r="DU448" s="23"/>
      <c r="DV448" s="23"/>
      <c r="DW448" s="23"/>
      <c r="DX448" s="23"/>
      <c r="DY448" s="23"/>
      <c r="DZ448" s="23"/>
      <c r="EA448" s="23"/>
      <c r="EB448" s="23"/>
      <c r="EC448" s="23"/>
      <c r="ED448" s="23"/>
      <c r="EE448" s="23"/>
      <c r="EF448" s="23"/>
      <c r="EG448" s="23"/>
      <c r="EH448" s="23"/>
      <c r="EI448" s="23"/>
      <c r="EJ448" s="23"/>
      <c r="EK448" s="23"/>
      <c r="EL448" s="23"/>
      <c r="EM448" s="23"/>
      <c r="EN448" s="23"/>
      <c r="EO448" s="23"/>
      <c r="EP448" s="23"/>
      <c r="EQ448" s="23"/>
      <c r="ER448" s="23"/>
      <c r="ES448" s="23"/>
      <c r="ET448" s="23"/>
      <c r="EU448" s="23"/>
      <c r="EV448" s="23"/>
      <c r="EW448" s="23"/>
      <c r="EX448" s="23"/>
      <c r="EY448" s="23"/>
      <c r="EZ448" s="23"/>
      <c r="FA448" s="23"/>
      <c r="FB448" s="23"/>
      <c r="FC448" s="23"/>
      <c r="FD448" s="23"/>
      <c r="FE448" s="23"/>
      <c r="FF448" s="23"/>
      <c r="FG448" s="23"/>
      <c r="FH448" s="23"/>
      <c r="FI448" s="23"/>
      <c r="FJ448" s="23"/>
      <c r="FK448" s="23"/>
      <c r="FL448" s="23"/>
      <c r="FM448" s="23"/>
      <c r="FN448" s="23"/>
      <c r="FO448" s="23"/>
      <c r="FP448" s="23"/>
      <c r="FQ448" s="23"/>
      <c r="FR448" s="23"/>
      <c r="FS448" s="23"/>
      <c r="FT448" s="23"/>
      <c r="FU448" s="23"/>
      <c r="FV448" s="23"/>
      <c r="FW448" s="23"/>
      <c r="FX448" s="23"/>
      <c r="FY448" s="23"/>
      <c r="FZ448" s="23"/>
      <c r="GA448" s="23"/>
      <c r="GB448" s="23"/>
      <c r="GC448" s="23"/>
      <c r="GD448" s="23"/>
      <c r="GE448" s="23"/>
      <c r="GF448" s="23"/>
      <c r="GG448" s="23"/>
      <c r="GH448" s="23"/>
      <c r="GI448" s="23"/>
      <c r="GJ448" s="23"/>
      <c r="GK448" s="23"/>
      <c r="GL448" s="23"/>
      <c r="GM448" s="23"/>
      <c r="GN448" s="23"/>
      <c r="GO448" s="23"/>
      <c r="GP448" s="23"/>
      <c r="GQ448" s="23"/>
      <c r="GR448" s="23"/>
      <c r="GS448" s="23"/>
      <c r="GT448" s="23"/>
      <c r="GU448" s="23"/>
      <c r="GV448" s="23"/>
      <c r="GW448" s="23"/>
      <c r="GX448" s="23"/>
      <c r="GY448" s="23"/>
      <c r="GZ448" s="23"/>
      <c r="HA448" s="23"/>
      <c r="HB448" s="23"/>
      <c r="HC448" s="23"/>
      <c r="HD448" s="23"/>
      <c r="HE448" s="23"/>
      <c r="HF448" s="23"/>
      <c r="HG448" s="23"/>
      <c r="HH448" s="23"/>
      <c r="HI448" s="23"/>
      <c r="HJ448" s="23"/>
      <c r="HK448" s="23"/>
      <c r="HL448" s="23"/>
      <c r="HM448" s="23"/>
      <c r="HN448" s="23"/>
      <c r="HO448" s="23"/>
      <c r="HP448" s="23"/>
      <c r="HQ448" s="23"/>
      <c r="HR448" s="23"/>
      <c r="HS448" s="23"/>
      <c r="HT448" s="23"/>
      <c r="HU448" s="23"/>
      <c r="HV448" s="23"/>
      <c r="HW448" s="23"/>
      <c r="HX448" s="23"/>
      <c r="HY448" s="23"/>
      <c r="HZ448" s="23"/>
      <c r="IA448" s="23"/>
      <c r="IB448" s="23"/>
      <c r="IC448" s="23"/>
      <c r="ID448" s="23"/>
      <c r="IE448" s="23"/>
      <c r="IF448" s="23"/>
      <c r="IG448" s="23"/>
      <c r="IH448" s="23"/>
      <c r="II448" s="23"/>
      <c r="IJ448" s="23"/>
      <c r="IK448" s="23"/>
      <c r="IL448" s="23"/>
      <c r="IM448" s="23"/>
      <c r="IN448" s="23"/>
      <c r="IO448" s="23"/>
      <c r="IP448" s="23"/>
      <c r="IQ448" s="23"/>
    </row>
    <row r="449" spans="1:251" s="50" customFormat="1" ht="18.75" customHeight="1">
      <c r="A449" s="34"/>
      <c r="B449" s="47"/>
      <c r="C449" s="130"/>
      <c r="D449" s="130"/>
      <c r="E449" s="130"/>
      <c r="F449" s="130"/>
      <c r="G449" s="130"/>
      <c r="H449" s="130"/>
      <c r="I449" s="130"/>
      <c r="J449" s="130"/>
      <c r="K449" s="130"/>
      <c r="L449" s="130"/>
      <c r="M449" s="130"/>
      <c r="N449" s="130"/>
      <c r="O449" s="130"/>
      <c r="P449" s="130"/>
      <c r="Q449" s="130"/>
      <c r="R449" s="130"/>
      <c r="S449" s="130"/>
      <c r="T449" s="130"/>
      <c r="U449" s="130"/>
      <c r="V449" s="130"/>
      <c r="W449" s="130"/>
      <c r="X449" s="130"/>
      <c r="Y449" s="130"/>
      <c r="Z449" s="131"/>
      <c r="AA449" s="132"/>
      <c r="AB449" s="200"/>
      <c r="AC449" s="200"/>
      <c r="AD449" s="200"/>
      <c r="AE449" s="200"/>
      <c r="AF449" s="200"/>
      <c r="AG449" s="200"/>
      <c r="AH449" s="200"/>
      <c r="AI449" s="201"/>
      <c r="AJ449" s="132"/>
      <c r="AK449" s="196"/>
      <c r="AL449" s="196"/>
      <c r="AM449" s="196"/>
      <c r="AN449" s="196"/>
      <c r="AO449" s="196"/>
      <c r="AP449" s="196"/>
      <c r="AQ449" s="196"/>
      <c r="AR449" s="197"/>
      <c r="AS449" s="132"/>
      <c r="AT449" s="196"/>
      <c r="AU449" s="196"/>
      <c r="AV449" s="196"/>
      <c r="AW449" s="196"/>
      <c r="AX449" s="202"/>
      <c r="AY449" s="23"/>
      <c r="AZ449" s="23"/>
      <c r="BA449" s="23"/>
      <c r="BB449" s="23"/>
      <c r="BC449" s="23"/>
      <c r="BD449" s="23"/>
      <c r="BE449" s="23"/>
      <c r="BF449" s="23"/>
      <c r="BG449" s="23"/>
      <c r="BH449" s="23"/>
      <c r="BI449" s="23"/>
      <c r="BJ449" s="23"/>
      <c r="BK449" s="23"/>
      <c r="BL449" s="23"/>
      <c r="BM449" s="23"/>
      <c r="BN449" s="23"/>
      <c r="BO449" s="23"/>
      <c r="BP449" s="23"/>
      <c r="BQ449" s="23"/>
      <c r="BR449" s="23"/>
      <c r="BS449" s="23"/>
      <c r="BT449" s="23"/>
      <c r="BU449" s="23"/>
      <c r="BV449" s="23"/>
      <c r="BW449" s="23"/>
      <c r="BX449" s="23"/>
      <c r="BY449" s="23"/>
      <c r="BZ449" s="23"/>
      <c r="CA449" s="23"/>
      <c r="CB449" s="23"/>
      <c r="CC449" s="23"/>
      <c r="CD449" s="23"/>
      <c r="CE449" s="23"/>
      <c r="CF449" s="23"/>
      <c r="CG449" s="23"/>
      <c r="CH449" s="23"/>
      <c r="CI449" s="23"/>
      <c r="CJ449" s="23"/>
      <c r="CK449" s="23"/>
      <c r="CL449" s="23"/>
      <c r="CM449" s="23"/>
      <c r="CN449" s="23"/>
      <c r="CO449" s="23"/>
      <c r="CP449" s="23"/>
      <c r="CQ449" s="23"/>
      <c r="CR449" s="23"/>
      <c r="CS449" s="23"/>
      <c r="CT449" s="23"/>
      <c r="CU449" s="23"/>
      <c r="CV449" s="23"/>
      <c r="CW449" s="23"/>
      <c r="CX449" s="23"/>
      <c r="CY449" s="23"/>
      <c r="CZ449" s="23"/>
      <c r="DA449" s="23"/>
      <c r="DB449" s="23"/>
      <c r="DC449" s="23"/>
      <c r="DD449" s="23"/>
      <c r="DE449" s="23"/>
      <c r="DF449" s="23"/>
      <c r="DG449" s="23"/>
      <c r="DH449" s="23"/>
      <c r="DI449" s="23"/>
      <c r="DJ449" s="23"/>
      <c r="DK449" s="23"/>
      <c r="DL449" s="23"/>
      <c r="DM449" s="23"/>
      <c r="DN449" s="23"/>
      <c r="DO449" s="23"/>
      <c r="DP449" s="23"/>
      <c r="DQ449" s="23"/>
      <c r="DR449" s="23"/>
      <c r="DS449" s="23"/>
      <c r="DT449" s="23"/>
      <c r="DU449" s="23"/>
      <c r="DV449" s="23"/>
      <c r="DW449" s="23"/>
      <c r="DX449" s="23"/>
      <c r="DY449" s="23"/>
      <c r="DZ449" s="23"/>
      <c r="EA449" s="23"/>
      <c r="EB449" s="23"/>
      <c r="EC449" s="23"/>
      <c r="ED449" s="23"/>
      <c r="EE449" s="23"/>
      <c r="EF449" s="23"/>
      <c r="EG449" s="23"/>
      <c r="EH449" s="23"/>
      <c r="EI449" s="23"/>
      <c r="EJ449" s="23"/>
      <c r="EK449" s="23"/>
      <c r="EL449" s="23"/>
      <c r="EM449" s="23"/>
      <c r="EN449" s="23"/>
      <c r="EO449" s="23"/>
      <c r="EP449" s="23"/>
      <c r="EQ449" s="23"/>
      <c r="ER449" s="23"/>
      <c r="ES449" s="23"/>
      <c r="ET449" s="23"/>
      <c r="EU449" s="23"/>
      <c r="EV449" s="23"/>
      <c r="EW449" s="23"/>
      <c r="EX449" s="23"/>
      <c r="EY449" s="23"/>
      <c r="EZ449" s="23"/>
      <c r="FA449" s="23"/>
      <c r="FB449" s="23"/>
      <c r="FC449" s="23"/>
      <c r="FD449" s="23"/>
      <c r="FE449" s="23"/>
      <c r="FF449" s="23"/>
      <c r="FG449" s="23"/>
      <c r="FH449" s="23"/>
      <c r="FI449" s="23"/>
      <c r="FJ449" s="23"/>
      <c r="FK449" s="23"/>
      <c r="FL449" s="23"/>
      <c r="FM449" s="23"/>
      <c r="FN449" s="23"/>
      <c r="FO449" s="23"/>
      <c r="FP449" s="23"/>
      <c r="FQ449" s="23"/>
      <c r="FR449" s="23"/>
      <c r="FS449" s="23"/>
      <c r="FT449" s="23"/>
      <c r="FU449" s="23"/>
      <c r="FV449" s="23"/>
      <c r="FW449" s="23"/>
      <c r="FX449" s="23"/>
      <c r="FY449" s="23"/>
      <c r="FZ449" s="23"/>
      <c r="GA449" s="23"/>
      <c r="GB449" s="23"/>
      <c r="GC449" s="23"/>
      <c r="GD449" s="23"/>
      <c r="GE449" s="23"/>
      <c r="GF449" s="23"/>
      <c r="GG449" s="23"/>
      <c r="GH449" s="23"/>
      <c r="GI449" s="23"/>
      <c r="GJ449" s="23"/>
      <c r="GK449" s="23"/>
      <c r="GL449" s="23"/>
      <c r="GM449" s="23"/>
      <c r="GN449" s="23"/>
      <c r="GO449" s="23"/>
      <c r="GP449" s="23"/>
      <c r="GQ449" s="23"/>
      <c r="GR449" s="23"/>
      <c r="GS449" s="23"/>
      <c r="GT449" s="23"/>
      <c r="GU449" s="23"/>
      <c r="GV449" s="23"/>
      <c r="GW449" s="23"/>
      <c r="GX449" s="23"/>
      <c r="GY449" s="23"/>
      <c r="GZ449" s="23"/>
      <c r="HA449" s="23"/>
      <c r="HB449" s="23"/>
      <c r="HC449" s="23"/>
      <c r="HD449" s="23"/>
      <c r="HE449" s="23"/>
      <c r="HF449" s="23"/>
      <c r="HG449" s="23"/>
      <c r="HH449" s="23"/>
      <c r="HI449" s="23"/>
      <c r="HJ449" s="23"/>
      <c r="HK449" s="23"/>
      <c r="HL449" s="23"/>
      <c r="HM449" s="23"/>
      <c r="HN449" s="23"/>
      <c r="HO449" s="23"/>
      <c r="HP449" s="23"/>
      <c r="HQ449" s="23"/>
      <c r="HR449" s="23"/>
      <c r="HS449" s="23"/>
      <c r="HT449" s="23"/>
      <c r="HU449" s="23"/>
      <c r="HV449" s="23"/>
      <c r="HW449" s="23"/>
      <c r="HX449" s="23"/>
      <c r="HY449" s="23"/>
      <c r="HZ449" s="23"/>
      <c r="IA449" s="23"/>
      <c r="IB449" s="23"/>
      <c r="IC449" s="23"/>
      <c r="ID449" s="23"/>
      <c r="IE449" s="23"/>
      <c r="IF449" s="23"/>
      <c r="IG449" s="23"/>
      <c r="IH449" s="23"/>
      <c r="II449" s="23"/>
      <c r="IJ449" s="23"/>
      <c r="IK449" s="23"/>
      <c r="IL449" s="23"/>
      <c r="IM449" s="23"/>
      <c r="IN449" s="23"/>
      <c r="IO449" s="23"/>
      <c r="IP449" s="23"/>
      <c r="IQ449" s="23"/>
    </row>
    <row r="450" spans="1:251" s="50" customFormat="1" ht="18.75" customHeight="1">
      <c r="A450" s="34"/>
      <c r="B450" s="48"/>
      <c r="C450" s="130"/>
      <c r="D450" s="130"/>
      <c r="E450" s="130"/>
      <c r="F450" s="130"/>
      <c r="G450" s="130"/>
      <c r="H450" s="130"/>
      <c r="I450" s="130"/>
      <c r="J450" s="130"/>
      <c r="K450" s="130"/>
      <c r="L450" s="130"/>
      <c r="M450" s="130"/>
      <c r="N450" s="130"/>
      <c r="O450" s="130"/>
      <c r="P450" s="130"/>
      <c r="Q450" s="130"/>
      <c r="R450" s="130"/>
      <c r="S450" s="130"/>
      <c r="T450" s="130"/>
      <c r="U450" s="130"/>
      <c r="V450" s="130"/>
      <c r="W450" s="130"/>
      <c r="X450" s="130"/>
      <c r="Y450" s="130"/>
      <c r="Z450" s="131"/>
      <c r="AA450" s="132"/>
      <c r="AB450" s="200"/>
      <c r="AC450" s="200"/>
      <c r="AD450" s="200"/>
      <c r="AE450" s="200"/>
      <c r="AF450" s="200"/>
      <c r="AG450" s="200"/>
      <c r="AH450" s="200"/>
      <c r="AI450" s="201"/>
      <c r="AJ450" s="132"/>
      <c r="AK450" s="196"/>
      <c r="AL450" s="196"/>
      <c r="AM450" s="196"/>
      <c r="AN450" s="196"/>
      <c r="AO450" s="196"/>
      <c r="AP450" s="196"/>
      <c r="AQ450" s="196"/>
      <c r="AR450" s="197"/>
      <c r="AS450" s="136"/>
      <c r="AT450" s="198"/>
      <c r="AU450" s="198"/>
      <c r="AV450" s="198"/>
      <c r="AW450" s="198"/>
      <c r="AX450" s="199"/>
      <c r="AY450" s="23"/>
      <c r="AZ450" s="23"/>
      <c r="BA450" s="23"/>
      <c r="BB450" s="23"/>
      <c r="BC450" s="23"/>
      <c r="BD450" s="23"/>
      <c r="BE450" s="23"/>
      <c r="BF450" s="23"/>
      <c r="BG450" s="23"/>
      <c r="BH450" s="23"/>
      <c r="BI450" s="23"/>
      <c r="BJ450" s="23"/>
      <c r="BK450" s="23"/>
      <c r="BL450" s="23"/>
      <c r="BM450" s="23"/>
      <c r="BN450" s="23"/>
      <c r="BO450" s="23"/>
      <c r="BP450" s="23"/>
      <c r="BQ450" s="23"/>
      <c r="BR450" s="23"/>
      <c r="BS450" s="23"/>
      <c r="BT450" s="23"/>
      <c r="BU450" s="23"/>
      <c r="BV450" s="23"/>
      <c r="BW450" s="23"/>
      <c r="BX450" s="23"/>
      <c r="BY450" s="23"/>
      <c r="BZ450" s="23"/>
      <c r="CA450" s="23"/>
      <c r="CB450" s="23"/>
      <c r="CC450" s="23"/>
      <c r="CD450" s="23"/>
      <c r="CE450" s="23"/>
      <c r="CF450" s="23"/>
      <c r="CG450" s="23"/>
      <c r="CH450" s="23"/>
      <c r="CI450" s="23"/>
      <c r="CJ450" s="23"/>
      <c r="CK450" s="23"/>
      <c r="CL450" s="23"/>
      <c r="CM450" s="23"/>
      <c r="CN450" s="23"/>
      <c r="CO450" s="23"/>
      <c r="CP450" s="23"/>
      <c r="CQ450" s="23"/>
      <c r="CR450" s="23"/>
      <c r="CS450" s="23"/>
      <c r="CT450" s="23"/>
      <c r="CU450" s="23"/>
      <c r="CV450" s="23"/>
      <c r="CW450" s="23"/>
      <c r="CX450" s="23"/>
      <c r="CY450" s="23"/>
      <c r="CZ450" s="23"/>
      <c r="DA450" s="23"/>
      <c r="DB450" s="23"/>
      <c r="DC450" s="23"/>
      <c r="DD450" s="23"/>
      <c r="DE450" s="23"/>
      <c r="DF450" s="23"/>
      <c r="DG450" s="23"/>
      <c r="DH450" s="23"/>
      <c r="DI450" s="23"/>
      <c r="DJ450" s="23"/>
      <c r="DK450" s="23"/>
      <c r="DL450" s="23"/>
      <c r="DM450" s="23"/>
      <c r="DN450" s="23"/>
      <c r="DO450" s="23"/>
      <c r="DP450" s="23"/>
      <c r="DQ450" s="23"/>
      <c r="DR450" s="23"/>
      <c r="DS450" s="23"/>
      <c r="DT450" s="23"/>
      <c r="DU450" s="23"/>
      <c r="DV450" s="23"/>
      <c r="DW450" s="23"/>
      <c r="DX450" s="23"/>
      <c r="DY450" s="23"/>
      <c r="DZ450" s="23"/>
      <c r="EA450" s="23"/>
      <c r="EB450" s="23"/>
      <c r="EC450" s="23"/>
      <c r="ED450" s="23"/>
      <c r="EE450" s="23"/>
      <c r="EF450" s="23"/>
      <c r="EG450" s="23"/>
      <c r="EH450" s="23"/>
      <c r="EI450" s="23"/>
      <c r="EJ450" s="23"/>
      <c r="EK450" s="23"/>
      <c r="EL450" s="23"/>
      <c r="EM450" s="23"/>
      <c r="EN450" s="23"/>
      <c r="EO450" s="23"/>
      <c r="EP450" s="23"/>
      <c r="EQ450" s="23"/>
      <c r="ER450" s="23"/>
      <c r="ES450" s="23"/>
      <c r="ET450" s="23"/>
      <c r="EU450" s="23"/>
      <c r="EV450" s="23"/>
      <c r="EW450" s="23"/>
      <c r="EX450" s="23"/>
      <c r="EY450" s="23"/>
      <c r="EZ450" s="23"/>
      <c r="FA450" s="23"/>
      <c r="FB450" s="23"/>
      <c r="FC450" s="23"/>
      <c r="FD450" s="23"/>
      <c r="FE450" s="23"/>
      <c r="FF450" s="23"/>
      <c r="FG450" s="23"/>
      <c r="FH450" s="23"/>
      <c r="FI450" s="23"/>
      <c r="FJ450" s="23"/>
      <c r="FK450" s="23"/>
      <c r="FL450" s="23"/>
      <c r="FM450" s="23"/>
      <c r="FN450" s="23"/>
      <c r="FO450" s="23"/>
      <c r="FP450" s="23"/>
      <c r="FQ450" s="23"/>
      <c r="FR450" s="23"/>
      <c r="FS450" s="23"/>
      <c r="FT450" s="23"/>
      <c r="FU450" s="23"/>
      <c r="FV450" s="23"/>
      <c r="FW450" s="23"/>
      <c r="FX450" s="23"/>
      <c r="FY450" s="23"/>
      <c r="FZ450" s="23"/>
      <c r="GA450" s="23"/>
      <c r="GB450" s="23"/>
      <c r="GC450" s="23"/>
      <c r="GD450" s="23"/>
      <c r="GE450" s="23"/>
      <c r="GF450" s="23"/>
      <c r="GG450" s="23"/>
      <c r="GH450" s="23"/>
      <c r="GI450" s="23"/>
      <c r="GJ450" s="23"/>
      <c r="GK450" s="23"/>
      <c r="GL450" s="23"/>
      <c r="GM450" s="23"/>
      <c r="GN450" s="23"/>
      <c r="GO450" s="23"/>
      <c r="GP450" s="23"/>
      <c r="GQ450" s="23"/>
      <c r="GR450" s="23"/>
      <c r="GS450" s="23"/>
      <c r="GT450" s="23"/>
      <c r="GU450" s="23"/>
      <c r="GV450" s="23"/>
      <c r="GW450" s="23"/>
      <c r="GX450" s="23"/>
      <c r="GY450" s="23"/>
      <c r="GZ450" s="23"/>
      <c r="HA450" s="23"/>
      <c r="HB450" s="23"/>
      <c r="HC450" s="23"/>
      <c r="HD450" s="23"/>
      <c r="HE450" s="23"/>
      <c r="HF450" s="23"/>
      <c r="HG450" s="23"/>
      <c r="HH450" s="23"/>
      <c r="HI450" s="23"/>
      <c r="HJ450" s="23"/>
      <c r="HK450" s="23"/>
      <c r="HL450" s="23"/>
      <c r="HM450" s="23"/>
      <c r="HN450" s="23"/>
      <c r="HO450" s="23"/>
      <c r="HP450" s="23"/>
      <c r="HQ450" s="23"/>
      <c r="HR450" s="23"/>
      <c r="HS450" s="23"/>
      <c r="HT450" s="23"/>
      <c r="HU450" s="23"/>
      <c r="HV450" s="23"/>
      <c r="HW450" s="23"/>
      <c r="HX450" s="23"/>
      <c r="HY450" s="23"/>
      <c r="HZ450" s="23"/>
      <c r="IA450" s="23"/>
      <c r="IB450" s="23"/>
      <c r="IC450" s="23"/>
      <c r="ID450" s="23"/>
      <c r="IE450" s="23"/>
      <c r="IF450" s="23"/>
      <c r="IG450" s="23"/>
      <c r="IH450" s="23"/>
      <c r="II450" s="23"/>
      <c r="IJ450" s="23"/>
      <c r="IK450" s="23"/>
      <c r="IL450" s="23"/>
      <c r="IM450" s="23"/>
      <c r="IN450" s="23"/>
      <c r="IO450" s="23"/>
      <c r="IP450" s="23"/>
      <c r="IQ450" s="23"/>
    </row>
    <row r="451" spans="1:251" s="50" customFormat="1" ht="18.75" customHeight="1">
      <c r="A451" s="34"/>
      <c r="B451" s="47"/>
      <c r="C451" s="130"/>
      <c r="D451" s="130"/>
      <c r="E451" s="130"/>
      <c r="F451" s="130"/>
      <c r="G451" s="130"/>
      <c r="H451" s="130"/>
      <c r="I451" s="130"/>
      <c r="J451" s="130"/>
      <c r="K451" s="130"/>
      <c r="L451" s="130"/>
      <c r="M451" s="130"/>
      <c r="N451" s="130"/>
      <c r="O451" s="130"/>
      <c r="P451" s="130"/>
      <c r="Q451" s="130"/>
      <c r="R451" s="130"/>
      <c r="S451" s="130"/>
      <c r="T451" s="130"/>
      <c r="U451" s="130"/>
      <c r="V451" s="130"/>
      <c r="W451" s="130"/>
      <c r="X451" s="130"/>
      <c r="Y451" s="130"/>
      <c r="Z451" s="131"/>
      <c r="AA451" s="132"/>
      <c r="AB451" s="200"/>
      <c r="AC451" s="200"/>
      <c r="AD451" s="200"/>
      <c r="AE451" s="200"/>
      <c r="AF451" s="200"/>
      <c r="AG451" s="200"/>
      <c r="AH451" s="200"/>
      <c r="AI451" s="201"/>
      <c r="AJ451" s="132"/>
      <c r="AK451" s="196"/>
      <c r="AL451" s="196"/>
      <c r="AM451" s="196"/>
      <c r="AN451" s="196"/>
      <c r="AO451" s="196"/>
      <c r="AP451" s="196"/>
      <c r="AQ451" s="196"/>
      <c r="AR451" s="197"/>
      <c r="AS451" s="132"/>
      <c r="AT451" s="196"/>
      <c r="AU451" s="196"/>
      <c r="AV451" s="196"/>
      <c r="AW451" s="196"/>
      <c r="AX451" s="202"/>
      <c r="AY451" s="23"/>
      <c r="AZ451" s="23"/>
      <c r="BA451" s="23"/>
      <c r="BB451" s="23"/>
      <c r="BC451" s="23"/>
      <c r="BD451" s="23"/>
      <c r="BE451" s="23"/>
      <c r="BF451" s="23"/>
      <c r="BG451" s="23"/>
      <c r="BH451" s="23"/>
      <c r="BI451" s="23"/>
      <c r="BJ451" s="23"/>
      <c r="BK451" s="23"/>
      <c r="BL451" s="23"/>
      <c r="BM451" s="23"/>
      <c r="BN451" s="23"/>
      <c r="BO451" s="23"/>
      <c r="BP451" s="23"/>
      <c r="BQ451" s="23"/>
      <c r="BR451" s="23"/>
      <c r="BS451" s="23"/>
      <c r="BT451" s="23"/>
      <c r="BU451" s="23"/>
      <c r="BV451" s="23"/>
      <c r="BW451" s="23"/>
      <c r="BX451" s="23"/>
      <c r="BY451" s="23"/>
      <c r="BZ451" s="23"/>
      <c r="CA451" s="23"/>
      <c r="CB451" s="23"/>
      <c r="CC451" s="23"/>
      <c r="CD451" s="23"/>
      <c r="CE451" s="23"/>
      <c r="CF451" s="23"/>
      <c r="CG451" s="23"/>
      <c r="CH451" s="23"/>
      <c r="CI451" s="23"/>
      <c r="CJ451" s="23"/>
      <c r="CK451" s="23"/>
      <c r="CL451" s="23"/>
      <c r="CM451" s="23"/>
      <c r="CN451" s="23"/>
      <c r="CO451" s="23"/>
      <c r="CP451" s="23"/>
      <c r="CQ451" s="23"/>
      <c r="CR451" s="23"/>
      <c r="CS451" s="23"/>
      <c r="CT451" s="23"/>
      <c r="CU451" s="23"/>
      <c r="CV451" s="23"/>
      <c r="CW451" s="23"/>
      <c r="CX451" s="23"/>
      <c r="CY451" s="23"/>
      <c r="CZ451" s="23"/>
      <c r="DA451" s="23"/>
      <c r="DB451" s="23"/>
      <c r="DC451" s="23"/>
      <c r="DD451" s="23"/>
      <c r="DE451" s="23"/>
      <c r="DF451" s="23"/>
      <c r="DG451" s="23"/>
      <c r="DH451" s="23"/>
      <c r="DI451" s="23"/>
      <c r="DJ451" s="23"/>
      <c r="DK451" s="23"/>
      <c r="DL451" s="23"/>
      <c r="DM451" s="23"/>
      <c r="DN451" s="23"/>
      <c r="DO451" s="23"/>
      <c r="DP451" s="23"/>
      <c r="DQ451" s="23"/>
      <c r="DR451" s="23"/>
      <c r="DS451" s="23"/>
      <c r="DT451" s="23"/>
      <c r="DU451" s="23"/>
      <c r="DV451" s="23"/>
      <c r="DW451" s="23"/>
      <c r="DX451" s="23"/>
      <c r="DY451" s="23"/>
      <c r="DZ451" s="23"/>
      <c r="EA451" s="23"/>
      <c r="EB451" s="23"/>
      <c r="EC451" s="23"/>
      <c r="ED451" s="23"/>
      <c r="EE451" s="23"/>
      <c r="EF451" s="23"/>
      <c r="EG451" s="23"/>
      <c r="EH451" s="23"/>
      <c r="EI451" s="23"/>
      <c r="EJ451" s="23"/>
      <c r="EK451" s="23"/>
      <c r="EL451" s="23"/>
      <c r="EM451" s="23"/>
      <c r="EN451" s="23"/>
      <c r="EO451" s="23"/>
      <c r="EP451" s="23"/>
      <c r="EQ451" s="23"/>
      <c r="ER451" s="23"/>
      <c r="ES451" s="23"/>
      <c r="ET451" s="23"/>
      <c r="EU451" s="23"/>
      <c r="EV451" s="23"/>
      <c r="EW451" s="23"/>
      <c r="EX451" s="23"/>
      <c r="EY451" s="23"/>
      <c r="EZ451" s="23"/>
      <c r="FA451" s="23"/>
      <c r="FB451" s="23"/>
      <c r="FC451" s="23"/>
      <c r="FD451" s="23"/>
      <c r="FE451" s="23"/>
      <c r="FF451" s="23"/>
      <c r="FG451" s="23"/>
      <c r="FH451" s="23"/>
      <c r="FI451" s="23"/>
      <c r="FJ451" s="23"/>
      <c r="FK451" s="23"/>
      <c r="FL451" s="23"/>
      <c r="FM451" s="23"/>
      <c r="FN451" s="23"/>
      <c r="FO451" s="23"/>
      <c r="FP451" s="23"/>
      <c r="FQ451" s="23"/>
      <c r="FR451" s="23"/>
      <c r="FS451" s="23"/>
      <c r="FT451" s="23"/>
      <c r="FU451" s="23"/>
      <c r="FV451" s="23"/>
      <c r="FW451" s="23"/>
      <c r="FX451" s="23"/>
      <c r="FY451" s="23"/>
      <c r="FZ451" s="23"/>
      <c r="GA451" s="23"/>
      <c r="GB451" s="23"/>
      <c r="GC451" s="23"/>
      <c r="GD451" s="23"/>
      <c r="GE451" s="23"/>
      <c r="GF451" s="23"/>
      <c r="GG451" s="23"/>
      <c r="GH451" s="23"/>
      <c r="GI451" s="23"/>
      <c r="GJ451" s="23"/>
      <c r="GK451" s="23"/>
      <c r="GL451" s="23"/>
      <c r="GM451" s="23"/>
      <c r="GN451" s="23"/>
      <c r="GO451" s="23"/>
      <c r="GP451" s="23"/>
      <c r="GQ451" s="23"/>
      <c r="GR451" s="23"/>
      <c r="GS451" s="23"/>
      <c r="GT451" s="23"/>
      <c r="GU451" s="23"/>
      <c r="GV451" s="23"/>
      <c r="GW451" s="23"/>
      <c r="GX451" s="23"/>
      <c r="GY451" s="23"/>
      <c r="GZ451" s="23"/>
      <c r="HA451" s="23"/>
      <c r="HB451" s="23"/>
      <c r="HC451" s="23"/>
      <c r="HD451" s="23"/>
      <c r="HE451" s="23"/>
      <c r="HF451" s="23"/>
      <c r="HG451" s="23"/>
      <c r="HH451" s="23"/>
      <c r="HI451" s="23"/>
      <c r="HJ451" s="23"/>
      <c r="HK451" s="23"/>
      <c r="HL451" s="23"/>
      <c r="HM451" s="23"/>
      <c r="HN451" s="23"/>
      <c r="HO451" s="23"/>
      <c r="HP451" s="23"/>
      <c r="HQ451" s="23"/>
      <c r="HR451" s="23"/>
      <c r="HS451" s="23"/>
      <c r="HT451" s="23"/>
      <c r="HU451" s="23"/>
      <c r="HV451" s="23"/>
      <c r="HW451" s="23"/>
      <c r="HX451" s="23"/>
      <c r="HY451" s="23"/>
      <c r="HZ451" s="23"/>
      <c r="IA451" s="23"/>
      <c r="IB451" s="23"/>
      <c r="IC451" s="23"/>
      <c r="ID451" s="23"/>
      <c r="IE451" s="23"/>
      <c r="IF451" s="23"/>
      <c r="IG451" s="23"/>
      <c r="IH451" s="23"/>
      <c r="II451" s="23"/>
      <c r="IJ451" s="23"/>
      <c r="IK451" s="23"/>
      <c r="IL451" s="23"/>
      <c r="IM451" s="23"/>
      <c r="IN451" s="23"/>
      <c r="IO451" s="23"/>
      <c r="IP451" s="23"/>
      <c r="IQ451" s="23"/>
    </row>
    <row r="452" spans="1:251" s="50" customFormat="1" ht="18.75" customHeight="1">
      <c r="A452" s="34"/>
      <c r="B452" s="48"/>
      <c r="C452" s="130"/>
      <c r="D452" s="130"/>
      <c r="E452" s="130"/>
      <c r="F452" s="130"/>
      <c r="G452" s="130"/>
      <c r="H452" s="130"/>
      <c r="I452" s="130"/>
      <c r="J452" s="130"/>
      <c r="K452" s="130"/>
      <c r="L452" s="130"/>
      <c r="M452" s="130"/>
      <c r="N452" s="130"/>
      <c r="O452" s="130"/>
      <c r="P452" s="130"/>
      <c r="Q452" s="130"/>
      <c r="R452" s="130"/>
      <c r="S452" s="130"/>
      <c r="T452" s="130"/>
      <c r="U452" s="130"/>
      <c r="V452" s="130"/>
      <c r="W452" s="130"/>
      <c r="X452" s="130"/>
      <c r="Y452" s="130"/>
      <c r="Z452" s="131"/>
      <c r="AA452" s="132"/>
      <c r="AB452" s="200"/>
      <c r="AC452" s="200"/>
      <c r="AD452" s="200"/>
      <c r="AE452" s="200"/>
      <c r="AF452" s="200"/>
      <c r="AG452" s="200"/>
      <c r="AH452" s="200"/>
      <c r="AI452" s="201"/>
      <c r="AJ452" s="132"/>
      <c r="AK452" s="133"/>
      <c r="AL452" s="133"/>
      <c r="AM452" s="133"/>
      <c r="AN452" s="133"/>
      <c r="AO452" s="133"/>
      <c r="AP452" s="133"/>
      <c r="AQ452" s="133"/>
      <c r="AR452" s="134"/>
      <c r="AS452" s="132"/>
      <c r="AT452" s="196"/>
      <c r="AU452" s="196"/>
      <c r="AV452" s="196"/>
      <c r="AW452" s="196"/>
      <c r="AX452" s="202"/>
      <c r="AY452" s="23"/>
      <c r="AZ452" s="23"/>
      <c r="BA452" s="23"/>
      <c r="BB452" s="23"/>
      <c r="BC452" s="23"/>
      <c r="BD452" s="23"/>
      <c r="BE452" s="23"/>
      <c r="BF452" s="23"/>
      <c r="BG452" s="23"/>
      <c r="BH452" s="23"/>
      <c r="BI452" s="23"/>
      <c r="BJ452" s="23"/>
      <c r="BK452" s="23"/>
      <c r="BL452" s="23"/>
      <c r="BM452" s="23"/>
      <c r="BN452" s="23"/>
      <c r="BO452" s="23"/>
      <c r="BP452" s="23"/>
      <c r="BQ452" s="23"/>
      <c r="BR452" s="23"/>
      <c r="BS452" s="23"/>
      <c r="BT452" s="23"/>
      <c r="BU452" s="23"/>
      <c r="BV452" s="23"/>
      <c r="BW452" s="23"/>
      <c r="BX452" s="23"/>
      <c r="BY452" s="23"/>
      <c r="BZ452" s="23"/>
      <c r="CA452" s="23"/>
      <c r="CB452" s="23"/>
      <c r="CC452" s="23"/>
      <c r="CD452" s="23"/>
      <c r="CE452" s="23"/>
      <c r="CF452" s="23"/>
      <c r="CG452" s="23"/>
      <c r="CH452" s="23"/>
      <c r="CI452" s="23"/>
      <c r="CJ452" s="23"/>
      <c r="CK452" s="23"/>
      <c r="CL452" s="23"/>
      <c r="CM452" s="23"/>
      <c r="CN452" s="23"/>
      <c r="CO452" s="23"/>
      <c r="CP452" s="23"/>
      <c r="CQ452" s="23"/>
      <c r="CR452" s="23"/>
      <c r="CS452" s="23"/>
      <c r="CT452" s="23"/>
      <c r="CU452" s="23"/>
      <c r="CV452" s="23"/>
      <c r="CW452" s="23"/>
      <c r="CX452" s="23"/>
      <c r="CY452" s="23"/>
      <c r="CZ452" s="23"/>
      <c r="DA452" s="23"/>
      <c r="DB452" s="23"/>
      <c r="DC452" s="23"/>
      <c r="DD452" s="23"/>
      <c r="DE452" s="23"/>
      <c r="DF452" s="23"/>
      <c r="DG452" s="23"/>
      <c r="DH452" s="23"/>
      <c r="DI452" s="23"/>
      <c r="DJ452" s="23"/>
      <c r="DK452" s="23"/>
      <c r="DL452" s="23"/>
      <c r="DM452" s="23"/>
      <c r="DN452" s="23"/>
      <c r="DO452" s="23"/>
      <c r="DP452" s="23"/>
      <c r="DQ452" s="23"/>
      <c r="DR452" s="23"/>
      <c r="DS452" s="23"/>
      <c r="DT452" s="23"/>
      <c r="DU452" s="23"/>
      <c r="DV452" s="23"/>
      <c r="DW452" s="23"/>
      <c r="DX452" s="23"/>
      <c r="DY452" s="23"/>
      <c r="DZ452" s="23"/>
      <c r="EA452" s="23"/>
      <c r="EB452" s="23"/>
      <c r="EC452" s="23"/>
      <c r="ED452" s="23"/>
      <c r="EE452" s="23"/>
      <c r="EF452" s="23"/>
      <c r="EG452" s="23"/>
      <c r="EH452" s="23"/>
      <c r="EI452" s="23"/>
      <c r="EJ452" s="23"/>
      <c r="EK452" s="23"/>
      <c r="EL452" s="23"/>
      <c r="EM452" s="23"/>
      <c r="EN452" s="23"/>
      <c r="EO452" s="23"/>
      <c r="EP452" s="23"/>
      <c r="EQ452" s="23"/>
      <c r="ER452" s="23"/>
      <c r="ES452" s="23"/>
      <c r="ET452" s="23"/>
      <c r="EU452" s="23"/>
      <c r="EV452" s="23"/>
      <c r="EW452" s="23"/>
      <c r="EX452" s="23"/>
      <c r="EY452" s="23"/>
      <c r="EZ452" s="23"/>
      <c r="FA452" s="23"/>
      <c r="FB452" s="23"/>
      <c r="FC452" s="23"/>
      <c r="FD452" s="23"/>
      <c r="FE452" s="23"/>
      <c r="FF452" s="23"/>
      <c r="FG452" s="23"/>
      <c r="FH452" s="23"/>
      <c r="FI452" s="23"/>
      <c r="FJ452" s="23"/>
      <c r="FK452" s="23"/>
      <c r="FL452" s="23"/>
      <c r="FM452" s="23"/>
      <c r="FN452" s="23"/>
      <c r="FO452" s="23"/>
      <c r="FP452" s="23"/>
      <c r="FQ452" s="23"/>
      <c r="FR452" s="23"/>
      <c r="FS452" s="23"/>
      <c r="FT452" s="23"/>
      <c r="FU452" s="23"/>
      <c r="FV452" s="23"/>
      <c r="FW452" s="23"/>
      <c r="FX452" s="23"/>
      <c r="FY452" s="23"/>
      <c r="FZ452" s="23"/>
      <c r="GA452" s="23"/>
      <c r="GB452" s="23"/>
      <c r="GC452" s="23"/>
      <c r="GD452" s="23"/>
      <c r="GE452" s="23"/>
      <c r="GF452" s="23"/>
      <c r="GG452" s="23"/>
      <c r="GH452" s="23"/>
      <c r="GI452" s="23"/>
      <c r="GJ452" s="23"/>
      <c r="GK452" s="23"/>
      <c r="GL452" s="23"/>
      <c r="GM452" s="23"/>
      <c r="GN452" s="23"/>
      <c r="GO452" s="23"/>
      <c r="GP452" s="23"/>
      <c r="GQ452" s="23"/>
      <c r="GR452" s="23"/>
      <c r="GS452" s="23"/>
      <c r="GT452" s="23"/>
      <c r="GU452" s="23"/>
      <c r="GV452" s="23"/>
      <c r="GW452" s="23"/>
      <c r="GX452" s="23"/>
      <c r="GY452" s="23"/>
      <c r="GZ452" s="23"/>
      <c r="HA452" s="23"/>
      <c r="HB452" s="23"/>
      <c r="HC452" s="23"/>
      <c r="HD452" s="23"/>
      <c r="HE452" s="23"/>
      <c r="HF452" s="23"/>
      <c r="HG452" s="23"/>
      <c r="HH452" s="23"/>
      <c r="HI452" s="23"/>
      <c r="HJ452" s="23"/>
      <c r="HK452" s="23"/>
      <c r="HL452" s="23"/>
      <c r="HM452" s="23"/>
      <c r="HN452" s="23"/>
      <c r="HO452" s="23"/>
      <c r="HP452" s="23"/>
      <c r="HQ452" s="23"/>
      <c r="HR452" s="23"/>
      <c r="HS452" s="23"/>
      <c r="HT452" s="23"/>
      <c r="HU452" s="23"/>
      <c r="HV452" s="23"/>
      <c r="HW452" s="23"/>
      <c r="HX452" s="23"/>
      <c r="HY452" s="23"/>
      <c r="HZ452" s="23"/>
      <c r="IA452" s="23"/>
      <c r="IB452" s="23"/>
      <c r="IC452" s="23"/>
      <c r="ID452" s="23"/>
      <c r="IE452" s="23"/>
      <c r="IF452" s="23"/>
      <c r="IG452" s="23"/>
      <c r="IH452" s="23"/>
      <c r="II452" s="23"/>
      <c r="IJ452" s="23"/>
      <c r="IK452" s="23"/>
      <c r="IL452" s="23"/>
      <c r="IM452" s="23"/>
      <c r="IN452" s="23"/>
      <c r="IO452" s="23"/>
      <c r="IP452" s="23"/>
      <c r="IQ452" s="23"/>
    </row>
    <row r="453" spans="1:251" s="50" customFormat="1" ht="18.75" customHeight="1" thickBot="1">
      <c r="A453" s="34"/>
      <c r="B453" s="49"/>
      <c r="C453" s="158"/>
      <c r="D453" s="158"/>
      <c r="E453" s="158"/>
      <c r="F453" s="158"/>
      <c r="G453" s="158"/>
      <c r="H453" s="158"/>
      <c r="I453" s="158"/>
      <c r="J453" s="158"/>
      <c r="K453" s="158"/>
      <c r="L453" s="158"/>
      <c r="M453" s="158"/>
      <c r="N453" s="158"/>
      <c r="O453" s="158"/>
      <c r="P453" s="158"/>
      <c r="Q453" s="158"/>
      <c r="R453" s="158"/>
      <c r="S453" s="158"/>
      <c r="T453" s="158"/>
      <c r="U453" s="158"/>
      <c r="V453" s="158"/>
      <c r="W453" s="158"/>
      <c r="X453" s="158"/>
      <c r="Y453" s="158"/>
      <c r="Z453" s="159"/>
      <c r="AA453" s="160"/>
      <c r="AB453" s="211"/>
      <c r="AC453" s="211"/>
      <c r="AD453" s="211"/>
      <c r="AE453" s="211"/>
      <c r="AF453" s="211"/>
      <c r="AG453" s="211"/>
      <c r="AH453" s="211"/>
      <c r="AI453" s="212"/>
      <c r="AJ453" s="160"/>
      <c r="AK453" s="161"/>
      <c r="AL453" s="161"/>
      <c r="AM453" s="161"/>
      <c r="AN453" s="161"/>
      <c r="AO453" s="161"/>
      <c r="AP453" s="161"/>
      <c r="AQ453" s="161"/>
      <c r="AR453" s="162"/>
      <c r="AS453" s="188"/>
      <c r="AT453" s="213"/>
      <c r="AU453" s="213"/>
      <c r="AV453" s="213"/>
      <c r="AW453" s="213"/>
      <c r="AX453" s="214"/>
      <c r="AY453" s="23"/>
      <c r="AZ453" s="23"/>
      <c r="BA453" s="23"/>
      <c r="BB453" s="23"/>
      <c r="BC453" s="23"/>
      <c r="BD453" s="23"/>
      <c r="BE453" s="23"/>
      <c r="BF453" s="23"/>
      <c r="BG453" s="23"/>
      <c r="BH453" s="23"/>
      <c r="BI453" s="23"/>
      <c r="BJ453" s="23"/>
      <c r="BK453" s="23"/>
      <c r="BL453" s="23"/>
      <c r="BM453" s="23"/>
      <c r="BN453" s="23"/>
      <c r="BO453" s="23"/>
      <c r="BP453" s="23"/>
      <c r="BQ453" s="23"/>
      <c r="BR453" s="23"/>
      <c r="BS453" s="23"/>
      <c r="BT453" s="23"/>
      <c r="BU453" s="23"/>
      <c r="BV453" s="23"/>
      <c r="BW453" s="23"/>
      <c r="BX453" s="23"/>
      <c r="BY453" s="23"/>
      <c r="BZ453" s="23"/>
      <c r="CA453" s="23"/>
      <c r="CB453" s="23"/>
      <c r="CC453" s="23"/>
      <c r="CD453" s="23"/>
      <c r="CE453" s="23"/>
      <c r="CF453" s="23"/>
      <c r="CG453" s="23"/>
      <c r="CH453" s="23"/>
      <c r="CI453" s="23"/>
      <c r="CJ453" s="23"/>
      <c r="CK453" s="23"/>
      <c r="CL453" s="23"/>
      <c r="CM453" s="23"/>
      <c r="CN453" s="23"/>
      <c r="CO453" s="23"/>
      <c r="CP453" s="23"/>
      <c r="CQ453" s="23"/>
      <c r="CR453" s="23"/>
      <c r="CS453" s="23"/>
      <c r="CT453" s="23"/>
      <c r="CU453" s="23"/>
      <c r="CV453" s="23"/>
      <c r="CW453" s="23"/>
      <c r="CX453" s="23"/>
      <c r="CY453" s="23"/>
      <c r="CZ453" s="23"/>
      <c r="DA453" s="23"/>
      <c r="DB453" s="23"/>
      <c r="DC453" s="23"/>
      <c r="DD453" s="23"/>
      <c r="DE453" s="23"/>
      <c r="DF453" s="23"/>
      <c r="DG453" s="23"/>
      <c r="DH453" s="23"/>
      <c r="DI453" s="23"/>
      <c r="DJ453" s="23"/>
      <c r="DK453" s="23"/>
      <c r="DL453" s="23"/>
      <c r="DM453" s="23"/>
      <c r="DN453" s="23"/>
      <c r="DO453" s="23"/>
      <c r="DP453" s="23"/>
      <c r="DQ453" s="23"/>
      <c r="DR453" s="23"/>
      <c r="DS453" s="23"/>
      <c r="DT453" s="23"/>
      <c r="DU453" s="23"/>
      <c r="DV453" s="23"/>
      <c r="DW453" s="23"/>
      <c r="DX453" s="23"/>
      <c r="DY453" s="23"/>
      <c r="DZ453" s="23"/>
      <c r="EA453" s="23"/>
      <c r="EB453" s="23"/>
      <c r="EC453" s="23"/>
      <c r="ED453" s="23"/>
      <c r="EE453" s="23"/>
      <c r="EF453" s="23"/>
      <c r="EG453" s="23"/>
      <c r="EH453" s="23"/>
      <c r="EI453" s="23"/>
      <c r="EJ453" s="23"/>
      <c r="EK453" s="23"/>
      <c r="EL453" s="23"/>
      <c r="EM453" s="23"/>
      <c r="EN453" s="23"/>
      <c r="EO453" s="23"/>
      <c r="EP453" s="23"/>
      <c r="EQ453" s="23"/>
      <c r="ER453" s="23"/>
      <c r="ES453" s="23"/>
      <c r="ET453" s="23"/>
      <c r="EU453" s="23"/>
      <c r="EV453" s="23"/>
      <c r="EW453" s="23"/>
      <c r="EX453" s="23"/>
      <c r="EY453" s="23"/>
      <c r="EZ453" s="23"/>
      <c r="FA453" s="23"/>
      <c r="FB453" s="23"/>
      <c r="FC453" s="23"/>
      <c r="FD453" s="23"/>
      <c r="FE453" s="23"/>
      <c r="FF453" s="23"/>
      <c r="FG453" s="23"/>
      <c r="FH453" s="23"/>
      <c r="FI453" s="23"/>
      <c r="FJ453" s="23"/>
      <c r="FK453" s="23"/>
      <c r="FL453" s="23"/>
      <c r="FM453" s="23"/>
      <c r="FN453" s="23"/>
      <c r="FO453" s="23"/>
      <c r="FP453" s="23"/>
      <c r="FQ453" s="23"/>
      <c r="FR453" s="23"/>
      <c r="FS453" s="23"/>
      <c r="FT453" s="23"/>
      <c r="FU453" s="23"/>
      <c r="FV453" s="23"/>
      <c r="FW453" s="23"/>
      <c r="FX453" s="23"/>
      <c r="FY453" s="23"/>
      <c r="FZ453" s="23"/>
      <c r="GA453" s="23"/>
      <c r="GB453" s="23"/>
      <c r="GC453" s="23"/>
      <c r="GD453" s="23"/>
      <c r="GE453" s="23"/>
      <c r="GF453" s="23"/>
      <c r="GG453" s="23"/>
      <c r="GH453" s="23"/>
      <c r="GI453" s="23"/>
      <c r="GJ453" s="23"/>
      <c r="GK453" s="23"/>
      <c r="GL453" s="23"/>
      <c r="GM453" s="23"/>
      <c r="GN453" s="23"/>
      <c r="GO453" s="23"/>
      <c r="GP453" s="23"/>
      <c r="GQ453" s="23"/>
      <c r="GR453" s="23"/>
      <c r="GS453" s="23"/>
      <c r="GT453" s="23"/>
      <c r="GU453" s="23"/>
      <c r="GV453" s="23"/>
      <c r="GW453" s="23"/>
      <c r="GX453" s="23"/>
      <c r="GY453" s="23"/>
      <c r="GZ453" s="23"/>
      <c r="HA453" s="23"/>
      <c r="HB453" s="23"/>
      <c r="HC453" s="23"/>
      <c r="HD453" s="23"/>
      <c r="HE453" s="23"/>
      <c r="HF453" s="23"/>
      <c r="HG453" s="23"/>
      <c r="HH453" s="23"/>
      <c r="HI453" s="23"/>
      <c r="HJ453" s="23"/>
      <c r="HK453" s="23"/>
      <c r="HL453" s="23"/>
      <c r="HM453" s="23"/>
      <c r="HN453" s="23"/>
      <c r="HO453" s="23"/>
      <c r="HP453" s="23"/>
      <c r="HQ453" s="23"/>
      <c r="HR453" s="23"/>
      <c r="HS453" s="23"/>
      <c r="HT453" s="23"/>
      <c r="HU453" s="23"/>
      <c r="HV453" s="23"/>
      <c r="HW453" s="23"/>
      <c r="HX453" s="23"/>
      <c r="HY453" s="23"/>
      <c r="HZ453" s="23"/>
      <c r="IA453" s="23"/>
      <c r="IB453" s="23"/>
      <c r="IC453" s="23"/>
      <c r="ID453" s="23"/>
      <c r="IE453" s="23"/>
      <c r="IF453" s="23"/>
      <c r="IG453" s="23"/>
      <c r="IH453" s="23"/>
      <c r="II453" s="23"/>
      <c r="IJ453" s="23"/>
      <c r="IK453" s="23"/>
      <c r="IL453" s="23"/>
      <c r="IM453" s="23"/>
      <c r="IN453" s="23"/>
      <c r="IO453" s="23"/>
      <c r="IP453" s="23"/>
      <c r="IQ453" s="23"/>
    </row>
    <row r="454" spans="1:251" s="50" customFormat="1" ht="18.75" customHeight="1" thickTop="1" thickBot="1">
      <c r="A454" s="38"/>
      <c r="B454" s="164" t="s">
        <v>105</v>
      </c>
      <c r="C454" s="191"/>
      <c r="D454" s="191"/>
      <c r="E454" s="191"/>
      <c r="F454" s="191"/>
      <c r="G454" s="191"/>
      <c r="H454" s="191"/>
      <c r="I454" s="191"/>
      <c r="J454" s="191"/>
      <c r="K454" s="191"/>
      <c r="L454" s="191"/>
      <c r="M454" s="191"/>
      <c r="N454" s="191"/>
      <c r="O454" s="191"/>
      <c r="P454" s="191"/>
      <c r="Q454" s="191"/>
      <c r="R454" s="191"/>
      <c r="S454" s="191"/>
      <c r="T454" s="191"/>
      <c r="U454" s="191"/>
      <c r="V454" s="191"/>
      <c r="W454" s="191"/>
      <c r="X454" s="191"/>
      <c r="Y454" s="191"/>
      <c r="Z454" s="192"/>
      <c r="AA454" s="167">
        <f>SUM(AA446:AA453)</f>
        <v>20032</v>
      </c>
      <c r="AB454" s="215"/>
      <c r="AC454" s="215"/>
      <c r="AD454" s="215"/>
      <c r="AE454" s="215"/>
      <c r="AF454" s="215"/>
      <c r="AG454" s="215"/>
      <c r="AH454" s="215"/>
      <c r="AI454" s="216"/>
      <c r="AJ454" s="167">
        <f>SUM(AJ446:AJ453)</f>
        <v>23640</v>
      </c>
      <c r="AK454" s="215"/>
      <c r="AL454" s="215"/>
      <c r="AM454" s="215"/>
      <c r="AN454" s="215"/>
      <c r="AO454" s="215"/>
      <c r="AP454" s="215"/>
      <c r="AQ454" s="215"/>
      <c r="AR454" s="216"/>
      <c r="AS454" s="167"/>
      <c r="AT454" s="215"/>
      <c r="AU454" s="215"/>
      <c r="AV454" s="215"/>
      <c r="AW454" s="215"/>
      <c r="AX454" s="217"/>
      <c r="AY454" s="23"/>
      <c r="AZ454" s="23"/>
      <c r="BA454" s="23"/>
      <c r="BB454" s="23"/>
      <c r="BC454" s="23"/>
      <c r="BD454" s="23"/>
      <c r="BE454" s="23"/>
      <c r="BF454" s="23"/>
      <c r="BG454" s="23"/>
      <c r="BH454" s="23"/>
      <c r="BI454" s="23"/>
      <c r="BJ454" s="23"/>
      <c r="BK454" s="23"/>
      <c r="BL454" s="23"/>
      <c r="BM454" s="23"/>
      <c r="BN454" s="23"/>
      <c r="BO454" s="23"/>
      <c r="BP454" s="23"/>
      <c r="BQ454" s="23"/>
      <c r="BR454" s="23"/>
      <c r="BS454" s="23"/>
      <c r="BT454" s="23"/>
      <c r="BU454" s="23"/>
      <c r="BV454" s="23"/>
      <c r="BW454" s="23"/>
      <c r="BX454" s="23"/>
      <c r="BY454" s="23"/>
      <c r="BZ454" s="23"/>
      <c r="CA454" s="23"/>
      <c r="CB454" s="23"/>
      <c r="CC454" s="23"/>
      <c r="CD454" s="23"/>
      <c r="CE454" s="23"/>
      <c r="CF454" s="23"/>
      <c r="CG454" s="23"/>
      <c r="CH454" s="23"/>
      <c r="CI454" s="23"/>
      <c r="CJ454" s="23"/>
      <c r="CK454" s="23"/>
      <c r="CL454" s="23"/>
      <c r="CM454" s="23"/>
      <c r="CN454" s="23"/>
      <c r="CO454" s="23"/>
      <c r="CP454" s="23"/>
      <c r="CQ454" s="23"/>
      <c r="CR454" s="23"/>
      <c r="CS454" s="23"/>
      <c r="CT454" s="23"/>
      <c r="CU454" s="23"/>
      <c r="CV454" s="23"/>
      <c r="CW454" s="23"/>
      <c r="CX454" s="23"/>
      <c r="CY454" s="23"/>
      <c r="CZ454" s="23"/>
      <c r="DA454" s="23"/>
      <c r="DB454" s="23"/>
      <c r="DC454" s="23"/>
      <c r="DD454" s="23"/>
      <c r="DE454" s="23"/>
      <c r="DF454" s="23"/>
      <c r="DG454" s="23"/>
      <c r="DH454" s="23"/>
      <c r="DI454" s="23"/>
      <c r="DJ454" s="23"/>
      <c r="DK454" s="23"/>
      <c r="DL454" s="23"/>
      <c r="DM454" s="23"/>
      <c r="DN454" s="23"/>
      <c r="DO454" s="23"/>
      <c r="DP454" s="23"/>
      <c r="DQ454" s="23"/>
      <c r="DR454" s="23"/>
      <c r="DS454" s="23"/>
      <c r="DT454" s="23"/>
      <c r="DU454" s="23"/>
      <c r="DV454" s="23"/>
      <c r="DW454" s="23"/>
      <c r="DX454" s="23"/>
      <c r="DY454" s="23"/>
      <c r="DZ454" s="23"/>
      <c r="EA454" s="23"/>
      <c r="EB454" s="23"/>
      <c r="EC454" s="23"/>
      <c r="ED454" s="23"/>
      <c r="EE454" s="23"/>
      <c r="EF454" s="23"/>
      <c r="EG454" s="23"/>
      <c r="EH454" s="23"/>
      <c r="EI454" s="23"/>
      <c r="EJ454" s="23"/>
      <c r="EK454" s="23"/>
      <c r="EL454" s="23"/>
      <c r="EM454" s="23"/>
      <c r="EN454" s="23"/>
      <c r="EO454" s="23"/>
      <c r="EP454" s="23"/>
      <c r="EQ454" s="23"/>
      <c r="ER454" s="23"/>
      <c r="ES454" s="23"/>
      <c r="ET454" s="23"/>
      <c r="EU454" s="23"/>
      <c r="EV454" s="23"/>
      <c r="EW454" s="23"/>
      <c r="EX454" s="23"/>
      <c r="EY454" s="23"/>
      <c r="EZ454" s="23"/>
      <c r="FA454" s="23"/>
      <c r="FB454" s="23"/>
      <c r="FC454" s="23"/>
      <c r="FD454" s="23"/>
      <c r="FE454" s="23"/>
      <c r="FF454" s="23"/>
      <c r="FG454" s="23"/>
      <c r="FH454" s="23"/>
      <c r="FI454" s="23"/>
      <c r="FJ454" s="23"/>
      <c r="FK454" s="23"/>
      <c r="FL454" s="23"/>
      <c r="FM454" s="23"/>
      <c r="FN454" s="23"/>
      <c r="FO454" s="23"/>
      <c r="FP454" s="23"/>
      <c r="FQ454" s="23"/>
      <c r="FR454" s="23"/>
      <c r="FS454" s="23"/>
      <c r="FT454" s="23"/>
      <c r="FU454" s="23"/>
      <c r="FV454" s="23"/>
      <c r="FW454" s="23"/>
      <c r="FX454" s="23"/>
      <c r="FY454" s="23"/>
      <c r="FZ454" s="23"/>
      <c r="GA454" s="23"/>
      <c r="GB454" s="23"/>
      <c r="GC454" s="23"/>
      <c r="GD454" s="23"/>
      <c r="GE454" s="23"/>
      <c r="GF454" s="23"/>
      <c r="GG454" s="23"/>
      <c r="GH454" s="23"/>
      <c r="GI454" s="23"/>
      <c r="GJ454" s="23"/>
      <c r="GK454" s="23"/>
      <c r="GL454" s="23"/>
      <c r="GM454" s="23"/>
      <c r="GN454" s="23"/>
      <c r="GO454" s="23"/>
      <c r="GP454" s="23"/>
      <c r="GQ454" s="23"/>
      <c r="GR454" s="23"/>
      <c r="GS454" s="23"/>
      <c r="GT454" s="23"/>
      <c r="GU454" s="23"/>
      <c r="GV454" s="23"/>
      <c r="GW454" s="23"/>
      <c r="GX454" s="23"/>
      <c r="GY454" s="23"/>
      <c r="GZ454" s="23"/>
      <c r="HA454" s="23"/>
      <c r="HB454" s="23"/>
      <c r="HC454" s="23"/>
      <c r="HD454" s="23"/>
      <c r="HE454" s="23"/>
      <c r="HF454" s="23"/>
      <c r="HG454" s="23"/>
      <c r="HH454" s="23"/>
      <c r="HI454" s="23"/>
      <c r="HJ454" s="23"/>
      <c r="HK454" s="23"/>
      <c r="HL454" s="23"/>
      <c r="HM454" s="23"/>
      <c r="HN454" s="23"/>
      <c r="HO454" s="23"/>
      <c r="HP454" s="23"/>
      <c r="HQ454" s="23"/>
      <c r="HR454" s="23"/>
      <c r="HS454" s="23"/>
      <c r="HT454" s="23"/>
      <c r="HU454" s="23"/>
      <c r="HV454" s="23"/>
      <c r="HW454" s="23"/>
      <c r="HX454" s="23"/>
      <c r="HY454" s="23"/>
      <c r="HZ454" s="23"/>
      <c r="IA454" s="23"/>
      <c r="IB454" s="23"/>
      <c r="IC454" s="23"/>
      <c r="ID454" s="23"/>
      <c r="IE454" s="23"/>
      <c r="IF454" s="23"/>
      <c r="IG454" s="23"/>
      <c r="IH454" s="23"/>
      <c r="II454" s="23"/>
      <c r="IJ454" s="23"/>
      <c r="IK454" s="23"/>
      <c r="IL454" s="23"/>
      <c r="IM454" s="23"/>
      <c r="IN454" s="23"/>
      <c r="IO454" s="23"/>
      <c r="IP454" s="23"/>
      <c r="IQ454" s="23"/>
    </row>
    <row r="456" spans="1:251" s="23" customFormat="1" ht="19.2">
      <c r="A456" s="22" t="s">
        <v>86</v>
      </c>
      <c r="AW456" s="24"/>
      <c r="AX456" s="25"/>
      <c r="AY456" s="24"/>
    </row>
    <row r="457" spans="1:251" s="23" customFormat="1" ht="13.2"/>
    <row r="458" spans="1:251" s="23" customFormat="1">
      <c r="A458" s="26"/>
      <c r="B458" s="115" t="s">
        <v>87</v>
      </c>
      <c r="C458" s="153"/>
      <c r="D458" s="153"/>
      <c r="E458" s="153"/>
      <c r="F458" s="153"/>
      <c r="G458" s="153"/>
      <c r="H458" s="153"/>
      <c r="I458" s="153"/>
      <c r="J458" s="153"/>
      <c r="K458" s="153"/>
      <c r="L458" s="153"/>
      <c r="M458" s="153"/>
      <c r="N458" s="153"/>
      <c r="O458" s="153"/>
      <c r="P458" s="153"/>
      <c r="Q458" s="153"/>
      <c r="R458" s="153"/>
      <c r="S458" s="153"/>
      <c r="T458" s="153"/>
      <c r="U458" s="153"/>
      <c r="V458" s="153"/>
      <c r="W458" s="153"/>
      <c r="X458" s="153"/>
      <c r="Y458" s="153"/>
      <c r="Z458" s="153"/>
      <c r="AA458" s="153"/>
      <c r="AB458" s="153"/>
      <c r="AC458" s="153"/>
      <c r="AD458" s="153"/>
      <c r="AE458" s="153"/>
      <c r="AF458" s="153"/>
      <c r="AG458" s="153"/>
      <c r="AH458" s="153"/>
      <c r="AI458" s="153"/>
      <c r="AJ458" s="153"/>
      <c r="AK458" s="153"/>
      <c r="AL458" s="153"/>
      <c r="AM458" s="153"/>
      <c r="AN458" s="153"/>
      <c r="AO458" s="153"/>
      <c r="AP458" s="153"/>
      <c r="AQ458" s="153"/>
      <c r="AR458" s="153"/>
      <c r="AS458" s="153"/>
      <c r="AT458" s="153"/>
      <c r="AU458" s="153"/>
      <c r="AV458" s="153"/>
      <c r="AW458" s="153"/>
      <c r="AX458" s="153"/>
      <c r="AY458" s="26"/>
    </row>
    <row r="459" spans="1:251" s="23" customFormat="1" ht="13.2">
      <c r="Z459" s="27"/>
      <c r="AD459" s="27"/>
      <c r="AE459" s="27"/>
      <c r="AF459" s="27"/>
      <c r="AG459" s="27"/>
      <c r="AH459" s="27"/>
      <c r="AI459" s="27"/>
      <c r="AO459" s="27"/>
    </row>
    <row r="460" spans="1:251" s="23" customFormat="1" ht="13.8" thickBot="1">
      <c r="Z460" s="27"/>
      <c r="AD460" s="27"/>
      <c r="AE460" s="27"/>
      <c r="AF460" s="27"/>
      <c r="AG460" s="27"/>
      <c r="AH460" s="27"/>
      <c r="AI460" s="27"/>
      <c r="AO460" s="27"/>
      <c r="DI460" s="28"/>
    </row>
    <row r="461" spans="1:251" s="23" customFormat="1" ht="24.6" customHeight="1" thickBot="1">
      <c r="A461" s="116" t="s">
        <v>88</v>
      </c>
      <c r="B461" s="117"/>
      <c r="C461" s="117"/>
      <c r="D461" s="117"/>
      <c r="E461" s="117"/>
      <c r="F461" s="117"/>
      <c r="G461" s="117"/>
      <c r="H461" s="117"/>
      <c r="I461" s="117"/>
      <c r="J461" s="117"/>
      <c r="K461" s="118"/>
      <c r="L461" s="154">
        <v>14</v>
      </c>
      <c r="M461" s="154"/>
      <c r="N461" s="154"/>
      <c r="O461" s="155"/>
      <c r="P461" s="122" t="s">
        <v>89</v>
      </c>
      <c r="Q461" s="120"/>
      <c r="R461" s="120"/>
      <c r="S461" s="120"/>
      <c r="T461" s="120"/>
      <c r="U461" s="123"/>
      <c r="V461" s="156" t="s">
        <v>149</v>
      </c>
      <c r="W461" s="156"/>
      <c r="X461" s="156"/>
      <c r="Y461" s="156"/>
      <c r="Z461" s="156"/>
      <c r="AA461" s="156"/>
      <c r="AB461" s="156"/>
      <c r="AC461" s="156"/>
      <c r="AD461" s="156"/>
      <c r="AE461" s="156"/>
      <c r="AF461" s="156"/>
      <c r="AG461" s="156"/>
      <c r="AH461" s="156"/>
      <c r="AI461" s="156"/>
      <c r="AJ461" s="156"/>
      <c r="AK461" s="156"/>
      <c r="AL461" s="156"/>
      <c r="AM461" s="156"/>
      <c r="AN461" s="156"/>
      <c r="AO461" s="156"/>
      <c r="AP461" s="156"/>
      <c r="AQ461" s="156"/>
      <c r="AR461" s="156"/>
      <c r="AS461" s="156"/>
      <c r="AT461" s="156"/>
      <c r="AU461" s="156"/>
      <c r="AV461" s="156"/>
      <c r="AW461" s="156"/>
      <c r="AX461" s="157"/>
      <c r="DI461" s="28"/>
    </row>
    <row r="462" spans="1:251" s="23" customFormat="1" ht="14.4">
      <c r="A462" s="29"/>
      <c r="B462" s="29"/>
      <c r="C462" s="29"/>
      <c r="D462" s="29"/>
      <c r="E462" s="29"/>
      <c r="F462" s="29"/>
      <c r="G462" s="29"/>
      <c r="H462" s="29"/>
      <c r="I462" s="29"/>
      <c r="J462" s="29"/>
      <c r="K462" s="29"/>
      <c r="L462" s="30"/>
      <c r="M462" s="30"/>
      <c r="N462" s="30"/>
      <c r="O462" s="30"/>
      <c r="P462" s="29"/>
      <c r="Q462" s="29"/>
      <c r="R462" s="29"/>
      <c r="S462" s="29"/>
      <c r="T462" s="29"/>
      <c r="U462" s="29"/>
      <c r="V462" s="31"/>
      <c r="W462" s="31"/>
      <c r="X462" s="31"/>
      <c r="Y462" s="31"/>
      <c r="Z462" s="31"/>
      <c r="AA462" s="31"/>
      <c r="AB462" s="31"/>
      <c r="AC462" s="31"/>
      <c r="AD462" s="31"/>
      <c r="AE462" s="31"/>
      <c r="AF462" s="31"/>
      <c r="AG462" s="31"/>
      <c r="AH462" s="31"/>
      <c r="AI462" s="31"/>
      <c r="AJ462" s="31"/>
      <c r="AK462" s="31"/>
      <c r="AL462" s="31"/>
      <c r="AM462" s="31"/>
      <c r="AN462" s="31"/>
      <c r="AO462" s="31"/>
      <c r="AP462" s="31"/>
      <c r="AQ462" s="31"/>
      <c r="AR462" s="31"/>
      <c r="AS462" s="31"/>
      <c r="AT462" s="31"/>
      <c r="AU462" s="31"/>
      <c r="AV462" s="31"/>
      <c r="AW462" s="31"/>
      <c r="AX462" s="31"/>
      <c r="DI462" s="28"/>
    </row>
    <row r="463" spans="1:251" s="23" customFormat="1" ht="15" thickBot="1">
      <c r="A463" s="32"/>
      <c r="B463" s="33" t="s">
        <v>91</v>
      </c>
      <c r="C463" s="34"/>
      <c r="D463" s="34"/>
      <c r="E463" s="34"/>
      <c r="F463" s="34"/>
      <c r="G463" s="34"/>
      <c r="H463" s="34"/>
      <c r="I463" s="34"/>
      <c r="J463" s="34"/>
      <c r="K463" s="34"/>
      <c r="L463" s="35"/>
      <c r="M463" s="35"/>
      <c r="N463" s="35"/>
      <c r="O463" s="35"/>
      <c r="P463" s="34"/>
      <c r="Q463" s="34"/>
      <c r="R463" s="34"/>
      <c r="S463" s="34"/>
      <c r="T463" s="34"/>
      <c r="U463" s="34"/>
      <c r="V463" s="33"/>
      <c r="W463" s="33"/>
      <c r="X463" s="33"/>
      <c r="Y463" s="33"/>
      <c r="Z463" s="33"/>
      <c r="AA463" s="33"/>
      <c r="AB463" s="33"/>
      <c r="AC463" s="33"/>
      <c r="AD463" s="33"/>
      <c r="AE463" s="33"/>
      <c r="AF463" s="33"/>
      <c r="AG463" s="33"/>
      <c r="AH463" s="33"/>
      <c r="AI463" s="33"/>
      <c r="AJ463" s="33"/>
      <c r="AK463" s="33"/>
      <c r="AL463" s="33"/>
      <c r="AM463" s="33"/>
      <c r="AN463" s="33"/>
      <c r="AO463" s="33"/>
      <c r="AP463" s="33"/>
      <c r="AQ463" s="33"/>
      <c r="AR463" s="33"/>
      <c r="AS463" s="33"/>
      <c r="AT463" s="33"/>
      <c r="AU463" s="33"/>
      <c r="AV463" s="33"/>
      <c r="AW463" s="33"/>
      <c r="AX463" s="33"/>
      <c r="DI463" s="28"/>
    </row>
    <row r="464" spans="1:251" s="23" customFormat="1" ht="14.4">
      <c r="A464" s="34"/>
      <c r="B464" s="36"/>
      <c r="C464" s="29"/>
      <c r="D464" s="29"/>
      <c r="E464" s="29"/>
      <c r="F464" s="29"/>
      <c r="G464" s="29"/>
      <c r="H464" s="29"/>
      <c r="I464" s="29"/>
      <c r="J464" s="29"/>
      <c r="K464" s="29"/>
      <c r="L464" s="30"/>
      <c r="M464" s="30"/>
      <c r="N464" s="30"/>
      <c r="O464" s="30"/>
      <c r="P464" s="29"/>
      <c r="Q464" s="29"/>
      <c r="R464" s="29"/>
      <c r="S464" s="29"/>
      <c r="T464" s="29"/>
      <c r="U464" s="29"/>
      <c r="V464" s="31"/>
      <c r="W464" s="31"/>
      <c r="X464" s="31"/>
      <c r="Y464" s="31"/>
      <c r="Z464" s="31"/>
      <c r="AA464" s="31"/>
      <c r="AB464" s="31"/>
      <c r="AC464" s="31"/>
      <c r="AD464" s="31"/>
      <c r="AE464" s="31"/>
      <c r="AF464" s="31"/>
      <c r="AG464" s="31"/>
      <c r="AH464" s="31"/>
      <c r="AI464" s="31"/>
      <c r="AJ464" s="31"/>
      <c r="AK464" s="31"/>
      <c r="AL464" s="31"/>
      <c r="AM464" s="31"/>
      <c r="AN464" s="31"/>
      <c r="AO464" s="31"/>
      <c r="AP464" s="31"/>
      <c r="AQ464" s="31"/>
      <c r="AR464" s="31"/>
      <c r="AS464" s="31"/>
      <c r="AT464" s="31"/>
      <c r="AU464" s="31"/>
      <c r="AV464" s="31"/>
      <c r="AW464" s="31"/>
      <c r="AX464" s="37"/>
    </row>
    <row r="465" spans="1:251" s="23" customFormat="1" ht="10.8" customHeight="1">
      <c r="A465" s="34"/>
      <c r="B465" s="127" t="s">
        <v>150</v>
      </c>
      <c r="C465" s="128"/>
      <c r="D465" s="128"/>
      <c r="E465" s="128"/>
      <c r="F465" s="128"/>
      <c r="G465" s="128"/>
      <c r="H465" s="128"/>
      <c r="I465" s="128"/>
      <c r="J465" s="128"/>
      <c r="K465" s="128"/>
      <c r="L465" s="128"/>
      <c r="M465" s="128"/>
      <c r="N465" s="128"/>
      <c r="O465" s="128"/>
      <c r="P465" s="128"/>
      <c r="Q465" s="128"/>
      <c r="R465" s="128"/>
      <c r="S465" s="128"/>
      <c r="T465" s="128"/>
      <c r="U465" s="128"/>
      <c r="V465" s="128"/>
      <c r="W465" s="128"/>
      <c r="X465" s="128"/>
      <c r="Y465" s="128"/>
      <c r="Z465" s="128"/>
      <c r="AA465" s="128"/>
      <c r="AB465" s="128"/>
      <c r="AC465" s="128"/>
      <c r="AD465" s="128"/>
      <c r="AE465" s="128"/>
      <c r="AF465" s="128"/>
      <c r="AG465" s="128"/>
      <c r="AH465" s="128"/>
      <c r="AI465" s="128"/>
      <c r="AJ465" s="128"/>
      <c r="AK465" s="128"/>
      <c r="AL465" s="128"/>
      <c r="AM465" s="128"/>
      <c r="AN465" s="128"/>
      <c r="AO465" s="128"/>
      <c r="AP465" s="128"/>
      <c r="AQ465" s="128"/>
      <c r="AR465" s="128"/>
      <c r="AS465" s="128"/>
      <c r="AT465" s="128"/>
      <c r="AU465" s="128"/>
      <c r="AV465" s="128"/>
      <c r="AW465" s="128"/>
      <c r="AX465" s="129"/>
    </row>
    <row r="466" spans="1:251" s="23" customFormat="1" ht="10.8" customHeight="1">
      <c r="A466" s="34"/>
      <c r="B466" s="127"/>
      <c r="C466" s="128"/>
      <c r="D466" s="128"/>
      <c r="E466" s="128"/>
      <c r="F466" s="128"/>
      <c r="G466" s="128"/>
      <c r="H466" s="128"/>
      <c r="I466" s="128"/>
      <c r="J466" s="128"/>
      <c r="K466" s="128"/>
      <c r="L466" s="128"/>
      <c r="M466" s="128"/>
      <c r="N466" s="128"/>
      <c r="O466" s="128"/>
      <c r="P466" s="128"/>
      <c r="Q466" s="128"/>
      <c r="R466" s="128"/>
      <c r="S466" s="128"/>
      <c r="T466" s="128"/>
      <c r="U466" s="128"/>
      <c r="V466" s="128"/>
      <c r="W466" s="128"/>
      <c r="X466" s="128"/>
      <c r="Y466" s="128"/>
      <c r="Z466" s="128"/>
      <c r="AA466" s="128"/>
      <c r="AB466" s="128"/>
      <c r="AC466" s="128"/>
      <c r="AD466" s="128"/>
      <c r="AE466" s="128"/>
      <c r="AF466" s="128"/>
      <c r="AG466" s="128"/>
      <c r="AH466" s="128"/>
      <c r="AI466" s="128"/>
      <c r="AJ466" s="128"/>
      <c r="AK466" s="128"/>
      <c r="AL466" s="128"/>
      <c r="AM466" s="128"/>
      <c r="AN466" s="128"/>
      <c r="AO466" s="128"/>
      <c r="AP466" s="128"/>
      <c r="AQ466" s="128"/>
      <c r="AR466" s="128"/>
      <c r="AS466" s="128"/>
      <c r="AT466" s="128"/>
      <c r="AU466" s="128"/>
      <c r="AV466" s="128"/>
      <c r="AW466" s="128"/>
      <c r="AX466" s="129"/>
      <c r="BC466" s="17"/>
    </row>
    <row r="467" spans="1:251" s="23" customFormat="1" ht="10.8" customHeight="1">
      <c r="A467" s="34"/>
      <c r="B467" s="127"/>
      <c r="C467" s="128"/>
      <c r="D467" s="128"/>
      <c r="E467" s="128"/>
      <c r="F467" s="128"/>
      <c r="G467" s="128"/>
      <c r="H467" s="128"/>
      <c r="I467" s="128"/>
      <c r="J467" s="128"/>
      <c r="K467" s="128"/>
      <c r="L467" s="128"/>
      <c r="M467" s="128"/>
      <c r="N467" s="128"/>
      <c r="O467" s="128"/>
      <c r="P467" s="128"/>
      <c r="Q467" s="128"/>
      <c r="R467" s="128"/>
      <c r="S467" s="128"/>
      <c r="T467" s="128"/>
      <c r="U467" s="128"/>
      <c r="V467" s="128"/>
      <c r="W467" s="128"/>
      <c r="X467" s="128"/>
      <c r="Y467" s="128"/>
      <c r="Z467" s="128"/>
      <c r="AA467" s="128"/>
      <c r="AB467" s="128"/>
      <c r="AC467" s="128"/>
      <c r="AD467" s="128"/>
      <c r="AE467" s="128"/>
      <c r="AF467" s="128"/>
      <c r="AG467" s="128"/>
      <c r="AH467" s="128"/>
      <c r="AI467" s="128"/>
      <c r="AJ467" s="128"/>
      <c r="AK467" s="128"/>
      <c r="AL467" s="128"/>
      <c r="AM467" s="128"/>
      <c r="AN467" s="128"/>
      <c r="AO467" s="128"/>
      <c r="AP467" s="128"/>
      <c r="AQ467" s="128"/>
      <c r="AR467" s="128"/>
      <c r="AS467" s="128"/>
      <c r="AT467" s="128"/>
      <c r="AU467" s="128"/>
      <c r="AV467" s="128"/>
      <c r="AW467" s="128"/>
      <c r="AX467" s="129"/>
    </row>
    <row r="468" spans="1:251" s="23" customFormat="1" ht="10.8" customHeight="1">
      <c r="A468" s="34"/>
      <c r="B468" s="127"/>
      <c r="C468" s="128"/>
      <c r="D468" s="128"/>
      <c r="E468" s="128"/>
      <c r="F468" s="128"/>
      <c r="G468" s="128"/>
      <c r="H468" s="128"/>
      <c r="I468" s="128"/>
      <c r="J468" s="128"/>
      <c r="K468" s="128"/>
      <c r="L468" s="128"/>
      <c r="M468" s="128"/>
      <c r="N468" s="128"/>
      <c r="O468" s="128"/>
      <c r="P468" s="128"/>
      <c r="Q468" s="128"/>
      <c r="R468" s="128"/>
      <c r="S468" s="128"/>
      <c r="T468" s="128"/>
      <c r="U468" s="128"/>
      <c r="V468" s="128"/>
      <c r="W468" s="128"/>
      <c r="X468" s="128"/>
      <c r="Y468" s="128"/>
      <c r="Z468" s="128"/>
      <c r="AA468" s="128"/>
      <c r="AB468" s="128"/>
      <c r="AC468" s="128"/>
      <c r="AD468" s="128"/>
      <c r="AE468" s="128"/>
      <c r="AF468" s="128"/>
      <c r="AG468" s="128"/>
      <c r="AH468" s="128"/>
      <c r="AI468" s="128"/>
      <c r="AJ468" s="128"/>
      <c r="AK468" s="128"/>
      <c r="AL468" s="128"/>
      <c r="AM468" s="128"/>
      <c r="AN468" s="128"/>
      <c r="AO468" s="128"/>
      <c r="AP468" s="128"/>
      <c r="AQ468" s="128"/>
      <c r="AR468" s="128"/>
      <c r="AS468" s="128"/>
      <c r="AT468" s="128"/>
      <c r="AU468" s="128"/>
      <c r="AV468" s="128"/>
      <c r="AW468" s="128"/>
      <c r="AX468" s="129"/>
    </row>
    <row r="469" spans="1:251" s="23" customFormat="1" ht="10.8" customHeight="1">
      <c r="A469" s="34"/>
      <c r="B469" s="127"/>
      <c r="C469" s="128"/>
      <c r="D469" s="128"/>
      <c r="E469" s="128"/>
      <c r="F469" s="128"/>
      <c r="G469" s="128"/>
      <c r="H469" s="128"/>
      <c r="I469" s="128"/>
      <c r="J469" s="128"/>
      <c r="K469" s="128"/>
      <c r="L469" s="128"/>
      <c r="M469" s="128"/>
      <c r="N469" s="128"/>
      <c r="O469" s="128"/>
      <c r="P469" s="128"/>
      <c r="Q469" s="128"/>
      <c r="R469" s="128"/>
      <c r="S469" s="128"/>
      <c r="T469" s="128"/>
      <c r="U469" s="128"/>
      <c r="V469" s="128"/>
      <c r="W469" s="128"/>
      <c r="X469" s="128"/>
      <c r="Y469" s="128"/>
      <c r="Z469" s="128"/>
      <c r="AA469" s="128"/>
      <c r="AB469" s="128"/>
      <c r="AC469" s="128"/>
      <c r="AD469" s="128"/>
      <c r="AE469" s="128"/>
      <c r="AF469" s="128"/>
      <c r="AG469" s="128"/>
      <c r="AH469" s="128"/>
      <c r="AI469" s="128"/>
      <c r="AJ469" s="128"/>
      <c r="AK469" s="128"/>
      <c r="AL469" s="128"/>
      <c r="AM469" s="128"/>
      <c r="AN469" s="128"/>
      <c r="AO469" s="128"/>
      <c r="AP469" s="128"/>
      <c r="AQ469" s="128"/>
      <c r="AR469" s="128"/>
      <c r="AS469" s="128"/>
      <c r="AT469" s="128"/>
      <c r="AU469" s="128"/>
      <c r="AV469" s="128"/>
      <c r="AW469" s="128"/>
      <c r="AX469" s="129"/>
    </row>
    <row r="470" spans="1:251" s="23" customFormat="1" ht="10.8" customHeight="1">
      <c r="A470" s="34"/>
      <c r="B470" s="127"/>
      <c r="C470" s="128"/>
      <c r="D470" s="128"/>
      <c r="E470" s="128"/>
      <c r="F470" s="128"/>
      <c r="G470" s="128"/>
      <c r="H470" s="128"/>
      <c r="I470" s="128"/>
      <c r="J470" s="128"/>
      <c r="K470" s="128"/>
      <c r="L470" s="128"/>
      <c r="M470" s="128"/>
      <c r="N470" s="128"/>
      <c r="O470" s="128"/>
      <c r="P470" s="128"/>
      <c r="Q470" s="128"/>
      <c r="R470" s="128"/>
      <c r="S470" s="128"/>
      <c r="T470" s="128"/>
      <c r="U470" s="128"/>
      <c r="V470" s="128"/>
      <c r="W470" s="128"/>
      <c r="X470" s="128"/>
      <c r="Y470" s="128"/>
      <c r="Z470" s="128"/>
      <c r="AA470" s="128"/>
      <c r="AB470" s="128"/>
      <c r="AC470" s="128"/>
      <c r="AD470" s="128"/>
      <c r="AE470" s="128"/>
      <c r="AF470" s="128"/>
      <c r="AG470" s="128"/>
      <c r="AH470" s="128"/>
      <c r="AI470" s="128"/>
      <c r="AJ470" s="128"/>
      <c r="AK470" s="128"/>
      <c r="AL470" s="128"/>
      <c r="AM470" s="128"/>
      <c r="AN470" s="128"/>
      <c r="AO470" s="128"/>
      <c r="AP470" s="128"/>
      <c r="AQ470" s="128"/>
      <c r="AR470" s="128"/>
      <c r="AS470" s="128"/>
      <c r="AT470" s="128"/>
      <c r="AU470" s="128"/>
      <c r="AV470" s="128"/>
      <c r="AW470" s="128"/>
      <c r="AX470" s="129"/>
    </row>
    <row r="471" spans="1:251" s="23" customFormat="1" ht="10.8" customHeight="1">
      <c r="A471" s="34"/>
      <c r="B471" s="127"/>
      <c r="C471" s="128"/>
      <c r="D471" s="128"/>
      <c r="E471" s="128"/>
      <c r="F471" s="128"/>
      <c r="G471" s="128"/>
      <c r="H471" s="128"/>
      <c r="I471" s="128"/>
      <c r="J471" s="128"/>
      <c r="K471" s="128"/>
      <c r="L471" s="128"/>
      <c r="M471" s="128"/>
      <c r="N471" s="128"/>
      <c r="O471" s="128"/>
      <c r="P471" s="128"/>
      <c r="Q471" s="128"/>
      <c r="R471" s="128"/>
      <c r="S471" s="128"/>
      <c r="T471" s="128"/>
      <c r="U471" s="128"/>
      <c r="V471" s="128"/>
      <c r="W471" s="128"/>
      <c r="X471" s="128"/>
      <c r="Y471" s="128"/>
      <c r="Z471" s="128"/>
      <c r="AA471" s="128"/>
      <c r="AB471" s="128"/>
      <c r="AC471" s="128"/>
      <c r="AD471" s="128"/>
      <c r="AE471" s="128"/>
      <c r="AF471" s="128"/>
      <c r="AG471" s="128"/>
      <c r="AH471" s="128"/>
      <c r="AI471" s="128"/>
      <c r="AJ471" s="128"/>
      <c r="AK471" s="128"/>
      <c r="AL471" s="128"/>
      <c r="AM471" s="128"/>
      <c r="AN471" s="128"/>
      <c r="AO471" s="128"/>
      <c r="AP471" s="128"/>
      <c r="AQ471" s="128"/>
      <c r="AR471" s="128"/>
      <c r="AS471" s="128"/>
      <c r="AT471" s="128"/>
      <c r="AU471" s="128"/>
      <c r="AV471" s="128"/>
      <c r="AW471" s="128"/>
      <c r="AX471" s="129"/>
    </row>
    <row r="472" spans="1:251" s="23" customFormat="1" ht="10.8" customHeight="1">
      <c r="A472" s="34"/>
      <c r="B472" s="127"/>
      <c r="C472" s="128"/>
      <c r="D472" s="128"/>
      <c r="E472" s="128"/>
      <c r="F472" s="128"/>
      <c r="G472" s="128"/>
      <c r="H472" s="128"/>
      <c r="I472" s="128"/>
      <c r="J472" s="128"/>
      <c r="K472" s="128"/>
      <c r="L472" s="128"/>
      <c r="M472" s="128"/>
      <c r="N472" s="128"/>
      <c r="O472" s="128"/>
      <c r="P472" s="128"/>
      <c r="Q472" s="128"/>
      <c r="R472" s="128"/>
      <c r="S472" s="128"/>
      <c r="T472" s="128"/>
      <c r="U472" s="128"/>
      <c r="V472" s="128"/>
      <c r="W472" s="128"/>
      <c r="X472" s="128"/>
      <c r="Y472" s="128"/>
      <c r="Z472" s="128"/>
      <c r="AA472" s="128"/>
      <c r="AB472" s="128"/>
      <c r="AC472" s="128"/>
      <c r="AD472" s="128"/>
      <c r="AE472" s="128"/>
      <c r="AF472" s="128"/>
      <c r="AG472" s="128"/>
      <c r="AH472" s="128"/>
      <c r="AI472" s="128"/>
      <c r="AJ472" s="128"/>
      <c r="AK472" s="128"/>
      <c r="AL472" s="128"/>
      <c r="AM472" s="128"/>
      <c r="AN472" s="128"/>
      <c r="AO472" s="128"/>
      <c r="AP472" s="128"/>
      <c r="AQ472" s="128"/>
      <c r="AR472" s="128"/>
      <c r="AS472" s="128"/>
      <c r="AT472" s="128"/>
      <c r="AU472" s="128"/>
      <c r="AV472" s="128"/>
      <c r="AW472" s="128"/>
      <c r="AX472" s="129"/>
    </row>
    <row r="473" spans="1:251" s="23" customFormat="1" ht="10.8" customHeight="1">
      <c r="A473" s="34"/>
      <c r="B473" s="127"/>
      <c r="C473" s="128"/>
      <c r="D473" s="128"/>
      <c r="E473" s="128"/>
      <c r="F473" s="128"/>
      <c r="G473" s="128"/>
      <c r="H473" s="128"/>
      <c r="I473" s="128"/>
      <c r="J473" s="128"/>
      <c r="K473" s="128"/>
      <c r="L473" s="128"/>
      <c r="M473" s="128"/>
      <c r="N473" s="128"/>
      <c r="O473" s="128"/>
      <c r="P473" s="128"/>
      <c r="Q473" s="128"/>
      <c r="R473" s="128"/>
      <c r="S473" s="128"/>
      <c r="T473" s="128"/>
      <c r="U473" s="128"/>
      <c r="V473" s="128"/>
      <c r="W473" s="128"/>
      <c r="X473" s="128"/>
      <c r="Y473" s="128"/>
      <c r="Z473" s="128"/>
      <c r="AA473" s="128"/>
      <c r="AB473" s="128"/>
      <c r="AC473" s="128"/>
      <c r="AD473" s="128"/>
      <c r="AE473" s="128"/>
      <c r="AF473" s="128"/>
      <c r="AG473" s="128"/>
      <c r="AH473" s="128"/>
      <c r="AI473" s="128"/>
      <c r="AJ473" s="128"/>
      <c r="AK473" s="128"/>
      <c r="AL473" s="128"/>
      <c r="AM473" s="128"/>
      <c r="AN473" s="128"/>
      <c r="AO473" s="128"/>
      <c r="AP473" s="128"/>
      <c r="AQ473" s="128"/>
      <c r="AR473" s="128"/>
      <c r="AS473" s="128"/>
      <c r="AT473" s="128"/>
      <c r="AU473" s="128"/>
      <c r="AV473" s="128"/>
      <c r="AW473" s="128"/>
      <c r="AX473" s="129"/>
    </row>
    <row r="474" spans="1:251" s="23" customFormat="1" ht="10.8" customHeight="1">
      <c r="A474" s="34"/>
      <c r="B474" s="127"/>
      <c r="C474" s="128"/>
      <c r="D474" s="128"/>
      <c r="E474" s="128"/>
      <c r="F474" s="128"/>
      <c r="G474" s="128"/>
      <c r="H474" s="128"/>
      <c r="I474" s="128"/>
      <c r="J474" s="128"/>
      <c r="K474" s="128"/>
      <c r="L474" s="128"/>
      <c r="M474" s="128"/>
      <c r="N474" s="128"/>
      <c r="O474" s="128"/>
      <c r="P474" s="128"/>
      <c r="Q474" s="128"/>
      <c r="R474" s="128"/>
      <c r="S474" s="128"/>
      <c r="T474" s="128"/>
      <c r="U474" s="128"/>
      <c r="V474" s="128"/>
      <c r="W474" s="128"/>
      <c r="X474" s="128"/>
      <c r="Y474" s="128"/>
      <c r="Z474" s="128"/>
      <c r="AA474" s="128"/>
      <c r="AB474" s="128"/>
      <c r="AC474" s="128"/>
      <c r="AD474" s="128"/>
      <c r="AE474" s="128"/>
      <c r="AF474" s="128"/>
      <c r="AG474" s="128"/>
      <c r="AH474" s="128"/>
      <c r="AI474" s="128"/>
      <c r="AJ474" s="128"/>
      <c r="AK474" s="128"/>
      <c r="AL474" s="128"/>
      <c r="AM474" s="128"/>
      <c r="AN474" s="128"/>
      <c r="AO474" s="128"/>
      <c r="AP474" s="128"/>
      <c r="AQ474" s="128"/>
      <c r="AR474" s="128"/>
      <c r="AS474" s="128"/>
      <c r="AT474" s="128"/>
      <c r="AU474" s="128"/>
      <c r="AV474" s="128"/>
      <c r="AW474" s="128"/>
      <c r="AX474" s="129"/>
    </row>
    <row r="475" spans="1:251" s="23" customFormat="1" ht="15" thickBot="1">
      <c r="A475" s="38"/>
      <c r="B475" s="39"/>
      <c r="C475" s="40"/>
      <c r="D475" s="40"/>
      <c r="E475" s="40"/>
      <c r="F475" s="40"/>
      <c r="G475" s="40"/>
      <c r="H475" s="40"/>
      <c r="I475" s="40"/>
      <c r="J475" s="40"/>
      <c r="K475" s="40"/>
      <c r="L475" s="40"/>
      <c r="M475" s="40"/>
      <c r="N475" s="40"/>
      <c r="O475" s="40"/>
      <c r="P475" s="40"/>
      <c r="Q475" s="40"/>
      <c r="R475" s="40"/>
      <c r="S475" s="40"/>
      <c r="T475" s="40"/>
      <c r="U475" s="40"/>
      <c r="V475" s="40"/>
      <c r="W475" s="40"/>
      <c r="X475" s="40"/>
      <c r="Y475" s="40"/>
      <c r="Z475" s="40"/>
      <c r="AA475" s="40"/>
      <c r="AB475" s="40"/>
      <c r="AC475" s="40"/>
      <c r="AD475" s="40"/>
      <c r="AE475" s="40"/>
      <c r="AF475" s="40"/>
      <c r="AG475" s="40"/>
      <c r="AH475" s="40"/>
      <c r="AI475" s="40"/>
      <c r="AJ475" s="40"/>
      <c r="AK475" s="40"/>
      <c r="AL475" s="40"/>
      <c r="AM475" s="40"/>
      <c r="AN475" s="40"/>
      <c r="AO475" s="40"/>
      <c r="AP475" s="40"/>
      <c r="AQ475" s="40"/>
      <c r="AR475" s="40"/>
      <c r="AS475" s="40"/>
      <c r="AT475" s="40"/>
      <c r="AU475" s="40"/>
      <c r="AV475" s="40"/>
      <c r="AW475" s="40"/>
      <c r="AX475" s="41"/>
    </row>
    <row r="476" spans="1:251" s="23" customFormat="1" ht="13.2">
      <c r="B476" s="42"/>
    </row>
    <row r="477" spans="1:251" s="23" customFormat="1" ht="13.2">
      <c r="B477" s="42"/>
    </row>
    <row r="478" spans="1:251" s="23" customFormat="1" ht="14.4">
      <c r="B478" s="33" t="s">
        <v>93</v>
      </c>
      <c r="C478" s="34"/>
      <c r="D478" s="34"/>
      <c r="E478" s="34"/>
      <c r="F478" s="34"/>
      <c r="G478" s="34"/>
      <c r="H478" s="34"/>
      <c r="I478" s="34"/>
      <c r="J478" s="34"/>
      <c r="K478" s="34"/>
      <c r="L478" s="35"/>
      <c r="M478" s="35"/>
      <c r="N478" s="35"/>
      <c r="O478" s="35"/>
      <c r="P478" s="34"/>
      <c r="Q478" s="34"/>
      <c r="R478" s="34"/>
      <c r="S478" s="34"/>
      <c r="T478" s="34"/>
      <c r="U478" s="34"/>
      <c r="V478" s="33"/>
      <c r="W478" s="33"/>
      <c r="X478" s="33"/>
      <c r="Y478" s="33"/>
      <c r="Z478" s="33"/>
      <c r="AA478" s="33"/>
      <c r="AB478" s="33"/>
      <c r="AC478" s="33"/>
      <c r="AD478" s="33"/>
      <c r="AE478" s="33"/>
      <c r="AF478" s="33"/>
      <c r="AG478" s="33"/>
      <c r="AH478" s="33"/>
      <c r="AI478" s="33"/>
      <c r="AJ478" s="33"/>
      <c r="AK478" s="33"/>
      <c r="AL478" s="33"/>
      <c r="AM478" s="33"/>
      <c r="AN478" s="33"/>
      <c r="AO478" s="33"/>
      <c r="AP478" s="33"/>
      <c r="AQ478" s="33"/>
      <c r="AR478" s="33"/>
      <c r="AS478" s="33"/>
      <c r="AT478" s="33"/>
      <c r="AU478" s="33"/>
      <c r="AV478" s="33"/>
      <c r="AW478" s="33"/>
      <c r="AX478" s="33"/>
    </row>
    <row r="479" spans="1:251" s="23" customFormat="1" ht="15" thickBot="1">
      <c r="B479" s="33"/>
      <c r="C479" s="34"/>
      <c r="D479" s="34"/>
      <c r="E479" s="34"/>
      <c r="F479" s="34"/>
      <c r="G479" s="34"/>
      <c r="H479" s="34"/>
      <c r="I479" s="34"/>
      <c r="J479" s="34"/>
      <c r="K479" s="34"/>
      <c r="L479" s="35"/>
      <c r="M479" s="35"/>
      <c r="N479" s="35"/>
      <c r="O479" s="35"/>
      <c r="P479" s="34"/>
      <c r="Q479" s="34"/>
      <c r="R479" s="34"/>
      <c r="S479" s="34"/>
      <c r="T479" s="34"/>
      <c r="U479" s="34"/>
      <c r="V479" s="33"/>
      <c r="W479" s="33"/>
      <c r="X479" s="33"/>
      <c r="Y479" s="33"/>
      <c r="Z479" s="33"/>
      <c r="AA479" s="33"/>
      <c r="AB479" s="33"/>
      <c r="AC479" s="33"/>
      <c r="AD479" s="33"/>
      <c r="AE479" s="33"/>
      <c r="AF479" s="33"/>
      <c r="AG479" s="33"/>
      <c r="AH479" s="33"/>
      <c r="AI479" s="33"/>
      <c r="AJ479" s="33"/>
      <c r="AK479" s="33"/>
      <c r="AL479" s="33"/>
      <c r="AM479" s="33"/>
      <c r="AN479" s="33"/>
      <c r="AO479" s="33"/>
      <c r="AP479" s="33"/>
      <c r="AQ479" s="33"/>
      <c r="AR479" s="33"/>
      <c r="AS479" s="33"/>
      <c r="AT479" s="33"/>
      <c r="AU479" s="33"/>
      <c r="AV479" s="33"/>
      <c r="AW479" s="33"/>
      <c r="AX479" s="43" t="s">
        <v>94</v>
      </c>
    </row>
    <row r="480" spans="1:251" s="50" customFormat="1" ht="13.5" customHeight="1">
      <c r="A480" s="34"/>
      <c r="B480" s="139" t="s">
        <v>95</v>
      </c>
      <c r="C480" s="203"/>
      <c r="D480" s="203"/>
      <c r="E480" s="203"/>
      <c r="F480" s="203"/>
      <c r="G480" s="203"/>
      <c r="H480" s="203"/>
      <c r="I480" s="203"/>
      <c r="J480" s="203"/>
      <c r="K480" s="203"/>
      <c r="L480" s="203"/>
      <c r="M480" s="203"/>
      <c r="N480" s="203"/>
      <c r="O480" s="203"/>
      <c r="P480" s="203"/>
      <c r="Q480" s="203"/>
      <c r="R480" s="203"/>
      <c r="S480" s="203"/>
      <c r="T480" s="203"/>
      <c r="U480" s="203"/>
      <c r="V480" s="203"/>
      <c r="W480" s="203"/>
      <c r="X480" s="203"/>
      <c r="Y480" s="203"/>
      <c r="Z480" s="204"/>
      <c r="AA480" s="145" t="s">
        <v>116</v>
      </c>
      <c r="AB480" s="203"/>
      <c r="AC480" s="203"/>
      <c r="AD480" s="203"/>
      <c r="AE480" s="203"/>
      <c r="AF480" s="203"/>
      <c r="AG480" s="203"/>
      <c r="AH480" s="203"/>
      <c r="AI480" s="204"/>
      <c r="AJ480" s="145" t="s">
        <v>117</v>
      </c>
      <c r="AK480" s="203"/>
      <c r="AL480" s="203"/>
      <c r="AM480" s="203"/>
      <c r="AN480" s="203"/>
      <c r="AO480" s="203"/>
      <c r="AP480" s="203"/>
      <c r="AQ480" s="203"/>
      <c r="AR480" s="204"/>
      <c r="AS480" s="145" t="s">
        <v>98</v>
      </c>
      <c r="AT480" s="203"/>
      <c r="AU480" s="203"/>
      <c r="AV480" s="203"/>
      <c r="AW480" s="203"/>
      <c r="AX480" s="209"/>
      <c r="AY480" s="23"/>
      <c r="AZ480" s="23"/>
      <c r="BA480" s="23"/>
      <c r="BB480" s="23"/>
      <c r="BC480" s="23"/>
      <c r="BD480" s="23"/>
      <c r="BE480" s="23"/>
      <c r="BF480" s="23"/>
      <c r="BG480" s="23"/>
      <c r="BH480" s="23"/>
      <c r="BI480" s="23"/>
      <c r="BJ480" s="23"/>
      <c r="BK480" s="23"/>
      <c r="BL480" s="23"/>
      <c r="BM480" s="23"/>
      <c r="BN480" s="23"/>
      <c r="BO480" s="23"/>
      <c r="BP480" s="23"/>
      <c r="BQ480" s="23"/>
      <c r="BR480" s="23"/>
      <c r="BS480" s="23"/>
      <c r="BT480" s="23"/>
      <c r="BU480" s="23"/>
      <c r="BV480" s="23"/>
      <c r="BW480" s="23"/>
      <c r="BX480" s="23"/>
      <c r="BY480" s="23"/>
      <c r="BZ480" s="23"/>
      <c r="CA480" s="23"/>
      <c r="CB480" s="23"/>
      <c r="CC480" s="23"/>
      <c r="CD480" s="23"/>
      <c r="CE480" s="23"/>
      <c r="CF480" s="23"/>
      <c r="CG480" s="23"/>
      <c r="CH480" s="23"/>
      <c r="CI480" s="23"/>
      <c r="CJ480" s="23"/>
      <c r="CK480" s="23"/>
      <c r="CL480" s="23"/>
      <c r="CM480" s="23"/>
      <c r="CN480" s="23"/>
      <c r="CO480" s="23"/>
      <c r="CP480" s="23"/>
      <c r="CQ480" s="23"/>
      <c r="CR480" s="23"/>
      <c r="CS480" s="23"/>
      <c r="CT480" s="23"/>
      <c r="CU480" s="23"/>
      <c r="CV480" s="23"/>
      <c r="CW480" s="23"/>
      <c r="CX480" s="23"/>
      <c r="CY480" s="23"/>
      <c r="CZ480" s="23"/>
      <c r="DA480" s="23"/>
      <c r="DB480" s="23"/>
      <c r="DC480" s="23"/>
      <c r="DD480" s="23"/>
      <c r="DE480" s="23"/>
      <c r="DF480" s="23"/>
      <c r="DG480" s="23"/>
      <c r="DH480" s="23"/>
      <c r="DI480" s="23"/>
      <c r="DJ480" s="23"/>
      <c r="DK480" s="23"/>
      <c r="DL480" s="23"/>
      <c r="DM480" s="23"/>
      <c r="DN480" s="23"/>
      <c r="DO480" s="23"/>
      <c r="DP480" s="23"/>
      <c r="DQ480" s="23"/>
      <c r="DR480" s="23"/>
      <c r="DS480" s="23"/>
      <c r="DT480" s="23"/>
      <c r="DU480" s="23"/>
      <c r="DV480" s="23"/>
      <c r="DW480" s="23"/>
      <c r="DX480" s="23"/>
      <c r="DY480" s="23"/>
      <c r="DZ480" s="23"/>
      <c r="EA480" s="23"/>
      <c r="EB480" s="23"/>
      <c r="EC480" s="23"/>
      <c r="ED480" s="23"/>
      <c r="EE480" s="23"/>
      <c r="EF480" s="23"/>
      <c r="EG480" s="23"/>
      <c r="EH480" s="23"/>
      <c r="EI480" s="23"/>
      <c r="EJ480" s="23"/>
      <c r="EK480" s="23"/>
      <c r="EL480" s="23"/>
      <c r="EM480" s="23"/>
      <c r="EN480" s="23"/>
      <c r="EO480" s="23"/>
      <c r="EP480" s="23"/>
      <c r="EQ480" s="23"/>
      <c r="ER480" s="23"/>
      <c r="ES480" s="23"/>
      <c r="ET480" s="23"/>
      <c r="EU480" s="23"/>
      <c r="EV480" s="23"/>
      <c r="EW480" s="23"/>
      <c r="EX480" s="23"/>
      <c r="EY480" s="23"/>
      <c r="EZ480" s="23"/>
      <c r="FA480" s="23"/>
      <c r="FB480" s="23"/>
      <c r="FC480" s="23"/>
      <c r="FD480" s="23"/>
      <c r="FE480" s="23"/>
      <c r="FF480" s="23"/>
      <c r="FG480" s="23"/>
      <c r="FH480" s="23"/>
      <c r="FI480" s="23"/>
      <c r="FJ480" s="23"/>
      <c r="FK480" s="23"/>
      <c r="FL480" s="23"/>
      <c r="FM480" s="23"/>
      <c r="FN480" s="23"/>
      <c r="FO480" s="23"/>
      <c r="FP480" s="23"/>
      <c r="FQ480" s="23"/>
      <c r="FR480" s="23"/>
      <c r="FS480" s="23"/>
      <c r="FT480" s="23"/>
      <c r="FU480" s="23"/>
      <c r="FV480" s="23"/>
      <c r="FW480" s="23"/>
      <c r="FX480" s="23"/>
      <c r="FY480" s="23"/>
      <c r="FZ480" s="23"/>
      <c r="GA480" s="23"/>
      <c r="GB480" s="23"/>
      <c r="GC480" s="23"/>
      <c r="GD480" s="23"/>
      <c r="GE480" s="23"/>
      <c r="GF480" s="23"/>
      <c r="GG480" s="23"/>
      <c r="GH480" s="23"/>
      <c r="GI480" s="23"/>
      <c r="GJ480" s="23"/>
      <c r="GK480" s="23"/>
      <c r="GL480" s="23"/>
      <c r="GM480" s="23"/>
      <c r="GN480" s="23"/>
      <c r="GO480" s="23"/>
      <c r="GP480" s="23"/>
      <c r="GQ480" s="23"/>
      <c r="GR480" s="23"/>
      <c r="GS480" s="23"/>
      <c r="GT480" s="23"/>
      <c r="GU480" s="23"/>
      <c r="GV480" s="23"/>
      <c r="GW480" s="23"/>
      <c r="GX480" s="23"/>
      <c r="GY480" s="23"/>
      <c r="GZ480" s="23"/>
      <c r="HA480" s="23"/>
      <c r="HB480" s="23"/>
      <c r="HC480" s="23"/>
      <c r="HD480" s="23"/>
      <c r="HE480" s="23"/>
      <c r="HF480" s="23"/>
      <c r="HG480" s="23"/>
      <c r="HH480" s="23"/>
      <c r="HI480" s="23"/>
      <c r="HJ480" s="23"/>
      <c r="HK480" s="23"/>
      <c r="HL480" s="23"/>
      <c r="HM480" s="23"/>
      <c r="HN480" s="23"/>
      <c r="HO480" s="23"/>
      <c r="HP480" s="23"/>
      <c r="HQ480" s="23"/>
      <c r="HR480" s="23"/>
      <c r="HS480" s="23"/>
      <c r="HT480" s="23"/>
      <c r="HU480" s="23"/>
      <c r="HV480" s="23"/>
      <c r="HW480" s="23"/>
      <c r="HX480" s="23"/>
      <c r="HY480" s="23"/>
      <c r="HZ480" s="23"/>
      <c r="IA480" s="23"/>
      <c r="IB480" s="23"/>
      <c r="IC480" s="23"/>
      <c r="ID480" s="23"/>
      <c r="IE480" s="23"/>
      <c r="IF480" s="23"/>
      <c r="IG480" s="23"/>
      <c r="IH480" s="23"/>
      <c r="II480" s="23"/>
      <c r="IJ480" s="23"/>
      <c r="IK480" s="23"/>
      <c r="IL480" s="23"/>
      <c r="IM480" s="23"/>
      <c r="IN480" s="23"/>
      <c r="IO480" s="23"/>
      <c r="IP480" s="23"/>
      <c r="IQ480" s="23"/>
    </row>
    <row r="481" spans="1:251" s="50" customFormat="1">
      <c r="A481" s="34"/>
      <c r="B481" s="205"/>
      <c r="C481" s="206"/>
      <c r="D481" s="206"/>
      <c r="E481" s="206"/>
      <c r="F481" s="206"/>
      <c r="G481" s="206"/>
      <c r="H481" s="206"/>
      <c r="I481" s="206"/>
      <c r="J481" s="206"/>
      <c r="K481" s="206"/>
      <c r="L481" s="206"/>
      <c r="M481" s="206"/>
      <c r="N481" s="206"/>
      <c r="O481" s="206"/>
      <c r="P481" s="206"/>
      <c r="Q481" s="206"/>
      <c r="R481" s="206"/>
      <c r="S481" s="206"/>
      <c r="T481" s="206"/>
      <c r="U481" s="206"/>
      <c r="V481" s="206"/>
      <c r="W481" s="206"/>
      <c r="X481" s="206"/>
      <c r="Y481" s="206"/>
      <c r="Z481" s="207"/>
      <c r="AA481" s="208"/>
      <c r="AB481" s="206"/>
      <c r="AC481" s="206"/>
      <c r="AD481" s="206"/>
      <c r="AE481" s="206"/>
      <c r="AF481" s="206"/>
      <c r="AG481" s="206"/>
      <c r="AH481" s="206"/>
      <c r="AI481" s="207"/>
      <c r="AJ481" s="208"/>
      <c r="AK481" s="206"/>
      <c r="AL481" s="206"/>
      <c r="AM481" s="206"/>
      <c r="AN481" s="206"/>
      <c r="AO481" s="206"/>
      <c r="AP481" s="206"/>
      <c r="AQ481" s="206"/>
      <c r="AR481" s="207"/>
      <c r="AS481" s="208"/>
      <c r="AT481" s="206"/>
      <c r="AU481" s="206"/>
      <c r="AV481" s="206"/>
      <c r="AW481" s="206"/>
      <c r="AX481" s="210"/>
      <c r="AY481" s="23"/>
      <c r="AZ481" s="23"/>
      <c r="BA481" s="23"/>
      <c r="BB481"/>
      <c r="BC481" s="45"/>
      <c r="BE481" s="23"/>
      <c r="BF481" s="23"/>
      <c r="BG481" s="23"/>
      <c r="BH481" s="23"/>
      <c r="BI481" s="23"/>
      <c r="BJ481" s="23"/>
      <c r="BK481" s="23"/>
      <c r="BL481" s="23"/>
      <c r="BM481" s="23"/>
      <c r="BN481" s="23"/>
      <c r="BO481" s="23"/>
      <c r="BP481" s="23"/>
      <c r="BQ481" s="23"/>
      <c r="BR481" s="23"/>
      <c r="BS481" s="23"/>
      <c r="BT481" s="23"/>
      <c r="BU481" s="23"/>
      <c r="BV481" s="23"/>
      <c r="BW481" s="23"/>
      <c r="BX481" s="23"/>
      <c r="BY481" s="23"/>
      <c r="BZ481" s="23"/>
      <c r="CA481" s="23"/>
      <c r="CB481" s="23"/>
      <c r="CC481" s="23"/>
      <c r="CD481" s="23"/>
      <c r="CE481" s="23"/>
      <c r="CF481" s="23"/>
      <c r="CG481" s="23"/>
      <c r="CH481" s="23"/>
      <c r="CI481" s="23"/>
      <c r="CJ481" s="23"/>
      <c r="CK481" s="23"/>
      <c r="CL481" s="23"/>
      <c r="CM481" s="23"/>
      <c r="CN481" s="23"/>
      <c r="CO481" s="23"/>
      <c r="CP481" s="23"/>
      <c r="CQ481" s="23"/>
      <c r="CR481" s="23"/>
      <c r="CS481" s="23"/>
      <c r="CT481" s="23"/>
      <c r="CU481" s="23"/>
      <c r="CV481" s="23"/>
      <c r="CW481" s="23"/>
      <c r="CX481" s="23"/>
      <c r="CY481" s="23"/>
      <c r="CZ481" s="23"/>
      <c r="DA481" s="23"/>
      <c r="DB481" s="23"/>
      <c r="DC481" s="23"/>
      <c r="DD481" s="23"/>
      <c r="DE481" s="23"/>
      <c r="DF481" s="23"/>
      <c r="DG481" s="23"/>
      <c r="DH481" s="23"/>
      <c r="DI481" s="23"/>
      <c r="DJ481" s="23"/>
      <c r="DK481" s="23"/>
      <c r="DL481" s="23"/>
      <c r="DM481" s="23"/>
      <c r="DN481" s="23"/>
      <c r="DO481" s="23"/>
      <c r="DP481" s="23"/>
      <c r="DQ481" s="23"/>
      <c r="DR481" s="23"/>
      <c r="DS481" s="23"/>
      <c r="DT481" s="23"/>
      <c r="DU481" s="23"/>
      <c r="DV481" s="23"/>
      <c r="DW481" s="23"/>
      <c r="DX481" s="23"/>
      <c r="DY481" s="23"/>
      <c r="DZ481" s="23"/>
      <c r="EA481" s="23"/>
      <c r="EB481" s="23"/>
      <c r="EC481" s="23"/>
      <c r="ED481" s="23"/>
      <c r="EE481" s="23"/>
      <c r="EF481" s="23"/>
      <c r="EG481" s="23"/>
      <c r="EH481" s="23"/>
      <c r="EI481" s="23"/>
      <c r="EJ481" s="23"/>
      <c r="EK481" s="23"/>
      <c r="EL481" s="23"/>
      <c r="EM481" s="23"/>
      <c r="EN481" s="23"/>
      <c r="EO481" s="23"/>
      <c r="EP481" s="23"/>
      <c r="EQ481" s="23"/>
      <c r="ER481" s="23"/>
      <c r="ES481" s="23"/>
      <c r="ET481" s="23"/>
      <c r="EU481" s="23"/>
      <c r="EV481" s="23"/>
      <c r="EW481" s="23"/>
      <c r="EX481" s="23"/>
      <c r="EY481" s="23"/>
      <c r="EZ481" s="23"/>
      <c r="FA481" s="23"/>
      <c r="FB481" s="23"/>
      <c r="FC481" s="23"/>
      <c r="FD481" s="23"/>
      <c r="FE481" s="23"/>
      <c r="FF481" s="23"/>
      <c r="FG481" s="23"/>
      <c r="FH481" s="23"/>
      <c r="FI481" s="23"/>
      <c r="FJ481" s="23"/>
      <c r="FK481" s="23"/>
      <c r="FL481" s="23"/>
      <c r="FM481" s="23"/>
      <c r="FN481" s="23"/>
      <c r="FO481" s="23"/>
      <c r="FP481" s="23"/>
      <c r="FQ481" s="23"/>
      <c r="FR481" s="23"/>
      <c r="FS481" s="23"/>
      <c r="FT481" s="23"/>
      <c r="FU481" s="23"/>
      <c r="FV481" s="23"/>
      <c r="FW481" s="23"/>
      <c r="FX481" s="23"/>
      <c r="FY481" s="23"/>
      <c r="FZ481" s="23"/>
      <c r="GA481" s="23"/>
      <c r="GB481" s="23"/>
      <c r="GC481" s="23"/>
      <c r="GD481" s="23"/>
      <c r="GE481" s="23"/>
      <c r="GF481" s="23"/>
      <c r="GG481" s="23"/>
      <c r="GH481" s="23"/>
      <c r="GI481" s="23"/>
      <c r="GJ481" s="23"/>
      <c r="GK481" s="23"/>
      <c r="GL481" s="23"/>
      <c r="GM481" s="23"/>
      <c r="GN481" s="23"/>
      <c r="GO481" s="23"/>
      <c r="GP481" s="23"/>
      <c r="GQ481" s="23"/>
      <c r="GR481" s="23"/>
      <c r="GS481" s="23"/>
      <c r="GT481" s="23"/>
      <c r="GU481" s="23"/>
      <c r="GV481" s="23"/>
      <c r="GW481" s="23"/>
      <c r="GX481" s="23"/>
      <c r="GY481" s="23"/>
      <c r="GZ481" s="23"/>
      <c r="HA481" s="23"/>
      <c r="HB481" s="23"/>
      <c r="HC481" s="23"/>
      <c r="HD481" s="23"/>
      <c r="HE481" s="23"/>
      <c r="HF481" s="23"/>
      <c r="HG481" s="23"/>
      <c r="HH481" s="23"/>
      <c r="HI481" s="23"/>
      <c r="HJ481" s="23"/>
      <c r="HK481" s="23"/>
      <c r="HL481" s="23"/>
      <c r="HM481" s="23"/>
      <c r="HN481" s="23"/>
      <c r="HO481" s="23"/>
      <c r="HP481" s="23"/>
      <c r="HQ481" s="23"/>
      <c r="HR481" s="23"/>
      <c r="HS481" s="23"/>
      <c r="HT481" s="23"/>
      <c r="HU481" s="23"/>
      <c r="HV481" s="23"/>
      <c r="HW481" s="23"/>
      <c r="HX481" s="23"/>
      <c r="HY481" s="23"/>
      <c r="HZ481" s="23"/>
      <c r="IA481" s="23"/>
      <c r="IB481" s="23"/>
      <c r="IC481" s="23"/>
      <c r="ID481" s="23"/>
      <c r="IE481" s="23"/>
      <c r="IF481" s="23"/>
      <c r="IG481" s="23"/>
      <c r="IH481" s="23"/>
      <c r="II481" s="23"/>
      <c r="IJ481" s="23"/>
      <c r="IK481" s="23"/>
      <c r="IL481" s="23"/>
      <c r="IM481" s="23"/>
      <c r="IN481" s="23"/>
      <c r="IO481" s="23"/>
      <c r="IP481" s="23"/>
      <c r="IQ481" s="23"/>
    </row>
    <row r="482" spans="1:251" s="50" customFormat="1" ht="18.75" customHeight="1">
      <c r="A482" s="34"/>
      <c r="B482" s="47"/>
      <c r="C482" s="130" t="s">
        <v>151</v>
      </c>
      <c r="D482" s="130"/>
      <c r="E482" s="130"/>
      <c r="F482" s="130"/>
      <c r="G482" s="130"/>
      <c r="H482" s="130"/>
      <c r="I482" s="130"/>
      <c r="J482" s="130"/>
      <c r="K482" s="130"/>
      <c r="L482" s="130"/>
      <c r="M482" s="130"/>
      <c r="N482" s="130"/>
      <c r="O482" s="130"/>
      <c r="P482" s="130"/>
      <c r="Q482" s="130"/>
      <c r="R482" s="130"/>
      <c r="S482" s="130"/>
      <c r="T482" s="130"/>
      <c r="U482" s="130"/>
      <c r="V482" s="130"/>
      <c r="W482" s="130"/>
      <c r="X482" s="130"/>
      <c r="Y482" s="130"/>
      <c r="Z482" s="52"/>
      <c r="AA482" s="132">
        <v>209</v>
      </c>
      <c r="AB482" s="200"/>
      <c r="AC482" s="200"/>
      <c r="AD482" s="200"/>
      <c r="AE482" s="200"/>
      <c r="AF482" s="200"/>
      <c r="AG482" s="200"/>
      <c r="AH482" s="200"/>
      <c r="AI482" s="201"/>
      <c r="AJ482" s="132">
        <v>209</v>
      </c>
      <c r="AK482" s="196"/>
      <c r="AL482" s="196"/>
      <c r="AM482" s="196"/>
      <c r="AN482" s="196"/>
      <c r="AO482" s="196"/>
      <c r="AP482" s="196"/>
      <c r="AQ482" s="196"/>
      <c r="AR482" s="197"/>
      <c r="AS482" s="132"/>
      <c r="AT482" s="196"/>
      <c r="AU482" s="196"/>
      <c r="AV482" s="196"/>
      <c r="AW482" s="196"/>
      <c r="AX482" s="202"/>
      <c r="AY482" s="23"/>
      <c r="AZ482" s="23"/>
      <c r="BA482" s="23"/>
      <c r="BB482" s="23"/>
      <c r="BC482" s="23"/>
      <c r="BD482" s="23"/>
      <c r="BE482" s="23"/>
      <c r="BF482" s="23"/>
      <c r="BG482" s="23"/>
      <c r="BH482" s="23"/>
      <c r="BI482" s="23"/>
      <c r="BJ482" s="23"/>
      <c r="BK482" s="23"/>
      <c r="BL482" s="23"/>
      <c r="BM482" s="23"/>
      <c r="BN482" s="23"/>
      <c r="BO482" s="23"/>
      <c r="BP482" s="23"/>
      <c r="BQ482" s="23"/>
      <c r="BR482" s="23"/>
      <c r="BS482" s="23"/>
      <c r="BT482" s="23"/>
      <c r="BU482" s="23"/>
      <c r="BV482" s="23"/>
      <c r="BW482" s="23"/>
      <c r="BX482" s="23"/>
      <c r="BY482" s="23"/>
      <c r="BZ482" s="23"/>
      <c r="CA482" s="23"/>
      <c r="CB482" s="23"/>
      <c r="CC482" s="23"/>
      <c r="CD482" s="23"/>
      <c r="CE482" s="23"/>
      <c r="CF482" s="23"/>
      <c r="CG482" s="23"/>
      <c r="CH482" s="23"/>
      <c r="CI482" s="23"/>
      <c r="CJ482" s="23"/>
      <c r="CK482" s="23"/>
      <c r="CL482" s="23"/>
      <c r="CM482" s="23"/>
      <c r="CN482" s="23"/>
      <c r="CO482" s="23"/>
      <c r="CP482" s="23"/>
      <c r="CQ482" s="23"/>
      <c r="CR482" s="23"/>
      <c r="CS482" s="23"/>
      <c r="CT482" s="23"/>
      <c r="CU482" s="23"/>
      <c r="CV482" s="23"/>
      <c r="CW482" s="23"/>
      <c r="CX482" s="23"/>
      <c r="CY482" s="23"/>
      <c r="CZ482" s="23"/>
      <c r="DA482" s="23"/>
      <c r="DB482" s="23"/>
      <c r="DC482" s="23"/>
      <c r="DD482" s="23"/>
      <c r="DE482" s="23"/>
      <c r="DF482" s="23"/>
      <c r="DG482" s="23"/>
      <c r="DH482" s="23"/>
      <c r="DI482" s="23"/>
      <c r="DJ482" s="23"/>
      <c r="DK482" s="23"/>
      <c r="DL482" s="23"/>
      <c r="DM482" s="23"/>
      <c r="DN482" s="23"/>
      <c r="DO482" s="23"/>
      <c r="DP482" s="23"/>
      <c r="DQ482" s="23"/>
      <c r="DR482" s="23"/>
      <c r="DS482" s="23"/>
      <c r="DT482" s="23"/>
      <c r="DU482" s="23"/>
      <c r="DV482" s="23"/>
      <c r="DW482" s="23"/>
      <c r="DX482" s="23"/>
      <c r="DY482" s="23"/>
      <c r="DZ482" s="23"/>
      <c r="EA482" s="23"/>
      <c r="EB482" s="23"/>
      <c r="EC482" s="23"/>
      <c r="ED482" s="23"/>
      <c r="EE482" s="23"/>
      <c r="EF482" s="23"/>
      <c r="EG482" s="23"/>
      <c r="EH482" s="23"/>
      <c r="EI482" s="23"/>
      <c r="EJ482" s="23"/>
      <c r="EK482" s="23"/>
      <c r="EL482" s="23"/>
      <c r="EM482" s="23"/>
      <c r="EN482" s="23"/>
      <c r="EO482" s="23"/>
      <c r="EP482" s="23"/>
      <c r="EQ482" s="23"/>
      <c r="ER482" s="23"/>
      <c r="ES482" s="23"/>
      <c r="ET482" s="23"/>
      <c r="EU482" s="23"/>
      <c r="EV482" s="23"/>
      <c r="EW482" s="23"/>
      <c r="EX482" s="23"/>
      <c r="EY482" s="23"/>
      <c r="EZ482" s="23"/>
      <c r="FA482" s="23"/>
      <c r="FB482" s="23"/>
      <c r="FC482" s="23"/>
      <c r="FD482" s="23"/>
      <c r="FE482" s="23"/>
      <c r="FF482" s="23"/>
      <c r="FG482" s="23"/>
      <c r="FH482" s="23"/>
      <c r="FI482" s="23"/>
      <c r="FJ482" s="23"/>
      <c r="FK482" s="23"/>
      <c r="FL482" s="23"/>
      <c r="FM482" s="23"/>
      <c r="FN482" s="23"/>
      <c r="FO482" s="23"/>
      <c r="FP482" s="23"/>
      <c r="FQ482" s="23"/>
      <c r="FR482" s="23"/>
      <c r="FS482" s="23"/>
      <c r="FT482" s="23"/>
      <c r="FU482" s="23"/>
      <c r="FV482" s="23"/>
      <c r="FW482" s="23"/>
      <c r="FX482" s="23"/>
      <c r="FY482" s="23"/>
      <c r="FZ482" s="23"/>
      <c r="GA482" s="23"/>
      <c r="GB482" s="23"/>
      <c r="GC482" s="23"/>
      <c r="GD482" s="23"/>
      <c r="GE482" s="23"/>
      <c r="GF482" s="23"/>
      <c r="GG482" s="23"/>
      <c r="GH482" s="23"/>
      <c r="GI482" s="23"/>
      <c r="GJ482" s="23"/>
      <c r="GK482" s="23"/>
      <c r="GL482" s="23"/>
      <c r="GM482" s="23"/>
      <c r="GN482" s="23"/>
      <c r="GO482" s="23"/>
      <c r="GP482" s="23"/>
      <c r="GQ482" s="23"/>
      <c r="GR482" s="23"/>
      <c r="GS482" s="23"/>
      <c r="GT482" s="23"/>
      <c r="GU482" s="23"/>
      <c r="GV482" s="23"/>
      <c r="GW482" s="23"/>
      <c r="GX482" s="23"/>
      <c r="GY482" s="23"/>
      <c r="GZ482" s="23"/>
      <c r="HA482" s="23"/>
      <c r="HB482" s="23"/>
      <c r="HC482" s="23"/>
      <c r="HD482" s="23"/>
      <c r="HE482" s="23"/>
      <c r="HF482" s="23"/>
      <c r="HG482" s="23"/>
      <c r="HH482" s="23"/>
      <c r="HI482" s="23"/>
      <c r="HJ482" s="23"/>
      <c r="HK482" s="23"/>
      <c r="HL482" s="23"/>
      <c r="HM482" s="23"/>
      <c r="HN482" s="23"/>
      <c r="HO482" s="23"/>
      <c r="HP482" s="23"/>
      <c r="HQ482" s="23"/>
      <c r="HR482" s="23"/>
      <c r="HS482" s="23"/>
      <c r="HT482" s="23"/>
      <c r="HU482" s="23"/>
      <c r="HV482" s="23"/>
      <c r="HW482" s="23"/>
      <c r="HX482" s="23"/>
      <c r="HY482" s="23"/>
      <c r="HZ482" s="23"/>
      <c r="IA482" s="23"/>
      <c r="IB482" s="23"/>
      <c r="IC482" s="23"/>
      <c r="ID482" s="23"/>
      <c r="IE482" s="23"/>
      <c r="IF482" s="23"/>
      <c r="IG482" s="23"/>
      <c r="IH482" s="23"/>
      <c r="II482" s="23"/>
      <c r="IJ482" s="23"/>
      <c r="IK482" s="23"/>
      <c r="IL482" s="23"/>
      <c r="IM482" s="23"/>
      <c r="IN482" s="23"/>
      <c r="IO482" s="23"/>
      <c r="IP482" s="23"/>
      <c r="IQ482" s="23"/>
    </row>
    <row r="483" spans="1:251" s="50" customFormat="1" ht="18.75" customHeight="1">
      <c r="A483" s="34"/>
      <c r="B483" s="47"/>
      <c r="C483" s="130" t="s">
        <v>152</v>
      </c>
      <c r="D483" s="130"/>
      <c r="E483" s="130"/>
      <c r="F483" s="130"/>
      <c r="G483" s="130"/>
      <c r="H483" s="130"/>
      <c r="I483" s="130"/>
      <c r="J483" s="130"/>
      <c r="K483" s="130"/>
      <c r="L483" s="130"/>
      <c r="M483" s="130"/>
      <c r="N483" s="130"/>
      <c r="O483" s="130"/>
      <c r="P483" s="130"/>
      <c r="Q483" s="130"/>
      <c r="R483" s="130"/>
      <c r="S483" s="130"/>
      <c r="T483" s="130"/>
      <c r="U483" s="130"/>
      <c r="V483" s="130"/>
      <c r="W483" s="130"/>
      <c r="X483" s="130"/>
      <c r="Y483" s="130"/>
      <c r="Z483" s="52"/>
      <c r="AA483" s="132">
        <v>354154</v>
      </c>
      <c r="AB483" s="200"/>
      <c r="AC483" s="200"/>
      <c r="AD483" s="200"/>
      <c r="AE483" s="200"/>
      <c r="AF483" s="200"/>
      <c r="AG483" s="200"/>
      <c r="AH483" s="200"/>
      <c r="AI483" s="201"/>
      <c r="AJ483" s="132">
        <v>387793</v>
      </c>
      <c r="AK483" s="196"/>
      <c r="AL483" s="196"/>
      <c r="AM483" s="196"/>
      <c r="AN483" s="196"/>
      <c r="AO483" s="196"/>
      <c r="AP483" s="196"/>
      <c r="AQ483" s="196"/>
      <c r="AR483" s="197"/>
      <c r="AS483" s="132"/>
      <c r="AT483" s="196"/>
      <c r="AU483" s="196"/>
      <c r="AV483" s="196"/>
      <c r="AW483" s="196"/>
      <c r="AX483" s="202"/>
      <c r="AY483" s="23"/>
      <c r="AZ483" s="23"/>
      <c r="BA483" s="23"/>
      <c r="BB483" s="23"/>
      <c r="BC483" s="23"/>
      <c r="BD483" s="23"/>
      <c r="BE483" s="23"/>
      <c r="BF483" s="23"/>
      <c r="BG483" s="23"/>
      <c r="BH483" s="23"/>
      <c r="BI483" s="23"/>
      <c r="BJ483" s="23"/>
      <c r="BK483" s="23"/>
      <c r="BL483" s="23"/>
      <c r="BM483" s="23"/>
      <c r="BN483" s="23"/>
      <c r="BO483" s="23"/>
      <c r="BP483" s="23"/>
      <c r="BQ483" s="23"/>
      <c r="BR483" s="23"/>
      <c r="BS483" s="23"/>
      <c r="BT483" s="23"/>
      <c r="BU483" s="23"/>
      <c r="BV483" s="23"/>
      <c r="BW483" s="23"/>
      <c r="BX483" s="23"/>
      <c r="BY483" s="23"/>
      <c r="BZ483" s="23"/>
      <c r="CA483" s="23"/>
      <c r="CB483" s="23"/>
      <c r="CC483" s="23"/>
      <c r="CD483" s="23"/>
      <c r="CE483" s="23"/>
      <c r="CF483" s="23"/>
      <c r="CG483" s="23"/>
      <c r="CH483" s="23"/>
      <c r="CI483" s="23"/>
      <c r="CJ483" s="23"/>
      <c r="CK483" s="23"/>
      <c r="CL483" s="23"/>
      <c r="CM483" s="23"/>
      <c r="CN483" s="23"/>
      <c r="CO483" s="23"/>
      <c r="CP483" s="23"/>
      <c r="CQ483" s="23"/>
      <c r="CR483" s="23"/>
      <c r="CS483" s="23"/>
      <c r="CT483" s="23"/>
      <c r="CU483" s="23"/>
      <c r="CV483" s="23"/>
      <c r="CW483" s="23"/>
      <c r="CX483" s="23"/>
      <c r="CY483" s="23"/>
      <c r="CZ483" s="23"/>
      <c r="DA483" s="23"/>
      <c r="DB483" s="23"/>
      <c r="DC483" s="23"/>
      <c r="DD483" s="23"/>
      <c r="DE483" s="23"/>
      <c r="DF483" s="23"/>
      <c r="DG483" s="23"/>
      <c r="DH483" s="23"/>
      <c r="DI483" s="23"/>
      <c r="DJ483" s="23"/>
      <c r="DK483" s="23"/>
      <c r="DL483" s="23"/>
      <c r="DM483" s="23"/>
      <c r="DN483" s="23"/>
      <c r="DO483" s="23"/>
      <c r="DP483" s="23"/>
      <c r="DQ483" s="23"/>
      <c r="DR483" s="23"/>
      <c r="DS483" s="23"/>
      <c r="DT483" s="23"/>
      <c r="DU483" s="23"/>
      <c r="DV483" s="23"/>
      <c r="DW483" s="23"/>
      <c r="DX483" s="23"/>
      <c r="DY483" s="23"/>
      <c r="DZ483" s="23"/>
      <c r="EA483" s="23"/>
      <c r="EB483" s="23"/>
      <c r="EC483" s="23"/>
      <c r="ED483" s="23"/>
      <c r="EE483" s="23"/>
      <c r="EF483" s="23"/>
      <c r="EG483" s="23"/>
      <c r="EH483" s="23"/>
      <c r="EI483" s="23"/>
      <c r="EJ483" s="23"/>
      <c r="EK483" s="23"/>
      <c r="EL483" s="23"/>
      <c r="EM483" s="23"/>
      <c r="EN483" s="23"/>
      <c r="EO483" s="23"/>
      <c r="EP483" s="23"/>
      <c r="EQ483" s="23"/>
      <c r="ER483" s="23"/>
      <c r="ES483" s="23"/>
      <c r="ET483" s="23"/>
      <c r="EU483" s="23"/>
      <c r="EV483" s="23"/>
      <c r="EW483" s="23"/>
      <c r="EX483" s="23"/>
      <c r="EY483" s="23"/>
      <c r="EZ483" s="23"/>
      <c r="FA483" s="23"/>
      <c r="FB483" s="23"/>
      <c r="FC483" s="23"/>
      <c r="FD483" s="23"/>
      <c r="FE483" s="23"/>
      <c r="FF483" s="23"/>
      <c r="FG483" s="23"/>
      <c r="FH483" s="23"/>
      <c r="FI483" s="23"/>
      <c r="FJ483" s="23"/>
      <c r="FK483" s="23"/>
      <c r="FL483" s="23"/>
      <c r="FM483" s="23"/>
      <c r="FN483" s="23"/>
      <c r="FO483" s="23"/>
      <c r="FP483" s="23"/>
      <c r="FQ483" s="23"/>
      <c r="FR483" s="23"/>
      <c r="FS483" s="23"/>
      <c r="FT483" s="23"/>
      <c r="FU483" s="23"/>
      <c r="FV483" s="23"/>
      <c r="FW483" s="23"/>
      <c r="FX483" s="23"/>
      <c r="FY483" s="23"/>
      <c r="FZ483" s="23"/>
      <c r="GA483" s="23"/>
      <c r="GB483" s="23"/>
      <c r="GC483" s="23"/>
      <c r="GD483" s="23"/>
      <c r="GE483" s="23"/>
      <c r="GF483" s="23"/>
      <c r="GG483" s="23"/>
      <c r="GH483" s="23"/>
      <c r="GI483" s="23"/>
      <c r="GJ483" s="23"/>
      <c r="GK483" s="23"/>
      <c r="GL483" s="23"/>
      <c r="GM483" s="23"/>
      <c r="GN483" s="23"/>
      <c r="GO483" s="23"/>
      <c r="GP483" s="23"/>
      <c r="GQ483" s="23"/>
      <c r="GR483" s="23"/>
      <c r="GS483" s="23"/>
      <c r="GT483" s="23"/>
      <c r="GU483" s="23"/>
      <c r="GV483" s="23"/>
      <c r="GW483" s="23"/>
      <c r="GX483" s="23"/>
      <c r="GY483" s="23"/>
      <c r="GZ483" s="23"/>
      <c r="HA483" s="23"/>
      <c r="HB483" s="23"/>
      <c r="HC483" s="23"/>
      <c r="HD483" s="23"/>
      <c r="HE483" s="23"/>
      <c r="HF483" s="23"/>
      <c r="HG483" s="23"/>
      <c r="HH483" s="23"/>
      <c r="HI483" s="23"/>
      <c r="HJ483" s="23"/>
      <c r="HK483" s="23"/>
      <c r="HL483" s="23"/>
      <c r="HM483" s="23"/>
      <c r="HN483" s="23"/>
      <c r="HO483" s="23"/>
      <c r="HP483" s="23"/>
      <c r="HQ483" s="23"/>
      <c r="HR483" s="23"/>
      <c r="HS483" s="23"/>
      <c r="HT483" s="23"/>
      <c r="HU483" s="23"/>
      <c r="HV483" s="23"/>
      <c r="HW483" s="23"/>
      <c r="HX483" s="23"/>
      <c r="HY483" s="23"/>
      <c r="HZ483" s="23"/>
      <c r="IA483" s="23"/>
      <c r="IB483" s="23"/>
      <c r="IC483" s="23"/>
      <c r="ID483" s="23"/>
      <c r="IE483" s="23"/>
      <c r="IF483" s="23"/>
      <c r="IG483" s="23"/>
      <c r="IH483" s="23"/>
      <c r="II483" s="23"/>
      <c r="IJ483" s="23"/>
      <c r="IK483" s="23"/>
      <c r="IL483" s="23"/>
      <c r="IM483" s="23"/>
      <c r="IN483" s="23"/>
      <c r="IO483" s="23"/>
      <c r="IP483" s="23"/>
      <c r="IQ483" s="23"/>
    </row>
    <row r="484" spans="1:251" s="50" customFormat="1" ht="18.75" customHeight="1">
      <c r="A484" s="34"/>
      <c r="B484" s="47"/>
      <c r="C484" s="130" t="s">
        <v>153</v>
      </c>
      <c r="D484" s="130"/>
      <c r="E484" s="130"/>
      <c r="F484" s="130"/>
      <c r="G484" s="130"/>
      <c r="H484" s="130"/>
      <c r="I484" s="130"/>
      <c r="J484" s="130"/>
      <c r="K484" s="130"/>
      <c r="L484" s="130"/>
      <c r="M484" s="130"/>
      <c r="N484" s="130"/>
      <c r="O484" s="130"/>
      <c r="P484" s="130"/>
      <c r="Q484" s="130"/>
      <c r="R484" s="130"/>
      <c r="S484" s="130"/>
      <c r="T484" s="130"/>
      <c r="U484" s="130"/>
      <c r="V484" s="130"/>
      <c r="W484" s="130"/>
      <c r="X484" s="130"/>
      <c r="Y484" s="130"/>
      <c r="Z484" s="52"/>
      <c r="AA484" s="132">
        <v>50</v>
      </c>
      <c r="AB484" s="200"/>
      <c r="AC484" s="200"/>
      <c r="AD484" s="200"/>
      <c r="AE484" s="200"/>
      <c r="AF484" s="200"/>
      <c r="AG484" s="200"/>
      <c r="AH484" s="200"/>
      <c r="AI484" s="201"/>
      <c r="AJ484" s="132">
        <v>50</v>
      </c>
      <c r="AK484" s="196"/>
      <c r="AL484" s="196"/>
      <c r="AM484" s="196"/>
      <c r="AN484" s="196"/>
      <c r="AO484" s="196"/>
      <c r="AP484" s="196"/>
      <c r="AQ484" s="196"/>
      <c r="AR484" s="197"/>
      <c r="AS484" s="132"/>
      <c r="AT484" s="196"/>
      <c r="AU484" s="196"/>
      <c r="AV484" s="196"/>
      <c r="AW484" s="196"/>
      <c r="AX484" s="202"/>
      <c r="AY484" s="23"/>
      <c r="AZ484" s="23"/>
      <c r="BA484" s="23"/>
      <c r="BB484" s="23"/>
      <c r="BC484" s="23"/>
      <c r="BD484" s="23"/>
      <c r="BE484" s="23"/>
      <c r="BF484" s="23"/>
      <c r="BG484" s="23"/>
      <c r="BH484" s="23"/>
      <c r="BI484" s="23"/>
      <c r="BJ484" s="23"/>
      <c r="BK484" s="23"/>
      <c r="BL484" s="23"/>
      <c r="BM484" s="23"/>
      <c r="BN484" s="23"/>
      <c r="BO484" s="23"/>
      <c r="BP484" s="23"/>
      <c r="BQ484" s="23"/>
      <c r="BR484" s="23"/>
      <c r="BS484" s="23"/>
      <c r="BT484" s="23"/>
      <c r="BU484" s="23"/>
      <c r="BV484" s="23"/>
      <c r="BW484" s="23"/>
      <c r="BX484" s="23"/>
      <c r="BY484" s="23"/>
      <c r="BZ484" s="23"/>
      <c r="CA484" s="23"/>
      <c r="CB484" s="23"/>
      <c r="CC484" s="23"/>
      <c r="CD484" s="23"/>
      <c r="CE484" s="23"/>
      <c r="CF484" s="23"/>
      <c r="CG484" s="23"/>
      <c r="CH484" s="23"/>
      <c r="CI484" s="23"/>
      <c r="CJ484" s="23"/>
      <c r="CK484" s="23"/>
      <c r="CL484" s="23"/>
      <c r="CM484" s="23"/>
      <c r="CN484" s="23"/>
      <c r="CO484" s="23"/>
      <c r="CP484" s="23"/>
      <c r="CQ484" s="23"/>
      <c r="CR484" s="23"/>
      <c r="CS484" s="23"/>
      <c r="CT484" s="23"/>
      <c r="CU484" s="23"/>
      <c r="CV484" s="23"/>
      <c r="CW484" s="23"/>
      <c r="CX484" s="23"/>
      <c r="CY484" s="23"/>
      <c r="CZ484" s="23"/>
      <c r="DA484" s="23"/>
      <c r="DB484" s="23"/>
      <c r="DC484" s="23"/>
      <c r="DD484" s="23"/>
      <c r="DE484" s="23"/>
      <c r="DF484" s="23"/>
      <c r="DG484" s="23"/>
      <c r="DH484" s="23"/>
      <c r="DI484" s="23"/>
      <c r="DJ484" s="23"/>
      <c r="DK484" s="23"/>
      <c r="DL484" s="23"/>
      <c r="DM484" s="23"/>
      <c r="DN484" s="23"/>
      <c r="DO484" s="23"/>
      <c r="DP484" s="23"/>
      <c r="DQ484" s="23"/>
      <c r="DR484" s="23"/>
      <c r="DS484" s="23"/>
      <c r="DT484" s="23"/>
      <c r="DU484" s="23"/>
      <c r="DV484" s="23"/>
      <c r="DW484" s="23"/>
      <c r="DX484" s="23"/>
      <c r="DY484" s="23"/>
      <c r="DZ484" s="23"/>
      <c r="EA484" s="23"/>
      <c r="EB484" s="23"/>
      <c r="EC484" s="23"/>
      <c r="ED484" s="23"/>
      <c r="EE484" s="23"/>
      <c r="EF484" s="23"/>
      <c r="EG484" s="23"/>
      <c r="EH484" s="23"/>
      <c r="EI484" s="23"/>
      <c r="EJ484" s="23"/>
      <c r="EK484" s="23"/>
      <c r="EL484" s="23"/>
      <c r="EM484" s="23"/>
      <c r="EN484" s="23"/>
      <c r="EO484" s="23"/>
      <c r="EP484" s="23"/>
      <c r="EQ484" s="23"/>
      <c r="ER484" s="23"/>
      <c r="ES484" s="23"/>
      <c r="ET484" s="23"/>
      <c r="EU484" s="23"/>
      <c r="EV484" s="23"/>
      <c r="EW484" s="23"/>
      <c r="EX484" s="23"/>
      <c r="EY484" s="23"/>
      <c r="EZ484" s="23"/>
      <c r="FA484" s="23"/>
      <c r="FB484" s="23"/>
      <c r="FC484" s="23"/>
      <c r="FD484" s="23"/>
      <c r="FE484" s="23"/>
      <c r="FF484" s="23"/>
      <c r="FG484" s="23"/>
      <c r="FH484" s="23"/>
      <c r="FI484" s="23"/>
      <c r="FJ484" s="23"/>
      <c r="FK484" s="23"/>
      <c r="FL484" s="23"/>
      <c r="FM484" s="23"/>
      <c r="FN484" s="23"/>
      <c r="FO484" s="23"/>
      <c r="FP484" s="23"/>
      <c r="FQ484" s="23"/>
      <c r="FR484" s="23"/>
      <c r="FS484" s="23"/>
      <c r="FT484" s="23"/>
      <c r="FU484" s="23"/>
      <c r="FV484" s="23"/>
      <c r="FW484" s="23"/>
      <c r="FX484" s="23"/>
      <c r="FY484" s="23"/>
      <c r="FZ484" s="23"/>
      <c r="GA484" s="23"/>
      <c r="GB484" s="23"/>
      <c r="GC484" s="23"/>
      <c r="GD484" s="23"/>
      <c r="GE484" s="23"/>
      <c r="GF484" s="23"/>
      <c r="GG484" s="23"/>
      <c r="GH484" s="23"/>
      <c r="GI484" s="23"/>
      <c r="GJ484" s="23"/>
      <c r="GK484" s="23"/>
      <c r="GL484" s="23"/>
      <c r="GM484" s="23"/>
      <c r="GN484" s="23"/>
      <c r="GO484" s="23"/>
      <c r="GP484" s="23"/>
      <c r="GQ484" s="23"/>
      <c r="GR484" s="23"/>
      <c r="GS484" s="23"/>
      <c r="GT484" s="23"/>
      <c r="GU484" s="23"/>
      <c r="GV484" s="23"/>
      <c r="GW484" s="23"/>
      <c r="GX484" s="23"/>
      <c r="GY484" s="23"/>
      <c r="GZ484" s="23"/>
      <c r="HA484" s="23"/>
      <c r="HB484" s="23"/>
      <c r="HC484" s="23"/>
      <c r="HD484" s="23"/>
      <c r="HE484" s="23"/>
      <c r="HF484" s="23"/>
      <c r="HG484" s="23"/>
      <c r="HH484" s="23"/>
      <c r="HI484" s="23"/>
      <c r="HJ484" s="23"/>
      <c r="HK484" s="23"/>
      <c r="HL484" s="23"/>
      <c r="HM484" s="23"/>
      <c r="HN484" s="23"/>
      <c r="HO484" s="23"/>
      <c r="HP484" s="23"/>
      <c r="HQ484" s="23"/>
      <c r="HR484" s="23"/>
      <c r="HS484" s="23"/>
      <c r="HT484" s="23"/>
      <c r="HU484" s="23"/>
      <c r="HV484" s="23"/>
      <c r="HW484" s="23"/>
      <c r="HX484" s="23"/>
      <c r="HY484" s="23"/>
      <c r="HZ484" s="23"/>
      <c r="IA484" s="23"/>
      <c r="IB484" s="23"/>
      <c r="IC484" s="23"/>
      <c r="ID484" s="23"/>
      <c r="IE484" s="23"/>
      <c r="IF484" s="23"/>
      <c r="IG484" s="23"/>
      <c r="IH484" s="23"/>
      <c r="II484" s="23"/>
      <c r="IJ484" s="23"/>
      <c r="IK484" s="23"/>
      <c r="IL484" s="23"/>
      <c r="IM484" s="23"/>
      <c r="IN484" s="23"/>
      <c r="IO484" s="23"/>
      <c r="IP484" s="23"/>
      <c r="IQ484" s="23"/>
    </row>
    <row r="485" spans="1:251" s="50" customFormat="1" ht="18.75" customHeight="1">
      <c r="A485" s="34"/>
      <c r="B485" s="48"/>
      <c r="C485" s="130" t="s">
        <v>154</v>
      </c>
      <c r="D485" s="130"/>
      <c r="E485" s="130"/>
      <c r="F485" s="130"/>
      <c r="G485" s="130"/>
      <c r="H485" s="130"/>
      <c r="I485" s="130"/>
      <c r="J485" s="130"/>
      <c r="K485" s="130"/>
      <c r="L485" s="130"/>
      <c r="M485" s="130"/>
      <c r="N485" s="130"/>
      <c r="O485" s="130"/>
      <c r="P485" s="130"/>
      <c r="Q485" s="130"/>
      <c r="R485" s="130"/>
      <c r="S485" s="130"/>
      <c r="T485" s="130"/>
      <c r="U485" s="130"/>
      <c r="V485" s="130"/>
      <c r="W485" s="130"/>
      <c r="X485" s="130"/>
      <c r="Y485" s="130"/>
      <c r="Z485" s="53"/>
      <c r="AA485" s="132">
        <v>28371</v>
      </c>
      <c r="AB485" s="200"/>
      <c r="AC485" s="200"/>
      <c r="AD485" s="200"/>
      <c r="AE485" s="200"/>
      <c r="AF485" s="200"/>
      <c r="AG485" s="200"/>
      <c r="AH485" s="200"/>
      <c r="AI485" s="201"/>
      <c r="AJ485" s="132">
        <v>41681</v>
      </c>
      <c r="AK485" s="196"/>
      <c r="AL485" s="196"/>
      <c r="AM485" s="196"/>
      <c r="AN485" s="196"/>
      <c r="AO485" s="196"/>
      <c r="AP485" s="196"/>
      <c r="AQ485" s="196"/>
      <c r="AR485" s="197"/>
      <c r="AS485" s="136"/>
      <c r="AT485" s="198"/>
      <c r="AU485" s="198"/>
      <c r="AV485" s="198"/>
      <c r="AW485" s="198"/>
      <c r="AX485" s="199"/>
      <c r="AY485" s="23"/>
      <c r="AZ485" s="23"/>
      <c r="BA485" s="23"/>
      <c r="BB485" s="23"/>
      <c r="BC485" s="23"/>
      <c r="BD485" s="23"/>
      <c r="BE485" s="23"/>
      <c r="BF485" s="23"/>
      <c r="BG485" s="23"/>
      <c r="BH485" s="23"/>
      <c r="BI485" s="23"/>
      <c r="BJ485" s="23"/>
      <c r="BK485" s="23"/>
      <c r="BL485" s="23"/>
      <c r="BM485" s="23"/>
      <c r="BN485" s="23"/>
      <c r="BO485" s="23"/>
      <c r="BP485" s="23"/>
      <c r="BQ485" s="23"/>
      <c r="BR485" s="23"/>
      <c r="BS485" s="23"/>
      <c r="BT485" s="23"/>
      <c r="BU485" s="23"/>
      <c r="BV485" s="23"/>
      <c r="BW485" s="23"/>
      <c r="BX485" s="23"/>
      <c r="BY485" s="23"/>
      <c r="BZ485" s="23"/>
      <c r="CA485" s="23"/>
      <c r="CB485" s="23"/>
      <c r="CC485" s="23"/>
      <c r="CD485" s="23"/>
      <c r="CE485" s="23"/>
      <c r="CF485" s="23"/>
      <c r="CG485" s="23"/>
      <c r="CH485" s="23"/>
      <c r="CI485" s="23"/>
      <c r="CJ485" s="23"/>
      <c r="CK485" s="23"/>
      <c r="CL485" s="23"/>
      <c r="CM485" s="23"/>
      <c r="CN485" s="23"/>
      <c r="CO485" s="23"/>
      <c r="CP485" s="23"/>
      <c r="CQ485" s="23"/>
      <c r="CR485" s="23"/>
      <c r="CS485" s="23"/>
      <c r="CT485" s="23"/>
      <c r="CU485" s="23"/>
      <c r="CV485" s="23"/>
      <c r="CW485" s="23"/>
      <c r="CX485" s="23"/>
      <c r="CY485" s="23"/>
      <c r="CZ485" s="23"/>
      <c r="DA485" s="23"/>
      <c r="DB485" s="23"/>
      <c r="DC485" s="23"/>
      <c r="DD485" s="23"/>
      <c r="DE485" s="23"/>
      <c r="DF485" s="23"/>
      <c r="DG485" s="23"/>
      <c r="DH485" s="23"/>
      <c r="DI485" s="23"/>
      <c r="DJ485" s="23"/>
      <c r="DK485" s="23"/>
      <c r="DL485" s="23"/>
      <c r="DM485" s="23"/>
      <c r="DN485" s="23"/>
      <c r="DO485" s="23"/>
      <c r="DP485" s="23"/>
      <c r="DQ485" s="23"/>
      <c r="DR485" s="23"/>
      <c r="DS485" s="23"/>
      <c r="DT485" s="23"/>
      <c r="DU485" s="23"/>
      <c r="DV485" s="23"/>
      <c r="DW485" s="23"/>
      <c r="DX485" s="23"/>
      <c r="DY485" s="23"/>
      <c r="DZ485" s="23"/>
      <c r="EA485" s="23"/>
      <c r="EB485" s="23"/>
      <c r="EC485" s="23"/>
      <c r="ED485" s="23"/>
      <c r="EE485" s="23"/>
      <c r="EF485" s="23"/>
      <c r="EG485" s="23"/>
      <c r="EH485" s="23"/>
      <c r="EI485" s="23"/>
      <c r="EJ485" s="23"/>
      <c r="EK485" s="23"/>
      <c r="EL485" s="23"/>
      <c r="EM485" s="23"/>
      <c r="EN485" s="23"/>
      <c r="EO485" s="23"/>
      <c r="EP485" s="23"/>
      <c r="EQ485" s="23"/>
      <c r="ER485" s="23"/>
      <c r="ES485" s="23"/>
      <c r="ET485" s="23"/>
      <c r="EU485" s="23"/>
      <c r="EV485" s="23"/>
      <c r="EW485" s="23"/>
      <c r="EX485" s="23"/>
      <c r="EY485" s="23"/>
      <c r="EZ485" s="23"/>
      <c r="FA485" s="23"/>
      <c r="FB485" s="23"/>
      <c r="FC485" s="23"/>
      <c r="FD485" s="23"/>
      <c r="FE485" s="23"/>
      <c r="FF485" s="23"/>
      <c r="FG485" s="23"/>
      <c r="FH485" s="23"/>
      <c r="FI485" s="23"/>
      <c r="FJ485" s="23"/>
      <c r="FK485" s="23"/>
      <c r="FL485" s="23"/>
      <c r="FM485" s="23"/>
      <c r="FN485" s="23"/>
      <c r="FO485" s="23"/>
      <c r="FP485" s="23"/>
      <c r="FQ485" s="23"/>
      <c r="FR485" s="23"/>
      <c r="FS485" s="23"/>
      <c r="FT485" s="23"/>
      <c r="FU485" s="23"/>
      <c r="FV485" s="23"/>
      <c r="FW485" s="23"/>
      <c r="FX485" s="23"/>
      <c r="FY485" s="23"/>
      <c r="FZ485" s="23"/>
      <c r="GA485" s="23"/>
      <c r="GB485" s="23"/>
      <c r="GC485" s="23"/>
      <c r="GD485" s="23"/>
      <c r="GE485" s="23"/>
      <c r="GF485" s="23"/>
      <c r="GG485" s="23"/>
      <c r="GH485" s="23"/>
      <c r="GI485" s="23"/>
      <c r="GJ485" s="23"/>
      <c r="GK485" s="23"/>
      <c r="GL485" s="23"/>
      <c r="GM485" s="23"/>
      <c r="GN485" s="23"/>
      <c r="GO485" s="23"/>
      <c r="GP485" s="23"/>
      <c r="GQ485" s="23"/>
      <c r="GR485" s="23"/>
      <c r="GS485" s="23"/>
      <c r="GT485" s="23"/>
      <c r="GU485" s="23"/>
      <c r="GV485" s="23"/>
      <c r="GW485" s="23"/>
      <c r="GX485" s="23"/>
      <c r="GY485" s="23"/>
      <c r="GZ485" s="23"/>
      <c r="HA485" s="23"/>
      <c r="HB485" s="23"/>
      <c r="HC485" s="23"/>
      <c r="HD485" s="23"/>
      <c r="HE485" s="23"/>
      <c r="HF485" s="23"/>
      <c r="HG485" s="23"/>
      <c r="HH485" s="23"/>
      <c r="HI485" s="23"/>
      <c r="HJ485" s="23"/>
      <c r="HK485" s="23"/>
      <c r="HL485" s="23"/>
      <c r="HM485" s="23"/>
      <c r="HN485" s="23"/>
      <c r="HO485" s="23"/>
      <c r="HP485" s="23"/>
      <c r="HQ485" s="23"/>
      <c r="HR485" s="23"/>
      <c r="HS485" s="23"/>
      <c r="HT485" s="23"/>
      <c r="HU485" s="23"/>
      <c r="HV485" s="23"/>
      <c r="HW485" s="23"/>
      <c r="HX485" s="23"/>
      <c r="HY485" s="23"/>
      <c r="HZ485" s="23"/>
      <c r="IA485" s="23"/>
      <c r="IB485" s="23"/>
      <c r="IC485" s="23"/>
      <c r="ID485" s="23"/>
      <c r="IE485" s="23"/>
      <c r="IF485" s="23"/>
      <c r="IG485" s="23"/>
      <c r="IH485" s="23"/>
      <c r="II485" s="23"/>
      <c r="IJ485" s="23"/>
      <c r="IK485" s="23"/>
      <c r="IL485" s="23"/>
      <c r="IM485" s="23"/>
      <c r="IN485" s="23"/>
      <c r="IO485" s="23"/>
      <c r="IP485" s="23"/>
      <c r="IQ485" s="23"/>
    </row>
    <row r="486" spans="1:251" s="50" customFormat="1" ht="18.75" customHeight="1">
      <c r="A486" s="34"/>
      <c r="B486" s="47"/>
      <c r="C486" s="130"/>
      <c r="D486" s="130"/>
      <c r="E486" s="130"/>
      <c r="F486" s="130"/>
      <c r="G486" s="130"/>
      <c r="H486" s="130"/>
      <c r="I486" s="130"/>
      <c r="J486" s="130"/>
      <c r="K486" s="130"/>
      <c r="L486" s="130"/>
      <c r="M486" s="130"/>
      <c r="N486" s="130"/>
      <c r="O486" s="130"/>
      <c r="P486" s="130"/>
      <c r="Q486" s="130"/>
      <c r="R486" s="130"/>
      <c r="S486" s="130"/>
      <c r="T486" s="130"/>
      <c r="U486" s="130"/>
      <c r="V486" s="130"/>
      <c r="W486" s="130"/>
      <c r="X486" s="130"/>
      <c r="Y486" s="130"/>
      <c r="Z486" s="52"/>
      <c r="AA486" s="132"/>
      <c r="AB486" s="200"/>
      <c r="AC486" s="200"/>
      <c r="AD486" s="200"/>
      <c r="AE486" s="200"/>
      <c r="AF486" s="200"/>
      <c r="AG486" s="200"/>
      <c r="AH486" s="200"/>
      <c r="AI486" s="201"/>
      <c r="AJ486" s="132"/>
      <c r="AK486" s="196"/>
      <c r="AL486" s="196"/>
      <c r="AM486" s="196"/>
      <c r="AN486" s="196"/>
      <c r="AO486" s="196"/>
      <c r="AP486" s="196"/>
      <c r="AQ486" s="196"/>
      <c r="AR486" s="197"/>
      <c r="AS486" s="132"/>
      <c r="AT486" s="196"/>
      <c r="AU486" s="196"/>
      <c r="AV486" s="196"/>
      <c r="AW486" s="196"/>
      <c r="AX486" s="202"/>
      <c r="AY486" s="23"/>
      <c r="AZ486" s="23"/>
      <c r="BA486" s="23"/>
      <c r="BB486" s="23"/>
      <c r="BC486" s="23"/>
      <c r="BD486" s="23"/>
      <c r="BE486" s="23"/>
      <c r="BF486" s="23"/>
      <c r="BG486" s="23"/>
      <c r="BH486" s="23"/>
      <c r="BI486" s="23"/>
      <c r="BJ486" s="23"/>
      <c r="BK486" s="23"/>
      <c r="BL486" s="23"/>
      <c r="BM486" s="23"/>
      <c r="BN486" s="23"/>
      <c r="BO486" s="23"/>
      <c r="BP486" s="23"/>
      <c r="BQ486" s="23"/>
      <c r="BR486" s="23"/>
      <c r="BS486" s="23"/>
      <c r="BT486" s="23"/>
      <c r="BU486" s="23"/>
      <c r="BV486" s="23"/>
      <c r="BW486" s="23"/>
      <c r="BX486" s="23"/>
      <c r="BY486" s="23"/>
      <c r="BZ486" s="23"/>
      <c r="CA486" s="23"/>
      <c r="CB486" s="23"/>
      <c r="CC486" s="23"/>
      <c r="CD486" s="23"/>
      <c r="CE486" s="23"/>
      <c r="CF486" s="23"/>
      <c r="CG486" s="23"/>
      <c r="CH486" s="23"/>
      <c r="CI486" s="23"/>
      <c r="CJ486" s="23"/>
      <c r="CK486" s="23"/>
      <c r="CL486" s="23"/>
      <c r="CM486" s="23"/>
      <c r="CN486" s="23"/>
      <c r="CO486" s="23"/>
      <c r="CP486" s="23"/>
      <c r="CQ486" s="23"/>
      <c r="CR486" s="23"/>
      <c r="CS486" s="23"/>
      <c r="CT486" s="23"/>
      <c r="CU486" s="23"/>
      <c r="CV486" s="23"/>
      <c r="CW486" s="23"/>
      <c r="CX486" s="23"/>
      <c r="CY486" s="23"/>
      <c r="CZ486" s="23"/>
      <c r="DA486" s="23"/>
      <c r="DB486" s="23"/>
      <c r="DC486" s="23"/>
      <c r="DD486" s="23"/>
      <c r="DE486" s="23"/>
      <c r="DF486" s="23"/>
      <c r="DG486" s="23"/>
      <c r="DH486" s="23"/>
      <c r="DI486" s="23"/>
      <c r="DJ486" s="23"/>
      <c r="DK486" s="23"/>
      <c r="DL486" s="23"/>
      <c r="DM486" s="23"/>
      <c r="DN486" s="23"/>
      <c r="DO486" s="23"/>
      <c r="DP486" s="23"/>
      <c r="DQ486" s="23"/>
      <c r="DR486" s="23"/>
      <c r="DS486" s="23"/>
      <c r="DT486" s="23"/>
      <c r="DU486" s="23"/>
      <c r="DV486" s="23"/>
      <c r="DW486" s="23"/>
      <c r="DX486" s="23"/>
      <c r="DY486" s="23"/>
      <c r="DZ486" s="23"/>
      <c r="EA486" s="23"/>
      <c r="EB486" s="23"/>
      <c r="EC486" s="23"/>
      <c r="ED486" s="23"/>
      <c r="EE486" s="23"/>
      <c r="EF486" s="23"/>
      <c r="EG486" s="23"/>
      <c r="EH486" s="23"/>
      <c r="EI486" s="23"/>
      <c r="EJ486" s="23"/>
      <c r="EK486" s="23"/>
      <c r="EL486" s="23"/>
      <c r="EM486" s="23"/>
      <c r="EN486" s="23"/>
      <c r="EO486" s="23"/>
      <c r="EP486" s="23"/>
      <c r="EQ486" s="23"/>
      <c r="ER486" s="23"/>
      <c r="ES486" s="23"/>
      <c r="ET486" s="23"/>
      <c r="EU486" s="23"/>
      <c r="EV486" s="23"/>
      <c r="EW486" s="23"/>
      <c r="EX486" s="23"/>
      <c r="EY486" s="23"/>
      <c r="EZ486" s="23"/>
      <c r="FA486" s="23"/>
      <c r="FB486" s="23"/>
      <c r="FC486" s="23"/>
      <c r="FD486" s="23"/>
      <c r="FE486" s="23"/>
      <c r="FF486" s="23"/>
      <c r="FG486" s="23"/>
      <c r="FH486" s="23"/>
      <c r="FI486" s="23"/>
      <c r="FJ486" s="23"/>
      <c r="FK486" s="23"/>
      <c r="FL486" s="23"/>
      <c r="FM486" s="23"/>
      <c r="FN486" s="23"/>
      <c r="FO486" s="23"/>
      <c r="FP486" s="23"/>
      <c r="FQ486" s="23"/>
      <c r="FR486" s="23"/>
      <c r="FS486" s="23"/>
      <c r="FT486" s="23"/>
      <c r="FU486" s="23"/>
      <c r="FV486" s="23"/>
      <c r="FW486" s="23"/>
      <c r="FX486" s="23"/>
      <c r="FY486" s="23"/>
      <c r="FZ486" s="23"/>
      <c r="GA486" s="23"/>
      <c r="GB486" s="23"/>
      <c r="GC486" s="23"/>
      <c r="GD486" s="23"/>
      <c r="GE486" s="23"/>
      <c r="GF486" s="23"/>
      <c r="GG486" s="23"/>
      <c r="GH486" s="23"/>
      <c r="GI486" s="23"/>
      <c r="GJ486" s="23"/>
      <c r="GK486" s="23"/>
      <c r="GL486" s="23"/>
      <c r="GM486" s="23"/>
      <c r="GN486" s="23"/>
      <c r="GO486" s="23"/>
      <c r="GP486" s="23"/>
      <c r="GQ486" s="23"/>
      <c r="GR486" s="23"/>
      <c r="GS486" s="23"/>
      <c r="GT486" s="23"/>
      <c r="GU486" s="23"/>
      <c r="GV486" s="23"/>
      <c r="GW486" s="23"/>
      <c r="GX486" s="23"/>
      <c r="GY486" s="23"/>
      <c r="GZ486" s="23"/>
      <c r="HA486" s="23"/>
      <c r="HB486" s="23"/>
      <c r="HC486" s="23"/>
      <c r="HD486" s="23"/>
      <c r="HE486" s="23"/>
      <c r="HF486" s="23"/>
      <c r="HG486" s="23"/>
      <c r="HH486" s="23"/>
      <c r="HI486" s="23"/>
      <c r="HJ486" s="23"/>
      <c r="HK486" s="23"/>
      <c r="HL486" s="23"/>
      <c r="HM486" s="23"/>
      <c r="HN486" s="23"/>
      <c r="HO486" s="23"/>
      <c r="HP486" s="23"/>
      <c r="HQ486" s="23"/>
      <c r="HR486" s="23"/>
      <c r="HS486" s="23"/>
      <c r="HT486" s="23"/>
      <c r="HU486" s="23"/>
      <c r="HV486" s="23"/>
      <c r="HW486" s="23"/>
      <c r="HX486" s="23"/>
      <c r="HY486" s="23"/>
      <c r="HZ486" s="23"/>
      <c r="IA486" s="23"/>
      <c r="IB486" s="23"/>
      <c r="IC486" s="23"/>
      <c r="ID486" s="23"/>
      <c r="IE486" s="23"/>
      <c r="IF486" s="23"/>
      <c r="IG486" s="23"/>
      <c r="IH486" s="23"/>
      <c r="II486" s="23"/>
      <c r="IJ486" s="23"/>
      <c r="IK486" s="23"/>
      <c r="IL486" s="23"/>
      <c r="IM486" s="23"/>
      <c r="IN486" s="23"/>
      <c r="IO486" s="23"/>
      <c r="IP486" s="23"/>
      <c r="IQ486" s="23"/>
    </row>
    <row r="487" spans="1:251" s="50" customFormat="1" ht="18.75" customHeight="1">
      <c r="A487" s="34"/>
      <c r="B487" s="48"/>
      <c r="C487" s="130"/>
      <c r="D487" s="130"/>
      <c r="E487" s="130"/>
      <c r="F487" s="130"/>
      <c r="G487" s="130"/>
      <c r="H487" s="130"/>
      <c r="I487" s="130"/>
      <c r="J487" s="130"/>
      <c r="K487" s="130"/>
      <c r="L487" s="130"/>
      <c r="M487" s="130"/>
      <c r="N487" s="130"/>
      <c r="O487" s="130"/>
      <c r="P487" s="130"/>
      <c r="Q487" s="130"/>
      <c r="R487" s="130"/>
      <c r="S487" s="130"/>
      <c r="T487" s="130"/>
      <c r="U487" s="130"/>
      <c r="V487" s="130"/>
      <c r="W487" s="130"/>
      <c r="X487" s="130"/>
      <c r="Y487" s="130"/>
      <c r="Z487" s="54"/>
      <c r="AA487" s="132"/>
      <c r="AB487" s="200"/>
      <c r="AC487" s="200"/>
      <c r="AD487" s="200"/>
      <c r="AE487" s="200"/>
      <c r="AF487" s="200"/>
      <c r="AG487" s="200"/>
      <c r="AH487" s="200"/>
      <c r="AI487" s="201"/>
      <c r="AJ487" s="132"/>
      <c r="AK487" s="133"/>
      <c r="AL487" s="133"/>
      <c r="AM487" s="133"/>
      <c r="AN487" s="133"/>
      <c r="AO487" s="133"/>
      <c r="AP487" s="133"/>
      <c r="AQ487" s="133"/>
      <c r="AR487" s="134"/>
      <c r="AS487" s="132"/>
      <c r="AT487" s="196"/>
      <c r="AU487" s="196"/>
      <c r="AV487" s="196"/>
      <c r="AW487" s="196"/>
      <c r="AX487" s="202"/>
      <c r="AY487" s="23"/>
      <c r="AZ487" s="23"/>
      <c r="BA487" s="23"/>
      <c r="BB487" s="23"/>
      <c r="BC487" s="23"/>
      <c r="BD487" s="23"/>
      <c r="BE487" s="23"/>
      <c r="BF487" s="23"/>
      <c r="BG487" s="23"/>
      <c r="BH487" s="23"/>
      <c r="BI487" s="23"/>
      <c r="BJ487" s="23"/>
      <c r="BK487" s="23"/>
      <c r="BL487" s="23"/>
      <c r="BM487" s="23"/>
      <c r="BN487" s="23"/>
      <c r="BO487" s="23"/>
      <c r="BP487" s="23"/>
      <c r="BQ487" s="23"/>
      <c r="BR487" s="23"/>
      <c r="BS487" s="23"/>
      <c r="BT487" s="23"/>
      <c r="BU487" s="23"/>
      <c r="BV487" s="23"/>
      <c r="BW487" s="23"/>
      <c r="BX487" s="23"/>
      <c r="BY487" s="23"/>
      <c r="BZ487" s="23"/>
      <c r="CA487" s="23"/>
      <c r="CB487" s="23"/>
      <c r="CC487" s="23"/>
      <c r="CD487" s="23"/>
      <c r="CE487" s="23"/>
      <c r="CF487" s="23"/>
      <c r="CG487" s="23"/>
      <c r="CH487" s="23"/>
      <c r="CI487" s="23"/>
      <c r="CJ487" s="23"/>
      <c r="CK487" s="23"/>
      <c r="CL487" s="23"/>
      <c r="CM487" s="23"/>
      <c r="CN487" s="23"/>
      <c r="CO487" s="23"/>
      <c r="CP487" s="23"/>
      <c r="CQ487" s="23"/>
      <c r="CR487" s="23"/>
      <c r="CS487" s="23"/>
      <c r="CT487" s="23"/>
      <c r="CU487" s="23"/>
      <c r="CV487" s="23"/>
      <c r="CW487" s="23"/>
      <c r="CX487" s="23"/>
      <c r="CY487" s="23"/>
      <c r="CZ487" s="23"/>
      <c r="DA487" s="23"/>
      <c r="DB487" s="23"/>
      <c r="DC487" s="23"/>
      <c r="DD487" s="23"/>
      <c r="DE487" s="23"/>
      <c r="DF487" s="23"/>
      <c r="DG487" s="23"/>
      <c r="DH487" s="23"/>
      <c r="DI487" s="23"/>
      <c r="DJ487" s="23"/>
      <c r="DK487" s="23"/>
      <c r="DL487" s="23"/>
      <c r="DM487" s="23"/>
      <c r="DN487" s="23"/>
      <c r="DO487" s="23"/>
      <c r="DP487" s="23"/>
      <c r="DQ487" s="23"/>
      <c r="DR487" s="23"/>
      <c r="DS487" s="23"/>
      <c r="DT487" s="23"/>
      <c r="DU487" s="23"/>
      <c r="DV487" s="23"/>
      <c r="DW487" s="23"/>
      <c r="DX487" s="23"/>
      <c r="DY487" s="23"/>
      <c r="DZ487" s="23"/>
      <c r="EA487" s="23"/>
      <c r="EB487" s="23"/>
      <c r="EC487" s="23"/>
      <c r="ED487" s="23"/>
      <c r="EE487" s="23"/>
      <c r="EF487" s="23"/>
      <c r="EG487" s="23"/>
      <c r="EH487" s="23"/>
      <c r="EI487" s="23"/>
      <c r="EJ487" s="23"/>
      <c r="EK487" s="23"/>
      <c r="EL487" s="23"/>
      <c r="EM487" s="23"/>
      <c r="EN487" s="23"/>
      <c r="EO487" s="23"/>
      <c r="EP487" s="23"/>
      <c r="EQ487" s="23"/>
      <c r="ER487" s="23"/>
      <c r="ES487" s="23"/>
      <c r="ET487" s="23"/>
      <c r="EU487" s="23"/>
      <c r="EV487" s="23"/>
      <c r="EW487" s="23"/>
      <c r="EX487" s="23"/>
      <c r="EY487" s="23"/>
      <c r="EZ487" s="23"/>
      <c r="FA487" s="23"/>
      <c r="FB487" s="23"/>
      <c r="FC487" s="23"/>
      <c r="FD487" s="23"/>
      <c r="FE487" s="23"/>
      <c r="FF487" s="23"/>
      <c r="FG487" s="23"/>
      <c r="FH487" s="23"/>
      <c r="FI487" s="23"/>
      <c r="FJ487" s="23"/>
      <c r="FK487" s="23"/>
      <c r="FL487" s="23"/>
      <c r="FM487" s="23"/>
      <c r="FN487" s="23"/>
      <c r="FO487" s="23"/>
      <c r="FP487" s="23"/>
      <c r="FQ487" s="23"/>
      <c r="FR487" s="23"/>
      <c r="FS487" s="23"/>
      <c r="FT487" s="23"/>
      <c r="FU487" s="23"/>
      <c r="FV487" s="23"/>
      <c r="FW487" s="23"/>
      <c r="FX487" s="23"/>
      <c r="FY487" s="23"/>
      <c r="FZ487" s="23"/>
      <c r="GA487" s="23"/>
      <c r="GB487" s="23"/>
      <c r="GC487" s="23"/>
      <c r="GD487" s="23"/>
      <c r="GE487" s="23"/>
      <c r="GF487" s="23"/>
      <c r="GG487" s="23"/>
      <c r="GH487" s="23"/>
      <c r="GI487" s="23"/>
      <c r="GJ487" s="23"/>
      <c r="GK487" s="23"/>
      <c r="GL487" s="23"/>
      <c r="GM487" s="23"/>
      <c r="GN487" s="23"/>
      <c r="GO487" s="23"/>
      <c r="GP487" s="23"/>
      <c r="GQ487" s="23"/>
      <c r="GR487" s="23"/>
      <c r="GS487" s="23"/>
      <c r="GT487" s="23"/>
      <c r="GU487" s="23"/>
      <c r="GV487" s="23"/>
      <c r="GW487" s="23"/>
      <c r="GX487" s="23"/>
      <c r="GY487" s="23"/>
      <c r="GZ487" s="23"/>
      <c r="HA487" s="23"/>
      <c r="HB487" s="23"/>
      <c r="HC487" s="23"/>
      <c r="HD487" s="23"/>
      <c r="HE487" s="23"/>
      <c r="HF487" s="23"/>
      <c r="HG487" s="23"/>
      <c r="HH487" s="23"/>
      <c r="HI487" s="23"/>
      <c r="HJ487" s="23"/>
      <c r="HK487" s="23"/>
      <c r="HL487" s="23"/>
      <c r="HM487" s="23"/>
      <c r="HN487" s="23"/>
      <c r="HO487" s="23"/>
      <c r="HP487" s="23"/>
      <c r="HQ487" s="23"/>
      <c r="HR487" s="23"/>
      <c r="HS487" s="23"/>
      <c r="HT487" s="23"/>
      <c r="HU487" s="23"/>
      <c r="HV487" s="23"/>
      <c r="HW487" s="23"/>
      <c r="HX487" s="23"/>
      <c r="HY487" s="23"/>
      <c r="HZ487" s="23"/>
      <c r="IA487" s="23"/>
      <c r="IB487" s="23"/>
      <c r="IC487" s="23"/>
      <c r="ID487" s="23"/>
      <c r="IE487" s="23"/>
      <c r="IF487" s="23"/>
      <c r="IG487" s="23"/>
      <c r="IH487" s="23"/>
      <c r="II487" s="23"/>
      <c r="IJ487" s="23"/>
      <c r="IK487" s="23"/>
      <c r="IL487" s="23"/>
      <c r="IM487" s="23"/>
      <c r="IN487" s="23"/>
      <c r="IO487" s="23"/>
      <c r="IP487" s="23"/>
      <c r="IQ487" s="23"/>
    </row>
    <row r="488" spans="1:251" s="50" customFormat="1" ht="18.75" customHeight="1">
      <c r="A488" s="34"/>
      <c r="B488" s="48"/>
      <c r="C488" s="130"/>
      <c r="D488" s="130"/>
      <c r="E488" s="130"/>
      <c r="F488" s="130"/>
      <c r="G488" s="130"/>
      <c r="H488" s="130"/>
      <c r="I488" s="130"/>
      <c r="J488" s="130"/>
      <c r="K488" s="130"/>
      <c r="L488" s="130"/>
      <c r="M488" s="130"/>
      <c r="N488" s="130"/>
      <c r="O488" s="130"/>
      <c r="P488" s="130"/>
      <c r="Q488" s="130"/>
      <c r="R488" s="130"/>
      <c r="S488" s="130"/>
      <c r="T488" s="130"/>
      <c r="U488" s="130"/>
      <c r="V488" s="130"/>
      <c r="W488" s="130"/>
      <c r="X488" s="130"/>
      <c r="Y488" s="130"/>
      <c r="Z488" s="54"/>
      <c r="AA488" s="132"/>
      <c r="AB488" s="200"/>
      <c r="AC488" s="200"/>
      <c r="AD488" s="200"/>
      <c r="AE488" s="200"/>
      <c r="AF488" s="200"/>
      <c r="AG488" s="200"/>
      <c r="AH488" s="200"/>
      <c r="AI488" s="201"/>
      <c r="AJ488" s="132"/>
      <c r="AK488" s="133"/>
      <c r="AL488" s="133"/>
      <c r="AM488" s="133"/>
      <c r="AN488" s="133"/>
      <c r="AO488" s="133"/>
      <c r="AP488" s="133"/>
      <c r="AQ488" s="133"/>
      <c r="AR488" s="134"/>
      <c r="AS488" s="132"/>
      <c r="AT488" s="196"/>
      <c r="AU488" s="196"/>
      <c r="AV488" s="196"/>
      <c r="AW488" s="196"/>
      <c r="AX488" s="202"/>
      <c r="AY488" s="23"/>
      <c r="AZ488" s="23"/>
      <c r="BA488" s="23"/>
      <c r="BB488" s="23"/>
      <c r="BC488" s="23"/>
      <c r="BD488" s="23"/>
      <c r="BE488" s="23"/>
      <c r="BF488" s="23"/>
      <c r="BG488" s="23"/>
      <c r="BH488" s="23"/>
      <c r="BI488" s="23"/>
      <c r="BJ488" s="23"/>
      <c r="BK488" s="23"/>
      <c r="BL488" s="23"/>
      <c r="BM488" s="23"/>
      <c r="BN488" s="23"/>
      <c r="BO488" s="23"/>
      <c r="BP488" s="23"/>
      <c r="BQ488" s="23"/>
      <c r="BR488" s="23"/>
      <c r="BS488" s="23"/>
      <c r="BT488" s="23"/>
      <c r="BU488" s="23"/>
      <c r="BV488" s="23"/>
      <c r="BW488" s="23"/>
      <c r="BX488" s="23"/>
      <c r="BY488" s="23"/>
      <c r="BZ488" s="23"/>
      <c r="CA488" s="23"/>
      <c r="CB488" s="23"/>
      <c r="CC488" s="23"/>
      <c r="CD488" s="23"/>
      <c r="CE488" s="23"/>
      <c r="CF488" s="23"/>
      <c r="CG488" s="23"/>
      <c r="CH488" s="23"/>
      <c r="CI488" s="23"/>
      <c r="CJ488" s="23"/>
      <c r="CK488" s="23"/>
      <c r="CL488" s="23"/>
      <c r="CM488" s="23"/>
      <c r="CN488" s="23"/>
      <c r="CO488" s="23"/>
      <c r="CP488" s="23"/>
      <c r="CQ488" s="23"/>
      <c r="CR488" s="23"/>
      <c r="CS488" s="23"/>
      <c r="CT488" s="23"/>
      <c r="CU488" s="23"/>
      <c r="CV488" s="23"/>
      <c r="CW488" s="23"/>
      <c r="CX488" s="23"/>
      <c r="CY488" s="23"/>
      <c r="CZ488" s="23"/>
      <c r="DA488" s="23"/>
      <c r="DB488" s="23"/>
      <c r="DC488" s="23"/>
      <c r="DD488" s="23"/>
      <c r="DE488" s="23"/>
      <c r="DF488" s="23"/>
      <c r="DG488" s="23"/>
      <c r="DH488" s="23"/>
      <c r="DI488" s="23"/>
      <c r="DJ488" s="23"/>
      <c r="DK488" s="23"/>
      <c r="DL488" s="23"/>
      <c r="DM488" s="23"/>
      <c r="DN488" s="23"/>
      <c r="DO488" s="23"/>
      <c r="DP488" s="23"/>
      <c r="DQ488" s="23"/>
      <c r="DR488" s="23"/>
      <c r="DS488" s="23"/>
      <c r="DT488" s="23"/>
      <c r="DU488" s="23"/>
      <c r="DV488" s="23"/>
      <c r="DW488" s="23"/>
      <c r="DX488" s="23"/>
      <c r="DY488" s="23"/>
      <c r="DZ488" s="23"/>
      <c r="EA488" s="23"/>
      <c r="EB488" s="23"/>
      <c r="EC488" s="23"/>
      <c r="ED488" s="23"/>
      <c r="EE488" s="23"/>
      <c r="EF488" s="23"/>
      <c r="EG488" s="23"/>
      <c r="EH488" s="23"/>
      <c r="EI488" s="23"/>
      <c r="EJ488" s="23"/>
      <c r="EK488" s="23"/>
      <c r="EL488" s="23"/>
      <c r="EM488" s="23"/>
      <c r="EN488" s="23"/>
      <c r="EO488" s="23"/>
      <c r="EP488" s="23"/>
      <c r="EQ488" s="23"/>
      <c r="ER488" s="23"/>
      <c r="ES488" s="23"/>
      <c r="ET488" s="23"/>
      <c r="EU488" s="23"/>
      <c r="EV488" s="23"/>
      <c r="EW488" s="23"/>
      <c r="EX488" s="23"/>
      <c r="EY488" s="23"/>
      <c r="EZ488" s="23"/>
      <c r="FA488" s="23"/>
      <c r="FB488" s="23"/>
      <c r="FC488" s="23"/>
      <c r="FD488" s="23"/>
      <c r="FE488" s="23"/>
      <c r="FF488" s="23"/>
      <c r="FG488" s="23"/>
      <c r="FH488" s="23"/>
      <c r="FI488" s="23"/>
      <c r="FJ488" s="23"/>
      <c r="FK488" s="23"/>
      <c r="FL488" s="23"/>
      <c r="FM488" s="23"/>
      <c r="FN488" s="23"/>
      <c r="FO488" s="23"/>
      <c r="FP488" s="23"/>
      <c r="FQ488" s="23"/>
      <c r="FR488" s="23"/>
      <c r="FS488" s="23"/>
      <c r="FT488" s="23"/>
      <c r="FU488" s="23"/>
      <c r="FV488" s="23"/>
      <c r="FW488" s="23"/>
      <c r="FX488" s="23"/>
      <c r="FY488" s="23"/>
      <c r="FZ488" s="23"/>
      <c r="GA488" s="23"/>
      <c r="GB488" s="23"/>
      <c r="GC488" s="23"/>
      <c r="GD488" s="23"/>
      <c r="GE488" s="23"/>
      <c r="GF488" s="23"/>
      <c r="GG488" s="23"/>
      <c r="GH488" s="23"/>
      <c r="GI488" s="23"/>
      <c r="GJ488" s="23"/>
      <c r="GK488" s="23"/>
      <c r="GL488" s="23"/>
      <c r="GM488" s="23"/>
      <c r="GN488" s="23"/>
      <c r="GO488" s="23"/>
      <c r="GP488" s="23"/>
      <c r="GQ488" s="23"/>
      <c r="GR488" s="23"/>
      <c r="GS488" s="23"/>
      <c r="GT488" s="23"/>
      <c r="GU488" s="23"/>
      <c r="GV488" s="23"/>
      <c r="GW488" s="23"/>
      <c r="GX488" s="23"/>
      <c r="GY488" s="23"/>
      <c r="GZ488" s="23"/>
      <c r="HA488" s="23"/>
      <c r="HB488" s="23"/>
      <c r="HC488" s="23"/>
      <c r="HD488" s="23"/>
      <c r="HE488" s="23"/>
      <c r="HF488" s="23"/>
      <c r="HG488" s="23"/>
      <c r="HH488" s="23"/>
      <c r="HI488" s="23"/>
      <c r="HJ488" s="23"/>
      <c r="HK488" s="23"/>
      <c r="HL488" s="23"/>
      <c r="HM488" s="23"/>
      <c r="HN488" s="23"/>
      <c r="HO488" s="23"/>
      <c r="HP488" s="23"/>
      <c r="HQ488" s="23"/>
      <c r="HR488" s="23"/>
      <c r="HS488" s="23"/>
      <c r="HT488" s="23"/>
      <c r="HU488" s="23"/>
      <c r="HV488" s="23"/>
      <c r="HW488" s="23"/>
      <c r="HX488" s="23"/>
      <c r="HY488" s="23"/>
      <c r="HZ488" s="23"/>
      <c r="IA488" s="23"/>
      <c r="IB488" s="23"/>
      <c r="IC488" s="23"/>
      <c r="ID488" s="23"/>
      <c r="IE488" s="23"/>
      <c r="IF488" s="23"/>
      <c r="IG488" s="23"/>
      <c r="IH488" s="23"/>
      <c r="II488" s="23"/>
      <c r="IJ488" s="23"/>
      <c r="IK488" s="23"/>
      <c r="IL488" s="23"/>
      <c r="IM488" s="23"/>
      <c r="IN488" s="23"/>
      <c r="IO488" s="23"/>
      <c r="IP488" s="23"/>
      <c r="IQ488" s="23"/>
    </row>
    <row r="489" spans="1:251" s="50" customFormat="1" ht="18.75" customHeight="1" thickBot="1">
      <c r="A489" s="34"/>
      <c r="B489" s="49"/>
      <c r="C489" s="158"/>
      <c r="D489" s="158"/>
      <c r="E489" s="158"/>
      <c r="F489" s="158"/>
      <c r="G489" s="158"/>
      <c r="H489" s="158"/>
      <c r="I489" s="158"/>
      <c r="J489" s="158"/>
      <c r="K489" s="158"/>
      <c r="L489" s="158"/>
      <c r="M489" s="158"/>
      <c r="N489" s="158"/>
      <c r="O489" s="158"/>
      <c r="P489" s="158"/>
      <c r="Q489" s="158"/>
      <c r="R489" s="158"/>
      <c r="S489" s="158"/>
      <c r="T489" s="158"/>
      <c r="U489" s="158"/>
      <c r="V489" s="158"/>
      <c r="W489" s="158"/>
      <c r="X489" s="158"/>
      <c r="Y489" s="158"/>
      <c r="Z489" s="55"/>
      <c r="AA489" s="160"/>
      <c r="AB489" s="211"/>
      <c r="AC489" s="211"/>
      <c r="AD489" s="211"/>
      <c r="AE489" s="211"/>
      <c r="AF489" s="211"/>
      <c r="AG489" s="211"/>
      <c r="AH489" s="211"/>
      <c r="AI489" s="212"/>
      <c r="AJ489" s="160"/>
      <c r="AK489" s="161"/>
      <c r="AL489" s="161"/>
      <c r="AM489" s="161"/>
      <c r="AN489" s="161"/>
      <c r="AO489" s="161"/>
      <c r="AP489" s="161"/>
      <c r="AQ489" s="161"/>
      <c r="AR489" s="162"/>
      <c r="AS489" s="188"/>
      <c r="AT489" s="213"/>
      <c r="AU489" s="213"/>
      <c r="AV489" s="213"/>
      <c r="AW489" s="213"/>
      <c r="AX489" s="214"/>
      <c r="AY489" s="23"/>
      <c r="AZ489" s="23"/>
      <c r="BA489" s="23"/>
      <c r="BB489" s="23"/>
      <c r="BC489" s="23"/>
      <c r="BD489" s="23"/>
      <c r="BE489" s="23"/>
      <c r="BF489" s="23"/>
      <c r="BG489" s="23"/>
      <c r="BH489" s="23"/>
      <c r="BI489" s="23"/>
      <c r="BJ489" s="23"/>
      <c r="BK489" s="23"/>
      <c r="BL489" s="23"/>
      <c r="BM489" s="23"/>
      <c r="BN489" s="23"/>
      <c r="BO489" s="23"/>
      <c r="BP489" s="23"/>
      <c r="BQ489" s="23"/>
      <c r="BR489" s="23"/>
      <c r="BS489" s="23"/>
      <c r="BT489" s="23"/>
      <c r="BU489" s="23"/>
      <c r="BV489" s="23"/>
      <c r="BW489" s="23"/>
      <c r="BX489" s="23"/>
      <c r="BY489" s="23"/>
      <c r="BZ489" s="23"/>
      <c r="CA489" s="23"/>
      <c r="CB489" s="23"/>
      <c r="CC489" s="23"/>
      <c r="CD489" s="23"/>
      <c r="CE489" s="23"/>
      <c r="CF489" s="23"/>
      <c r="CG489" s="23"/>
      <c r="CH489" s="23"/>
      <c r="CI489" s="23"/>
      <c r="CJ489" s="23"/>
      <c r="CK489" s="23"/>
      <c r="CL489" s="23"/>
      <c r="CM489" s="23"/>
      <c r="CN489" s="23"/>
      <c r="CO489" s="23"/>
      <c r="CP489" s="23"/>
      <c r="CQ489" s="23"/>
      <c r="CR489" s="23"/>
      <c r="CS489" s="23"/>
      <c r="CT489" s="23"/>
      <c r="CU489" s="23"/>
      <c r="CV489" s="23"/>
      <c r="CW489" s="23"/>
      <c r="CX489" s="23"/>
      <c r="CY489" s="23"/>
      <c r="CZ489" s="23"/>
      <c r="DA489" s="23"/>
      <c r="DB489" s="23"/>
      <c r="DC489" s="23"/>
      <c r="DD489" s="23"/>
      <c r="DE489" s="23"/>
      <c r="DF489" s="23"/>
      <c r="DG489" s="23"/>
      <c r="DH489" s="23"/>
      <c r="DI489" s="23"/>
      <c r="DJ489" s="23"/>
      <c r="DK489" s="23"/>
      <c r="DL489" s="23"/>
      <c r="DM489" s="23"/>
      <c r="DN489" s="23"/>
      <c r="DO489" s="23"/>
      <c r="DP489" s="23"/>
      <c r="DQ489" s="23"/>
      <c r="DR489" s="23"/>
      <c r="DS489" s="23"/>
      <c r="DT489" s="23"/>
      <c r="DU489" s="23"/>
      <c r="DV489" s="23"/>
      <c r="DW489" s="23"/>
      <c r="DX489" s="23"/>
      <c r="DY489" s="23"/>
      <c r="DZ489" s="23"/>
      <c r="EA489" s="23"/>
      <c r="EB489" s="23"/>
      <c r="EC489" s="23"/>
      <c r="ED489" s="23"/>
      <c r="EE489" s="23"/>
      <c r="EF489" s="23"/>
      <c r="EG489" s="23"/>
      <c r="EH489" s="23"/>
      <c r="EI489" s="23"/>
      <c r="EJ489" s="23"/>
      <c r="EK489" s="23"/>
      <c r="EL489" s="23"/>
      <c r="EM489" s="23"/>
      <c r="EN489" s="23"/>
      <c r="EO489" s="23"/>
      <c r="EP489" s="23"/>
      <c r="EQ489" s="23"/>
      <c r="ER489" s="23"/>
      <c r="ES489" s="23"/>
      <c r="ET489" s="23"/>
      <c r="EU489" s="23"/>
      <c r="EV489" s="23"/>
      <c r="EW489" s="23"/>
      <c r="EX489" s="23"/>
      <c r="EY489" s="23"/>
      <c r="EZ489" s="23"/>
      <c r="FA489" s="23"/>
      <c r="FB489" s="23"/>
      <c r="FC489" s="23"/>
      <c r="FD489" s="23"/>
      <c r="FE489" s="23"/>
      <c r="FF489" s="23"/>
      <c r="FG489" s="23"/>
      <c r="FH489" s="23"/>
      <c r="FI489" s="23"/>
      <c r="FJ489" s="23"/>
      <c r="FK489" s="23"/>
      <c r="FL489" s="23"/>
      <c r="FM489" s="23"/>
      <c r="FN489" s="23"/>
      <c r="FO489" s="23"/>
      <c r="FP489" s="23"/>
      <c r="FQ489" s="23"/>
      <c r="FR489" s="23"/>
      <c r="FS489" s="23"/>
      <c r="FT489" s="23"/>
      <c r="FU489" s="23"/>
      <c r="FV489" s="23"/>
      <c r="FW489" s="23"/>
      <c r="FX489" s="23"/>
      <c r="FY489" s="23"/>
      <c r="FZ489" s="23"/>
      <c r="GA489" s="23"/>
      <c r="GB489" s="23"/>
      <c r="GC489" s="23"/>
      <c r="GD489" s="23"/>
      <c r="GE489" s="23"/>
      <c r="GF489" s="23"/>
      <c r="GG489" s="23"/>
      <c r="GH489" s="23"/>
      <c r="GI489" s="23"/>
      <c r="GJ489" s="23"/>
      <c r="GK489" s="23"/>
      <c r="GL489" s="23"/>
      <c r="GM489" s="23"/>
      <c r="GN489" s="23"/>
      <c r="GO489" s="23"/>
      <c r="GP489" s="23"/>
      <c r="GQ489" s="23"/>
      <c r="GR489" s="23"/>
      <c r="GS489" s="23"/>
      <c r="GT489" s="23"/>
      <c r="GU489" s="23"/>
      <c r="GV489" s="23"/>
      <c r="GW489" s="23"/>
      <c r="GX489" s="23"/>
      <c r="GY489" s="23"/>
      <c r="GZ489" s="23"/>
      <c r="HA489" s="23"/>
      <c r="HB489" s="23"/>
      <c r="HC489" s="23"/>
      <c r="HD489" s="23"/>
      <c r="HE489" s="23"/>
      <c r="HF489" s="23"/>
      <c r="HG489" s="23"/>
      <c r="HH489" s="23"/>
      <c r="HI489" s="23"/>
      <c r="HJ489" s="23"/>
      <c r="HK489" s="23"/>
      <c r="HL489" s="23"/>
      <c r="HM489" s="23"/>
      <c r="HN489" s="23"/>
      <c r="HO489" s="23"/>
      <c r="HP489" s="23"/>
      <c r="HQ489" s="23"/>
      <c r="HR489" s="23"/>
      <c r="HS489" s="23"/>
      <c r="HT489" s="23"/>
      <c r="HU489" s="23"/>
      <c r="HV489" s="23"/>
      <c r="HW489" s="23"/>
      <c r="HX489" s="23"/>
      <c r="HY489" s="23"/>
      <c r="HZ489" s="23"/>
      <c r="IA489" s="23"/>
      <c r="IB489" s="23"/>
      <c r="IC489" s="23"/>
      <c r="ID489" s="23"/>
      <c r="IE489" s="23"/>
      <c r="IF489" s="23"/>
      <c r="IG489" s="23"/>
      <c r="IH489" s="23"/>
      <c r="II489" s="23"/>
      <c r="IJ489" s="23"/>
      <c r="IK489" s="23"/>
      <c r="IL489" s="23"/>
      <c r="IM489" s="23"/>
      <c r="IN489" s="23"/>
      <c r="IO489" s="23"/>
      <c r="IP489" s="23"/>
      <c r="IQ489" s="23"/>
    </row>
    <row r="490" spans="1:251" s="50" customFormat="1" ht="18.75" customHeight="1" thickTop="1" thickBot="1">
      <c r="A490" s="38"/>
      <c r="B490" s="164" t="s">
        <v>105</v>
      </c>
      <c r="C490" s="191"/>
      <c r="D490" s="191"/>
      <c r="E490" s="191"/>
      <c r="F490" s="191"/>
      <c r="G490" s="191"/>
      <c r="H490" s="191"/>
      <c r="I490" s="191"/>
      <c r="J490" s="191"/>
      <c r="K490" s="191"/>
      <c r="L490" s="191"/>
      <c r="M490" s="191"/>
      <c r="N490" s="191"/>
      <c r="O490" s="191"/>
      <c r="P490" s="191"/>
      <c r="Q490" s="191"/>
      <c r="R490" s="191"/>
      <c r="S490" s="191"/>
      <c r="T490" s="191"/>
      <c r="U490" s="191"/>
      <c r="V490" s="191"/>
      <c r="W490" s="191"/>
      <c r="X490" s="191"/>
      <c r="Y490" s="191"/>
      <c r="Z490" s="192"/>
      <c r="AA490" s="167">
        <f>SUM(AA482:AA489)</f>
        <v>382784</v>
      </c>
      <c r="AB490" s="215"/>
      <c r="AC490" s="215"/>
      <c r="AD490" s="215"/>
      <c r="AE490" s="215"/>
      <c r="AF490" s="215"/>
      <c r="AG490" s="215"/>
      <c r="AH490" s="215"/>
      <c r="AI490" s="216"/>
      <c r="AJ490" s="167">
        <f>SUM(AJ482:AJ489)</f>
        <v>429733</v>
      </c>
      <c r="AK490" s="215"/>
      <c r="AL490" s="215"/>
      <c r="AM490" s="215"/>
      <c r="AN490" s="215"/>
      <c r="AO490" s="215"/>
      <c r="AP490" s="215"/>
      <c r="AQ490" s="215"/>
      <c r="AR490" s="216"/>
      <c r="AS490" s="167"/>
      <c r="AT490" s="215"/>
      <c r="AU490" s="215"/>
      <c r="AV490" s="215"/>
      <c r="AW490" s="215"/>
      <c r="AX490" s="217"/>
      <c r="AY490" s="23"/>
      <c r="AZ490" s="23"/>
      <c r="BA490" s="23"/>
      <c r="BB490" s="23"/>
      <c r="BC490" s="23"/>
      <c r="BD490" s="23"/>
      <c r="BE490" s="23"/>
      <c r="BF490" s="23"/>
      <c r="BG490" s="23"/>
      <c r="BH490" s="23"/>
      <c r="BI490" s="23"/>
      <c r="BJ490" s="23"/>
      <c r="BK490" s="23"/>
      <c r="BL490" s="23"/>
      <c r="BM490" s="23"/>
      <c r="BN490" s="23"/>
      <c r="BO490" s="23"/>
      <c r="BP490" s="23"/>
      <c r="BQ490" s="23"/>
      <c r="BR490" s="23"/>
      <c r="BS490" s="23"/>
      <c r="BT490" s="23"/>
      <c r="BU490" s="23"/>
      <c r="BV490" s="23"/>
      <c r="BW490" s="23"/>
      <c r="BX490" s="23"/>
      <c r="BY490" s="23"/>
      <c r="BZ490" s="23"/>
      <c r="CA490" s="23"/>
      <c r="CB490" s="23"/>
      <c r="CC490" s="23"/>
      <c r="CD490" s="23"/>
      <c r="CE490" s="23"/>
      <c r="CF490" s="23"/>
      <c r="CG490" s="23"/>
      <c r="CH490" s="23"/>
      <c r="CI490" s="23"/>
      <c r="CJ490" s="23"/>
      <c r="CK490" s="23"/>
      <c r="CL490" s="23"/>
      <c r="CM490" s="23"/>
      <c r="CN490" s="23"/>
      <c r="CO490" s="23"/>
      <c r="CP490" s="23"/>
      <c r="CQ490" s="23"/>
      <c r="CR490" s="23"/>
      <c r="CS490" s="23"/>
      <c r="CT490" s="23"/>
      <c r="CU490" s="23"/>
      <c r="CV490" s="23"/>
      <c r="CW490" s="23"/>
      <c r="CX490" s="23"/>
      <c r="CY490" s="23"/>
      <c r="CZ490" s="23"/>
      <c r="DA490" s="23"/>
      <c r="DB490" s="23"/>
      <c r="DC490" s="23"/>
      <c r="DD490" s="23"/>
      <c r="DE490" s="23"/>
      <c r="DF490" s="23"/>
      <c r="DG490" s="23"/>
      <c r="DH490" s="23"/>
      <c r="DI490" s="23"/>
      <c r="DJ490" s="23"/>
      <c r="DK490" s="23"/>
      <c r="DL490" s="23"/>
      <c r="DM490" s="23"/>
      <c r="DN490" s="23"/>
      <c r="DO490" s="23"/>
      <c r="DP490" s="23"/>
      <c r="DQ490" s="23"/>
      <c r="DR490" s="23"/>
      <c r="DS490" s="23"/>
      <c r="DT490" s="23"/>
      <c r="DU490" s="23"/>
      <c r="DV490" s="23"/>
      <c r="DW490" s="23"/>
      <c r="DX490" s="23"/>
      <c r="DY490" s="23"/>
      <c r="DZ490" s="23"/>
      <c r="EA490" s="23"/>
      <c r="EB490" s="23"/>
      <c r="EC490" s="23"/>
      <c r="ED490" s="23"/>
      <c r="EE490" s="23"/>
      <c r="EF490" s="23"/>
      <c r="EG490" s="23"/>
      <c r="EH490" s="23"/>
      <c r="EI490" s="23"/>
      <c r="EJ490" s="23"/>
      <c r="EK490" s="23"/>
      <c r="EL490" s="23"/>
      <c r="EM490" s="23"/>
      <c r="EN490" s="23"/>
      <c r="EO490" s="23"/>
      <c r="EP490" s="23"/>
      <c r="EQ490" s="23"/>
      <c r="ER490" s="23"/>
      <c r="ES490" s="23"/>
      <c r="ET490" s="23"/>
      <c r="EU490" s="23"/>
      <c r="EV490" s="23"/>
      <c r="EW490" s="23"/>
      <c r="EX490" s="23"/>
      <c r="EY490" s="23"/>
      <c r="EZ490" s="23"/>
      <c r="FA490" s="23"/>
      <c r="FB490" s="23"/>
      <c r="FC490" s="23"/>
      <c r="FD490" s="23"/>
      <c r="FE490" s="23"/>
      <c r="FF490" s="23"/>
      <c r="FG490" s="23"/>
      <c r="FH490" s="23"/>
      <c r="FI490" s="23"/>
      <c r="FJ490" s="23"/>
      <c r="FK490" s="23"/>
      <c r="FL490" s="23"/>
      <c r="FM490" s="23"/>
      <c r="FN490" s="23"/>
      <c r="FO490" s="23"/>
      <c r="FP490" s="23"/>
      <c r="FQ490" s="23"/>
      <c r="FR490" s="23"/>
      <c r="FS490" s="23"/>
      <c r="FT490" s="23"/>
      <c r="FU490" s="23"/>
      <c r="FV490" s="23"/>
      <c r="FW490" s="23"/>
      <c r="FX490" s="23"/>
      <c r="FY490" s="23"/>
      <c r="FZ490" s="23"/>
      <c r="GA490" s="23"/>
      <c r="GB490" s="23"/>
      <c r="GC490" s="23"/>
      <c r="GD490" s="23"/>
      <c r="GE490" s="23"/>
      <c r="GF490" s="23"/>
      <c r="GG490" s="23"/>
      <c r="GH490" s="23"/>
      <c r="GI490" s="23"/>
      <c r="GJ490" s="23"/>
      <c r="GK490" s="23"/>
      <c r="GL490" s="23"/>
      <c r="GM490" s="23"/>
      <c r="GN490" s="23"/>
      <c r="GO490" s="23"/>
      <c r="GP490" s="23"/>
      <c r="GQ490" s="23"/>
      <c r="GR490" s="23"/>
      <c r="GS490" s="23"/>
      <c r="GT490" s="23"/>
      <c r="GU490" s="23"/>
      <c r="GV490" s="23"/>
      <c r="GW490" s="23"/>
      <c r="GX490" s="23"/>
      <c r="GY490" s="23"/>
      <c r="GZ490" s="23"/>
      <c r="HA490" s="23"/>
      <c r="HB490" s="23"/>
      <c r="HC490" s="23"/>
      <c r="HD490" s="23"/>
      <c r="HE490" s="23"/>
      <c r="HF490" s="23"/>
      <c r="HG490" s="23"/>
      <c r="HH490" s="23"/>
      <c r="HI490" s="23"/>
      <c r="HJ490" s="23"/>
      <c r="HK490" s="23"/>
      <c r="HL490" s="23"/>
      <c r="HM490" s="23"/>
      <c r="HN490" s="23"/>
      <c r="HO490" s="23"/>
      <c r="HP490" s="23"/>
      <c r="HQ490" s="23"/>
      <c r="HR490" s="23"/>
      <c r="HS490" s="23"/>
      <c r="HT490" s="23"/>
      <c r="HU490" s="23"/>
      <c r="HV490" s="23"/>
      <c r="HW490" s="23"/>
      <c r="HX490" s="23"/>
      <c r="HY490" s="23"/>
      <c r="HZ490" s="23"/>
      <c r="IA490" s="23"/>
      <c r="IB490" s="23"/>
      <c r="IC490" s="23"/>
      <c r="ID490" s="23"/>
      <c r="IE490" s="23"/>
      <c r="IF490" s="23"/>
      <c r="IG490" s="23"/>
      <c r="IH490" s="23"/>
      <c r="II490" s="23"/>
      <c r="IJ490" s="23"/>
      <c r="IK490" s="23"/>
      <c r="IL490" s="23"/>
      <c r="IM490" s="23"/>
      <c r="IN490" s="23"/>
      <c r="IO490" s="23"/>
      <c r="IP490" s="23"/>
      <c r="IQ490" s="23"/>
    </row>
    <row r="492" spans="1:251" s="23" customFormat="1" ht="19.2">
      <c r="A492" s="22" t="s">
        <v>86</v>
      </c>
      <c r="AW492" s="24"/>
      <c r="AX492" s="25"/>
      <c r="AY492" s="24"/>
    </row>
    <row r="493" spans="1:251" s="23" customFormat="1" ht="13.2"/>
    <row r="494" spans="1:251" s="23" customFormat="1">
      <c r="A494" s="26"/>
      <c r="B494" s="115" t="s">
        <v>87</v>
      </c>
      <c r="C494" s="153"/>
      <c r="D494" s="153"/>
      <c r="E494" s="153"/>
      <c r="F494" s="153"/>
      <c r="G494" s="153"/>
      <c r="H494" s="153"/>
      <c r="I494" s="153"/>
      <c r="J494" s="153"/>
      <c r="K494" s="153"/>
      <c r="L494" s="153"/>
      <c r="M494" s="153"/>
      <c r="N494" s="153"/>
      <c r="O494" s="153"/>
      <c r="P494" s="153"/>
      <c r="Q494" s="153"/>
      <c r="R494" s="153"/>
      <c r="S494" s="153"/>
      <c r="T494" s="153"/>
      <c r="U494" s="153"/>
      <c r="V494" s="153"/>
      <c r="W494" s="153"/>
      <c r="X494" s="153"/>
      <c r="Y494" s="153"/>
      <c r="Z494" s="153"/>
      <c r="AA494" s="153"/>
      <c r="AB494" s="153"/>
      <c r="AC494" s="153"/>
      <c r="AD494" s="153"/>
      <c r="AE494" s="153"/>
      <c r="AF494" s="153"/>
      <c r="AG494" s="153"/>
      <c r="AH494" s="153"/>
      <c r="AI494" s="153"/>
      <c r="AJ494" s="153"/>
      <c r="AK494" s="153"/>
      <c r="AL494" s="153"/>
      <c r="AM494" s="153"/>
      <c r="AN494" s="153"/>
      <c r="AO494" s="153"/>
      <c r="AP494" s="153"/>
      <c r="AQ494" s="153"/>
      <c r="AR494" s="153"/>
      <c r="AS494" s="153"/>
      <c r="AT494" s="153"/>
      <c r="AU494" s="153"/>
      <c r="AV494" s="153"/>
      <c r="AW494" s="153"/>
      <c r="AX494" s="153"/>
      <c r="AY494" s="26"/>
    </row>
    <row r="495" spans="1:251" s="23" customFormat="1" ht="13.2">
      <c r="Z495" s="27"/>
      <c r="AD495" s="27"/>
      <c r="AE495" s="27"/>
      <c r="AF495" s="27"/>
      <c r="AG495" s="27"/>
      <c r="AH495" s="27"/>
      <c r="AI495" s="27"/>
      <c r="AO495" s="27"/>
    </row>
    <row r="496" spans="1:251" s="23" customFormat="1" ht="13.8" thickBot="1">
      <c r="Z496" s="27"/>
      <c r="AD496" s="27"/>
      <c r="AE496" s="27"/>
      <c r="AF496" s="27"/>
      <c r="AG496" s="27"/>
      <c r="AH496" s="27"/>
      <c r="AI496" s="27"/>
      <c r="AO496" s="27"/>
      <c r="DI496" s="28"/>
    </row>
    <row r="497" spans="1:113" s="23" customFormat="1" ht="24.6" customHeight="1" thickBot="1">
      <c r="A497" s="116" t="s">
        <v>88</v>
      </c>
      <c r="B497" s="117"/>
      <c r="C497" s="117"/>
      <c r="D497" s="117"/>
      <c r="E497" s="117"/>
      <c r="F497" s="117"/>
      <c r="G497" s="117"/>
      <c r="H497" s="117"/>
      <c r="I497" s="117"/>
      <c r="J497" s="117"/>
      <c r="K497" s="118"/>
      <c r="L497" s="154">
        <v>15</v>
      </c>
      <c r="M497" s="154"/>
      <c r="N497" s="154"/>
      <c r="O497" s="155"/>
      <c r="P497" s="122" t="s">
        <v>89</v>
      </c>
      <c r="Q497" s="120"/>
      <c r="R497" s="120"/>
      <c r="S497" s="120"/>
      <c r="T497" s="120"/>
      <c r="U497" s="123"/>
      <c r="V497" s="156" t="s">
        <v>158</v>
      </c>
      <c r="W497" s="156"/>
      <c r="X497" s="156"/>
      <c r="Y497" s="156"/>
      <c r="Z497" s="156"/>
      <c r="AA497" s="156"/>
      <c r="AB497" s="156"/>
      <c r="AC497" s="156"/>
      <c r="AD497" s="156"/>
      <c r="AE497" s="156"/>
      <c r="AF497" s="156"/>
      <c r="AG497" s="156"/>
      <c r="AH497" s="156"/>
      <c r="AI497" s="156"/>
      <c r="AJ497" s="156"/>
      <c r="AK497" s="156"/>
      <c r="AL497" s="156"/>
      <c r="AM497" s="156"/>
      <c r="AN497" s="156"/>
      <c r="AO497" s="156"/>
      <c r="AP497" s="156"/>
      <c r="AQ497" s="156"/>
      <c r="AR497" s="156"/>
      <c r="AS497" s="156"/>
      <c r="AT497" s="156"/>
      <c r="AU497" s="156"/>
      <c r="AV497" s="156"/>
      <c r="AW497" s="156"/>
      <c r="AX497" s="157"/>
      <c r="DI497" s="28"/>
    </row>
    <row r="498" spans="1:113" s="23" customFormat="1" ht="14.4">
      <c r="A498" s="29"/>
      <c r="B498" s="29"/>
      <c r="C498" s="29"/>
      <c r="D498" s="29"/>
      <c r="E498" s="29"/>
      <c r="F498" s="29"/>
      <c r="G498" s="29"/>
      <c r="H498" s="29"/>
      <c r="I498" s="29"/>
      <c r="J498" s="29"/>
      <c r="K498" s="29"/>
      <c r="L498" s="30"/>
      <c r="M498" s="30"/>
      <c r="N498" s="30"/>
      <c r="O498" s="30"/>
      <c r="P498" s="29"/>
      <c r="Q498" s="29"/>
      <c r="R498" s="29"/>
      <c r="S498" s="29"/>
      <c r="T498" s="29"/>
      <c r="U498" s="29"/>
      <c r="V498" s="31"/>
      <c r="W498" s="31"/>
      <c r="X498" s="31"/>
      <c r="Y498" s="31"/>
      <c r="Z498" s="31"/>
      <c r="AA498" s="31"/>
      <c r="AB498" s="31"/>
      <c r="AC498" s="31"/>
      <c r="AD498" s="31"/>
      <c r="AE498" s="31"/>
      <c r="AF498" s="31"/>
      <c r="AG498" s="31"/>
      <c r="AH498" s="31"/>
      <c r="AI498" s="31"/>
      <c r="AJ498" s="31"/>
      <c r="AK498" s="31"/>
      <c r="AL498" s="31"/>
      <c r="AM498" s="31"/>
      <c r="AN498" s="31"/>
      <c r="AO498" s="31"/>
      <c r="AP498" s="31"/>
      <c r="AQ498" s="31"/>
      <c r="AR498" s="31"/>
      <c r="AS498" s="31"/>
      <c r="AT498" s="31"/>
      <c r="AU498" s="31"/>
      <c r="AV498" s="31"/>
      <c r="AW498" s="31"/>
      <c r="AX498" s="31"/>
      <c r="DI498" s="28"/>
    </row>
    <row r="499" spans="1:113" s="23" customFormat="1" ht="15" thickBot="1">
      <c r="A499" s="32"/>
      <c r="B499" s="33" t="s">
        <v>91</v>
      </c>
      <c r="C499" s="34"/>
      <c r="D499" s="34"/>
      <c r="E499" s="34"/>
      <c r="F499" s="34"/>
      <c r="G499" s="34"/>
      <c r="H499" s="34"/>
      <c r="I499" s="34"/>
      <c r="J499" s="34"/>
      <c r="K499" s="34"/>
      <c r="L499" s="35"/>
      <c r="M499" s="35"/>
      <c r="N499" s="35"/>
      <c r="O499" s="35"/>
      <c r="P499" s="34"/>
      <c r="Q499" s="34"/>
      <c r="R499" s="34"/>
      <c r="S499" s="34"/>
      <c r="T499" s="34"/>
      <c r="U499" s="34"/>
      <c r="V499" s="33"/>
      <c r="W499" s="33"/>
      <c r="X499" s="33"/>
      <c r="Y499" s="33"/>
      <c r="Z499" s="33"/>
      <c r="AA499" s="33"/>
      <c r="AB499" s="33"/>
      <c r="AC499" s="33"/>
      <c r="AD499" s="33"/>
      <c r="AE499" s="33"/>
      <c r="AF499" s="33"/>
      <c r="AG499" s="33"/>
      <c r="AH499" s="33"/>
      <c r="AI499" s="33"/>
      <c r="AJ499" s="33"/>
      <c r="AK499" s="33"/>
      <c r="AL499" s="33"/>
      <c r="AM499" s="33"/>
      <c r="AN499" s="33"/>
      <c r="AO499" s="33"/>
      <c r="AP499" s="33"/>
      <c r="AQ499" s="33"/>
      <c r="AR499" s="33"/>
      <c r="AS499" s="33"/>
      <c r="AT499" s="33"/>
      <c r="AU499" s="33"/>
      <c r="AV499" s="33"/>
      <c r="AW499" s="33"/>
      <c r="AX499" s="33"/>
      <c r="DI499" s="28"/>
    </row>
    <row r="500" spans="1:113" s="23" customFormat="1" ht="14.4">
      <c r="A500" s="34"/>
      <c r="B500" s="36"/>
      <c r="C500" s="29"/>
      <c r="D500" s="29"/>
      <c r="E500" s="29"/>
      <c r="F500" s="29"/>
      <c r="G500" s="29"/>
      <c r="H500" s="29"/>
      <c r="I500" s="29"/>
      <c r="J500" s="29"/>
      <c r="K500" s="29"/>
      <c r="L500" s="30"/>
      <c r="M500" s="30"/>
      <c r="N500" s="30"/>
      <c r="O500" s="30"/>
      <c r="P500" s="29"/>
      <c r="Q500" s="29"/>
      <c r="R500" s="29"/>
      <c r="S500" s="29"/>
      <c r="T500" s="29"/>
      <c r="U500" s="29"/>
      <c r="V500" s="31"/>
      <c r="W500" s="31"/>
      <c r="X500" s="31"/>
      <c r="Y500" s="31"/>
      <c r="Z500" s="31"/>
      <c r="AA500" s="31"/>
      <c r="AB500" s="31"/>
      <c r="AC500" s="31"/>
      <c r="AD500" s="31"/>
      <c r="AE500" s="31"/>
      <c r="AF500" s="31"/>
      <c r="AG500" s="31"/>
      <c r="AH500" s="31"/>
      <c r="AI500" s="31"/>
      <c r="AJ500" s="31"/>
      <c r="AK500" s="31"/>
      <c r="AL500" s="31"/>
      <c r="AM500" s="31"/>
      <c r="AN500" s="31"/>
      <c r="AO500" s="31"/>
      <c r="AP500" s="31"/>
      <c r="AQ500" s="31"/>
      <c r="AR500" s="31"/>
      <c r="AS500" s="31"/>
      <c r="AT500" s="31"/>
      <c r="AU500" s="31"/>
      <c r="AV500" s="31"/>
      <c r="AW500" s="31"/>
      <c r="AX500" s="37"/>
    </row>
    <row r="501" spans="1:113" s="23" customFormat="1" ht="10.8" customHeight="1">
      <c r="A501" s="34"/>
      <c r="B501" s="127" t="s">
        <v>159</v>
      </c>
      <c r="C501" s="128"/>
      <c r="D501" s="128"/>
      <c r="E501" s="128"/>
      <c r="F501" s="128"/>
      <c r="G501" s="128"/>
      <c r="H501" s="128"/>
      <c r="I501" s="128"/>
      <c r="J501" s="128"/>
      <c r="K501" s="128"/>
      <c r="L501" s="128"/>
      <c r="M501" s="128"/>
      <c r="N501" s="128"/>
      <c r="O501" s="128"/>
      <c r="P501" s="128"/>
      <c r="Q501" s="128"/>
      <c r="R501" s="128"/>
      <c r="S501" s="128"/>
      <c r="T501" s="128"/>
      <c r="U501" s="128"/>
      <c r="V501" s="128"/>
      <c r="W501" s="128"/>
      <c r="X501" s="128"/>
      <c r="Y501" s="128"/>
      <c r="Z501" s="128"/>
      <c r="AA501" s="128"/>
      <c r="AB501" s="128"/>
      <c r="AC501" s="128"/>
      <c r="AD501" s="128"/>
      <c r="AE501" s="128"/>
      <c r="AF501" s="128"/>
      <c r="AG501" s="128"/>
      <c r="AH501" s="128"/>
      <c r="AI501" s="128"/>
      <c r="AJ501" s="128"/>
      <c r="AK501" s="128"/>
      <c r="AL501" s="128"/>
      <c r="AM501" s="128"/>
      <c r="AN501" s="128"/>
      <c r="AO501" s="128"/>
      <c r="AP501" s="128"/>
      <c r="AQ501" s="128"/>
      <c r="AR501" s="128"/>
      <c r="AS501" s="128"/>
      <c r="AT501" s="128"/>
      <c r="AU501" s="128"/>
      <c r="AV501" s="128"/>
      <c r="AW501" s="128"/>
      <c r="AX501" s="129"/>
    </row>
    <row r="502" spans="1:113" s="23" customFormat="1" ht="10.8" customHeight="1">
      <c r="A502" s="34"/>
      <c r="B502" s="127"/>
      <c r="C502" s="128"/>
      <c r="D502" s="128"/>
      <c r="E502" s="128"/>
      <c r="F502" s="128"/>
      <c r="G502" s="128"/>
      <c r="H502" s="128"/>
      <c r="I502" s="128"/>
      <c r="J502" s="128"/>
      <c r="K502" s="128"/>
      <c r="L502" s="128"/>
      <c r="M502" s="128"/>
      <c r="N502" s="128"/>
      <c r="O502" s="128"/>
      <c r="P502" s="128"/>
      <c r="Q502" s="128"/>
      <c r="R502" s="128"/>
      <c r="S502" s="128"/>
      <c r="T502" s="128"/>
      <c r="U502" s="128"/>
      <c r="V502" s="128"/>
      <c r="W502" s="128"/>
      <c r="X502" s="128"/>
      <c r="Y502" s="128"/>
      <c r="Z502" s="128"/>
      <c r="AA502" s="128"/>
      <c r="AB502" s="128"/>
      <c r="AC502" s="128"/>
      <c r="AD502" s="128"/>
      <c r="AE502" s="128"/>
      <c r="AF502" s="128"/>
      <c r="AG502" s="128"/>
      <c r="AH502" s="128"/>
      <c r="AI502" s="128"/>
      <c r="AJ502" s="128"/>
      <c r="AK502" s="128"/>
      <c r="AL502" s="128"/>
      <c r="AM502" s="128"/>
      <c r="AN502" s="128"/>
      <c r="AO502" s="128"/>
      <c r="AP502" s="128"/>
      <c r="AQ502" s="128"/>
      <c r="AR502" s="128"/>
      <c r="AS502" s="128"/>
      <c r="AT502" s="128"/>
      <c r="AU502" s="128"/>
      <c r="AV502" s="128"/>
      <c r="AW502" s="128"/>
      <c r="AX502" s="129"/>
      <c r="BC502" s="17"/>
    </row>
    <row r="503" spans="1:113" s="23" customFormat="1" ht="10.8" customHeight="1">
      <c r="A503" s="34"/>
      <c r="B503" s="127"/>
      <c r="C503" s="128"/>
      <c r="D503" s="128"/>
      <c r="E503" s="128"/>
      <c r="F503" s="128"/>
      <c r="G503" s="128"/>
      <c r="H503" s="128"/>
      <c r="I503" s="128"/>
      <c r="J503" s="128"/>
      <c r="K503" s="128"/>
      <c r="L503" s="128"/>
      <c r="M503" s="128"/>
      <c r="N503" s="128"/>
      <c r="O503" s="128"/>
      <c r="P503" s="128"/>
      <c r="Q503" s="128"/>
      <c r="R503" s="128"/>
      <c r="S503" s="128"/>
      <c r="T503" s="128"/>
      <c r="U503" s="128"/>
      <c r="V503" s="128"/>
      <c r="W503" s="128"/>
      <c r="X503" s="128"/>
      <c r="Y503" s="128"/>
      <c r="Z503" s="128"/>
      <c r="AA503" s="128"/>
      <c r="AB503" s="128"/>
      <c r="AC503" s="128"/>
      <c r="AD503" s="128"/>
      <c r="AE503" s="128"/>
      <c r="AF503" s="128"/>
      <c r="AG503" s="128"/>
      <c r="AH503" s="128"/>
      <c r="AI503" s="128"/>
      <c r="AJ503" s="128"/>
      <c r="AK503" s="128"/>
      <c r="AL503" s="128"/>
      <c r="AM503" s="128"/>
      <c r="AN503" s="128"/>
      <c r="AO503" s="128"/>
      <c r="AP503" s="128"/>
      <c r="AQ503" s="128"/>
      <c r="AR503" s="128"/>
      <c r="AS503" s="128"/>
      <c r="AT503" s="128"/>
      <c r="AU503" s="128"/>
      <c r="AV503" s="128"/>
      <c r="AW503" s="128"/>
      <c r="AX503" s="129"/>
    </row>
    <row r="504" spans="1:113" s="23" customFormat="1" ht="10.8" customHeight="1">
      <c r="A504" s="34"/>
      <c r="B504" s="127"/>
      <c r="C504" s="128"/>
      <c r="D504" s="128"/>
      <c r="E504" s="128"/>
      <c r="F504" s="128"/>
      <c r="G504" s="128"/>
      <c r="H504" s="128"/>
      <c r="I504" s="128"/>
      <c r="J504" s="128"/>
      <c r="K504" s="128"/>
      <c r="L504" s="128"/>
      <c r="M504" s="128"/>
      <c r="N504" s="128"/>
      <c r="O504" s="128"/>
      <c r="P504" s="128"/>
      <c r="Q504" s="128"/>
      <c r="R504" s="128"/>
      <c r="S504" s="128"/>
      <c r="T504" s="128"/>
      <c r="U504" s="128"/>
      <c r="V504" s="128"/>
      <c r="W504" s="128"/>
      <c r="X504" s="128"/>
      <c r="Y504" s="128"/>
      <c r="Z504" s="128"/>
      <c r="AA504" s="128"/>
      <c r="AB504" s="128"/>
      <c r="AC504" s="128"/>
      <c r="AD504" s="128"/>
      <c r="AE504" s="128"/>
      <c r="AF504" s="128"/>
      <c r="AG504" s="128"/>
      <c r="AH504" s="128"/>
      <c r="AI504" s="128"/>
      <c r="AJ504" s="128"/>
      <c r="AK504" s="128"/>
      <c r="AL504" s="128"/>
      <c r="AM504" s="128"/>
      <c r="AN504" s="128"/>
      <c r="AO504" s="128"/>
      <c r="AP504" s="128"/>
      <c r="AQ504" s="128"/>
      <c r="AR504" s="128"/>
      <c r="AS504" s="128"/>
      <c r="AT504" s="128"/>
      <c r="AU504" s="128"/>
      <c r="AV504" s="128"/>
      <c r="AW504" s="128"/>
      <c r="AX504" s="129"/>
    </row>
    <row r="505" spans="1:113" s="23" customFormat="1" ht="10.8" customHeight="1">
      <c r="A505" s="34"/>
      <c r="B505" s="127"/>
      <c r="C505" s="128"/>
      <c r="D505" s="128"/>
      <c r="E505" s="128"/>
      <c r="F505" s="128"/>
      <c r="G505" s="128"/>
      <c r="H505" s="128"/>
      <c r="I505" s="128"/>
      <c r="J505" s="128"/>
      <c r="K505" s="128"/>
      <c r="L505" s="128"/>
      <c r="M505" s="128"/>
      <c r="N505" s="128"/>
      <c r="O505" s="128"/>
      <c r="P505" s="128"/>
      <c r="Q505" s="128"/>
      <c r="R505" s="128"/>
      <c r="S505" s="128"/>
      <c r="T505" s="128"/>
      <c r="U505" s="128"/>
      <c r="V505" s="128"/>
      <c r="W505" s="128"/>
      <c r="X505" s="128"/>
      <c r="Y505" s="128"/>
      <c r="Z505" s="128"/>
      <c r="AA505" s="128"/>
      <c r="AB505" s="128"/>
      <c r="AC505" s="128"/>
      <c r="AD505" s="128"/>
      <c r="AE505" s="128"/>
      <c r="AF505" s="128"/>
      <c r="AG505" s="128"/>
      <c r="AH505" s="128"/>
      <c r="AI505" s="128"/>
      <c r="AJ505" s="128"/>
      <c r="AK505" s="128"/>
      <c r="AL505" s="128"/>
      <c r="AM505" s="128"/>
      <c r="AN505" s="128"/>
      <c r="AO505" s="128"/>
      <c r="AP505" s="128"/>
      <c r="AQ505" s="128"/>
      <c r="AR505" s="128"/>
      <c r="AS505" s="128"/>
      <c r="AT505" s="128"/>
      <c r="AU505" s="128"/>
      <c r="AV505" s="128"/>
      <c r="AW505" s="128"/>
      <c r="AX505" s="129"/>
    </row>
    <row r="506" spans="1:113" s="23" customFormat="1" ht="10.8" customHeight="1">
      <c r="A506" s="34"/>
      <c r="B506" s="127"/>
      <c r="C506" s="128"/>
      <c r="D506" s="128"/>
      <c r="E506" s="128"/>
      <c r="F506" s="128"/>
      <c r="G506" s="128"/>
      <c r="H506" s="128"/>
      <c r="I506" s="128"/>
      <c r="J506" s="128"/>
      <c r="K506" s="128"/>
      <c r="L506" s="128"/>
      <c r="M506" s="128"/>
      <c r="N506" s="128"/>
      <c r="O506" s="128"/>
      <c r="P506" s="128"/>
      <c r="Q506" s="128"/>
      <c r="R506" s="128"/>
      <c r="S506" s="128"/>
      <c r="T506" s="128"/>
      <c r="U506" s="128"/>
      <c r="V506" s="128"/>
      <c r="W506" s="128"/>
      <c r="X506" s="128"/>
      <c r="Y506" s="128"/>
      <c r="Z506" s="128"/>
      <c r="AA506" s="128"/>
      <c r="AB506" s="128"/>
      <c r="AC506" s="128"/>
      <c r="AD506" s="128"/>
      <c r="AE506" s="128"/>
      <c r="AF506" s="128"/>
      <c r="AG506" s="128"/>
      <c r="AH506" s="128"/>
      <c r="AI506" s="128"/>
      <c r="AJ506" s="128"/>
      <c r="AK506" s="128"/>
      <c r="AL506" s="128"/>
      <c r="AM506" s="128"/>
      <c r="AN506" s="128"/>
      <c r="AO506" s="128"/>
      <c r="AP506" s="128"/>
      <c r="AQ506" s="128"/>
      <c r="AR506" s="128"/>
      <c r="AS506" s="128"/>
      <c r="AT506" s="128"/>
      <c r="AU506" s="128"/>
      <c r="AV506" s="128"/>
      <c r="AW506" s="128"/>
      <c r="AX506" s="129"/>
    </row>
    <row r="507" spans="1:113" s="23" customFormat="1" ht="10.8" customHeight="1">
      <c r="A507" s="34"/>
      <c r="B507" s="127"/>
      <c r="C507" s="128"/>
      <c r="D507" s="128"/>
      <c r="E507" s="128"/>
      <c r="F507" s="128"/>
      <c r="G507" s="128"/>
      <c r="H507" s="128"/>
      <c r="I507" s="128"/>
      <c r="J507" s="128"/>
      <c r="K507" s="128"/>
      <c r="L507" s="128"/>
      <c r="M507" s="128"/>
      <c r="N507" s="128"/>
      <c r="O507" s="128"/>
      <c r="P507" s="128"/>
      <c r="Q507" s="128"/>
      <c r="R507" s="128"/>
      <c r="S507" s="128"/>
      <c r="T507" s="128"/>
      <c r="U507" s="128"/>
      <c r="V507" s="128"/>
      <c r="W507" s="128"/>
      <c r="X507" s="128"/>
      <c r="Y507" s="128"/>
      <c r="Z507" s="128"/>
      <c r="AA507" s="128"/>
      <c r="AB507" s="128"/>
      <c r="AC507" s="128"/>
      <c r="AD507" s="128"/>
      <c r="AE507" s="128"/>
      <c r="AF507" s="128"/>
      <c r="AG507" s="128"/>
      <c r="AH507" s="128"/>
      <c r="AI507" s="128"/>
      <c r="AJ507" s="128"/>
      <c r="AK507" s="128"/>
      <c r="AL507" s="128"/>
      <c r="AM507" s="128"/>
      <c r="AN507" s="128"/>
      <c r="AO507" s="128"/>
      <c r="AP507" s="128"/>
      <c r="AQ507" s="128"/>
      <c r="AR507" s="128"/>
      <c r="AS507" s="128"/>
      <c r="AT507" s="128"/>
      <c r="AU507" s="128"/>
      <c r="AV507" s="128"/>
      <c r="AW507" s="128"/>
      <c r="AX507" s="129"/>
    </row>
    <row r="508" spans="1:113" s="23" customFormat="1" ht="10.8" customHeight="1">
      <c r="A508" s="34"/>
      <c r="B508" s="127"/>
      <c r="C508" s="128"/>
      <c r="D508" s="128"/>
      <c r="E508" s="128"/>
      <c r="F508" s="128"/>
      <c r="G508" s="128"/>
      <c r="H508" s="128"/>
      <c r="I508" s="128"/>
      <c r="J508" s="128"/>
      <c r="K508" s="128"/>
      <c r="L508" s="128"/>
      <c r="M508" s="128"/>
      <c r="N508" s="128"/>
      <c r="O508" s="128"/>
      <c r="P508" s="128"/>
      <c r="Q508" s="128"/>
      <c r="R508" s="128"/>
      <c r="S508" s="128"/>
      <c r="T508" s="128"/>
      <c r="U508" s="128"/>
      <c r="V508" s="128"/>
      <c r="W508" s="128"/>
      <c r="X508" s="128"/>
      <c r="Y508" s="128"/>
      <c r="Z508" s="128"/>
      <c r="AA508" s="128"/>
      <c r="AB508" s="128"/>
      <c r="AC508" s="128"/>
      <c r="AD508" s="128"/>
      <c r="AE508" s="128"/>
      <c r="AF508" s="128"/>
      <c r="AG508" s="128"/>
      <c r="AH508" s="128"/>
      <c r="AI508" s="128"/>
      <c r="AJ508" s="128"/>
      <c r="AK508" s="128"/>
      <c r="AL508" s="128"/>
      <c r="AM508" s="128"/>
      <c r="AN508" s="128"/>
      <c r="AO508" s="128"/>
      <c r="AP508" s="128"/>
      <c r="AQ508" s="128"/>
      <c r="AR508" s="128"/>
      <c r="AS508" s="128"/>
      <c r="AT508" s="128"/>
      <c r="AU508" s="128"/>
      <c r="AV508" s="128"/>
      <c r="AW508" s="128"/>
      <c r="AX508" s="129"/>
    </row>
    <row r="509" spans="1:113" s="23" customFormat="1" ht="10.8" customHeight="1">
      <c r="A509" s="34"/>
      <c r="B509" s="127"/>
      <c r="C509" s="128"/>
      <c r="D509" s="128"/>
      <c r="E509" s="128"/>
      <c r="F509" s="128"/>
      <c r="G509" s="128"/>
      <c r="H509" s="128"/>
      <c r="I509" s="128"/>
      <c r="J509" s="128"/>
      <c r="K509" s="128"/>
      <c r="L509" s="128"/>
      <c r="M509" s="128"/>
      <c r="N509" s="128"/>
      <c r="O509" s="128"/>
      <c r="P509" s="128"/>
      <c r="Q509" s="128"/>
      <c r="R509" s="128"/>
      <c r="S509" s="128"/>
      <c r="T509" s="128"/>
      <c r="U509" s="128"/>
      <c r="V509" s="128"/>
      <c r="W509" s="128"/>
      <c r="X509" s="128"/>
      <c r="Y509" s="128"/>
      <c r="Z509" s="128"/>
      <c r="AA509" s="128"/>
      <c r="AB509" s="128"/>
      <c r="AC509" s="128"/>
      <c r="AD509" s="128"/>
      <c r="AE509" s="128"/>
      <c r="AF509" s="128"/>
      <c r="AG509" s="128"/>
      <c r="AH509" s="128"/>
      <c r="AI509" s="128"/>
      <c r="AJ509" s="128"/>
      <c r="AK509" s="128"/>
      <c r="AL509" s="128"/>
      <c r="AM509" s="128"/>
      <c r="AN509" s="128"/>
      <c r="AO509" s="128"/>
      <c r="AP509" s="128"/>
      <c r="AQ509" s="128"/>
      <c r="AR509" s="128"/>
      <c r="AS509" s="128"/>
      <c r="AT509" s="128"/>
      <c r="AU509" s="128"/>
      <c r="AV509" s="128"/>
      <c r="AW509" s="128"/>
      <c r="AX509" s="129"/>
    </row>
    <row r="510" spans="1:113" s="23" customFormat="1" ht="10.8" customHeight="1">
      <c r="A510" s="34"/>
      <c r="B510" s="127"/>
      <c r="C510" s="128"/>
      <c r="D510" s="128"/>
      <c r="E510" s="128"/>
      <c r="F510" s="128"/>
      <c r="G510" s="128"/>
      <c r="H510" s="128"/>
      <c r="I510" s="128"/>
      <c r="J510" s="128"/>
      <c r="K510" s="128"/>
      <c r="L510" s="128"/>
      <c r="M510" s="128"/>
      <c r="N510" s="128"/>
      <c r="O510" s="128"/>
      <c r="P510" s="128"/>
      <c r="Q510" s="128"/>
      <c r="R510" s="128"/>
      <c r="S510" s="128"/>
      <c r="T510" s="128"/>
      <c r="U510" s="128"/>
      <c r="V510" s="128"/>
      <c r="W510" s="128"/>
      <c r="X510" s="128"/>
      <c r="Y510" s="128"/>
      <c r="Z510" s="128"/>
      <c r="AA510" s="128"/>
      <c r="AB510" s="128"/>
      <c r="AC510" s="128"/>
      <c r="AD510" s="128"/>
      <c r="AE510" s="128"/>
      <c r="AF510" s="128"/>
      <c r="AG510" s="128"/>
      <c r="AH510" s="128"/>
      <c r="AI510" s="128"/>
      <c r="AJ510" s="128"/>
      <c r="AK510" s="128"/>
      <c r="AL510" s="128"/>
      <c r="AM510" s="128"/>
      <c r="AN510" s="128"/>
      <c r="AO510" s="128"/>
      <c r="AP510" s="128"/>
      <c r="AQ510" s="128"/>
      <c r="AR510" s="128"/>
      <c r="AS510" s="128"/>
      <c r="AT510" s="128"/>
      <c r="AU510" s="128"/>
      <c r="AV510" s="128"/>
      <c r="AW510" s="128"/>
      <c r="AX510" s="129"/>
    </row>
    <row r="511" spans="1:113" s="23" customFormat="1" ht="15" thickBot="1">
      <c r="A511" s="38"/>
      <c r="B511" s="39"/>
      <c r="C511" s="40"/>
      <c r="D511" s="40"/>
      <c r="E511" s="40"/>
      <c r="F511" s="40"/>
      <c r="G511" s="40"/>
      <c r="H511" s="40"/>
      <c r="I511" s="40"/>
      <c r="J511" s="40"/>
      <c r="K511" s="40"/>
      <c r="L511" s="40"/>
      <c r="M511" s="40"/>
      <c r="N511" s="40"/>
      <c r="O511" s="40"/>
      <c r="P511" s="40"/>
      <c r="Q511" s="40"/>
      <c r="R511" s="40"/>
      <c r="S511" s="40"/>
      <c r="T511" s="40"/>
      <c r="U511" s="40"/>
      <c r="V511" s="40"/>
      <c r="W511" s="40"/>
      <c r="X511" s="40"/>
      <c r="Y511" s="40"/>
      <c r="Z511" s="40"/>
      <c r="AA511" s="40"/>
      <c r="AB511" s="40"/>
      <c r="AC511" s="40"/>
      <c r="AD511" s="40"/>
      <c r="AE511" s="40"/>
      <c r="AF511" s="40"/>
      <c r="AG511" s="40"/>
      <c r="AH511" s="40"/>
      <c r="AI511" s="40"/>
      <c r="AJ511" s="40"/>
      <c r="AK511" s="40"/>
      <c r="AL511" s="40"/>
      <c r="AM511" s="40"/>
      <c r="AN511" s="40"/>
      <c r="AO511" s="40"/>
      <c r="AP511" s="40"/>
      <c r="AQ511" s="40"/>
      <c r="AR511" s="40"/>
      <c r="AS511" s="40"/>
      <c r="AT511" s="40"/>
      <c r="AU511" s="40"/>
      <c r="AV511" s="40"/>
      <c r="AW511" s="40"/>
      <c r="AX511" s="41"/>
    </row>
    <row r="512" spans="1:113" s="23" customFormat="1" ht="13.2">
      <c r="B512" s="42"/>
    </row>
    <row r="513" spans="1:251" s="23" customFormat="1" ht="14.4">
      <c r="B513" s="33" t="s">
        <v>93</v>
      </c>
      <c r="C513" s="34"/>
      <c r="D513" s="34"/>
      <c r="E513" s="34"/>
      <c r="F513" s="34"/>
      <c r="G513" s="34"/>
      <c r="H513" s="34"/>
      <c r="I513" s="34"/>
      <c r="J513" s="34"/>
      <c r="K513" s="34"/>
      <c r="L513" s="35"/>
      <c r="M513" s="35"/>
      <c r="N513" s="35"/>
      <c r="O513" s="35"/>
      <c r="P513" s="34"/>
      <c r="Q513" s="34"/>
      <c r="R513" s="34"/>
      <c r="S513" s="34"/>
      <c r="T513" s="34"/>
      <c r="U513" s="34"/>
      <c r="V513" s="33"/>
      <c r="W513" s="33"/>
      <c r="X513" s="33"/>
      <c r="Y513" s="33"/>
      <c r="Z513" s="33"/>
      <c r="AA513" s="33"/>
      <c r="AB513" s="33"/>
      <c r="AC513" s="33"/>
      <c r="AD513" s="33"/>
      <c r="AE513" s="33"/>
      <c r="AF513" s="33"/>
      <c r="AG513" s="33"/>
      <c r="AH513" s="33"/>
      <c r="AI513" s="33"/>
      <c r="AJ513" s="33"/>
      <c r="AK513" s="33"/>
      <c r="AL513" s="33"/>
      <c r="AM513" s="33"/>
      <c r="AN513" s="33"/>
      <c r="AO513" s="33"/>
      <c r="AP513" s="33"/>
      <c r="AQ513" s="33"/>
      <c r="AR513" s="33"/>
      <c r="AS513" s="33"/>
      <c r="AT513" s="33"/>
      <c r="AU513" s="33"/>
      <c r="AV513" s="33"/>
      <c r="AW513" s="33"/>
      <c r="AX513" s="33"/>
    </row>
    <row r="514" spans="1:251" s="23" customFormat="1" ht="15" thickBot="1">
      <c r="B514" s="33"/>
      <c r="C514" s="34"/>
      <c r="D514" s="34"/>
      <c r="E514" s="34"/>
      <c r="F514" s="34"/>
      <c r="G514" s="34"/>
      <c r="H514" s="34"/>
      <c r="I514" s="34"/>
      <c r="J514" s="34"/>
      <c r="K514" s="34"/>
      <c r="L514" s="35"/>
      <c r="M514" s="35"/>
      <c r="N514" s="35"/>
      <c r="O514" s="35"/>
      <c r="P514" s="34"/>
      <c r="Q514" s="34"/>
      <c r="R514" s="34"/>
      <c r="S514" s="34"/>
      <c r="T514" s="34"/>
      <c r="U514" s="34"/>
      <c r="V514" s="33"/>
      <c r="W514" s="33"/>
      <c r="X514" s="33"/>
      <c r="Y514" s="33"/>
      <c r="Z514" s="33"/>
      <c r="AA514" s="33"/>
      <c r="AB514" s="33"/>
      <c r="AC514" s="33"/>
      <c r="AD514" s="33"/>
      <c r="AE514" s="33"/>
      <c r="AF514" s="33"/>
      <c r="AG514" s="33"/>
      <c r="AH514" s="33"/>
      <c r="AI514" s="33"/>
      <c r="AJ514" s="33"/>
      <c r="AK514" s="33"/>
      <c r="AL514" s="33"/>
      <c r="AM514" s="33"/>
      <c r="AN514" s="33"/>
      <c r="AO514" s="33"/>
      <c r="AP514" s="33"/>
      <c r="AQ514" s="33"/>
      <c r="AR514" s="33"/>
      <c r="AS514" s="33"/>
      <c r="AT514" s="33"/>
      <c r="AU514" s="33"/>
      <c r="AV514" s="33"/>
      <c r="AW514" s="33"/>
      <c r="AX514" s="43" t="s">
        <v>94</v>
      </c>
    </row>
    <row r="515" spans="1:251" s="50" customFormat="1" ht="13.5" customHeight="1">
      <c r="A515" s="34"/>
      <c r="B515" s="139" t="s">
        <v>95</v>
      </c>
      <c r="C515" s="203"/>
      <c r="D515" s="203"/>
      <c r="E515" s="203"/>
      <c r="F515" s="203"/>
      <c r="G515" s="203"/>
      <c r="H515" s="203"/>
      <c r="I515" s="203"/>
      <c r="J515" s="203"/>
      <c r="K515" s="203"/>
      <c r="L515" s="203"/>
      <c r="M515" s="203"/>
      <c r="N515" s="203"/>
      <c r="O515" s="203"/>
      <c r="P515" s="203"/>
      <c r="Q515" s="203"/>
      <c r="R515" s="203"/>
      <c r="S515" s="203"/>
      <c r="T515" s="203"/>
      <c r="U515" s="203"/>
      <c r="V515" s="203"/>
      <c r="W515" s="203"/>
      <c r="X515" s="203"/>
      <c r="Y515" s="203"/>
      <c r="Z515" s="204"/>
      <c r="AA515" s="145" t="s">
        <v>116</v>
      </c>
      <c r="AB515" s="203"/>
      <c r="AC515" s="203"/>
      <c r="AD515" s="203"/>
      <c r="AE515" s="203"/>
      <c r="AF515" s="203"/>
      <c r="AG515" s="203"/>
      <c r="AH515" s="203"/>
      <c r="AI515" s="204"/>
      <c r="AJ515" s="145" t="s">
        <v>117</v>
      </c>
      <c r="AK515" s="203"/>
      <c r="AL515" s="203"/>
      <c r="AM515" s="203"/>
      <c r="AN515" s="203"/>
      <c r="AO515" s="203"/>
      <c r="AP515" s="203"/>
      <c r="AQ515" s="203"/>
      <c r="AR515" s="204"/>
      <c r="AS515" s="145" t="s">
        <v>98</v>
      </c>
      <c r="AT515" s="203"/>
      <c r="AU515" s="203"/>
      <c r="AV515" s="203"/>
      <c r="AW515" s="203"/>
      <c r="AX515" s="209"/>
      <c r="AY515" s="23"/>
      <c r="AZ515" s="23"/>
      <c r="BA515" s="23"/>
      <c r="BB515" s="23"/>
      <c r="BC515" s="23"/>
      <c r="BD515" s="23"/>
      <c r="BE515" s="23"/>
      <c r="BF515" s="23"/>
      <c r="BG515" s="23"/>
      <c r="BH515" s="23"/>
      <c r="BI515" s="23"/>
      <c r="BJ515" s="23"/>
      <c r="BK515" s="23"/>
      <c r="BL515" s="23"/>
      <c r="BM515" s="23"/>
      <c r="BN515" s="23"/>
      <c r="BO515" s="23"/>
      <c r="BP515" s="23"/>
      <c r="BQ515" s="23"/>
      <c r="BR515" s="23"/>
      <c r="BS515" s="23"/>
      <c r="BT515" s="23"/>
      <c r="BU515" s="23"/>
      <c r="BV515" s="23"/>
      <c r="BW515" s="23"/>
      <c r="BX515" s="23"/>
      <c r="BY515" s="23"/>
      <c r="BZ515" s="23"/>
      <c r="CA515" s="23"/>
      <c r="CB515" s="23"/>
      <c r="CC515" s="23"/>
      <c r="CD515" s="23"/>
      <c r="CE515" s="23"/>
      <c r="CF515" s="23"/>
      <c r="CG515" s="23"/>
      <c r="CH515" s="23"/>
      <c r="CI515" s="23"/>
      <c r="CJ515" s="23"/>
      <c r="CK515" s="23"/>
      <c r="CL515" s="23"/>
      <c r="CM515" s="23"/>
      <c r="CN515" s="23"/>
      <c r="CO515" s="23"/>
      <c r="CP515" s="23"/>
      <c r="CQ515" s="23"/>
      <c r="CR515" s="23"/>
      <c r="CS515" s="23"/>
      <c r="CT515" s="23"/>
      <c r="CU515" s="23"/>
      <c r="CV515" s="23"/>
      <c r="CW515" s="23"/>
      <c r="CX515" s="23"/>
      <c r="CY515" s="23"/>
      <c r="CZ515" s="23"/>
      <c r="DA515" s="23"/>
      <c r="DB515" s="23"/>
      <c r="DC515" s="23"/>
      <c r="DD515" s="23"/>
      <c r="DE515" s="23"/>
      <c r="DF515" s="23"/>
      <c r="DG515" s="23"/>
      <c r="DH515" s="23"/>
      <c r="DI515" s="23"/>
      <c r="DJ515" s="23"/>
      <c r="DK515" s="23"/>
      <c r="DL515" s="23"/>
      <c r="DM515" s="23"/>
      <c r="DN515" s="23"/>
      <c r="DO515" s="23"/>
      <c r="DP515" s="23"/>
      <c r="DQ515" s="23"/>
      <c r="DR515" s="23"/>
      <c r="DS515" s="23"/>
      <c r="DT515" s="23"/>
      <c r="DU515" s="23"/>
      <c r="DV515" s="23"/>
      <c r="DW515" s="23"/>
      <c r="DX515" s="23"/>
      <c r="DY515" s="23"/>
      <c r="DZ515" s="23"/>
      <c r="EA515" s="23"/>
      <c r="EB515" s="23"/>
      <c r="EC515" s="23"/>
      <c r="ED515" s="23"/>
      <c r="EE515" s="23"/>
      <c r="EF515" s="23"/>
      <c r="EG515" s="23"/>
      <c r="EH515" s="23"/>
      <c r="EI515" s="23"/>
      <c r="EJ515" s="23"/>
      <c r="EK515" s="23"/>
      <c r="EL515" s="23"/>
      <c r="EM515" s="23"/>
      <c r="EN515" s="23"/>
      <c r="EO515" s="23"/>
      <c r="EP515" s="23"/>
      <c r="EQ515" s="23"/>
      <c r="ER515" s="23"/>
      <c r="ES515" s="23"/>
      <c r="ET515" s="23"/>
      <c r="EU515" s="23"/>
      <c r="EV515" s="23"/>
      <c r="EW515" s="23"/>
      <c r="EX515" s="23"/>
      <c r="EY515" s="23"/>
      <c r="EZ515" s="23"/>
      <c r="FA515" s="23"/>
      <c r="FB515" s="23"/>
      <c r="FC515" s="23"/>
      <c r="FD515" s="23"/>
      <c r="FE515" s="23"/>
      <c r="FF515" s="23"/>
      <c r="FG515" s="23"/>
      <c r="FH515" s="23"/>
      <c r="FI515" s="23"/>
      <c r="FJ515" s="23"/>
      <c r="FK515" s="23"/>
      <c r="FL515" s="23"/>
      <c r="FM515" s="23"/>
      <c r="FN515" s="23"/>
      <c r="FO515" s="23"/>
      <c r="FP515" s="23"/>
      <c r="FQ515" s="23"/>
      <c r="FR515" s="23"/>
      <c r="FS515" s="23"/>
      <c r="FT515" s="23"/>
      <c r="FU515" s="23"/>
      <c r="FV515" s="23"/>
      <c r="FW515" s="23"/>
      <c r="FX515" s="23"/>
      <c r="FY515" s="23"/>
      <c r="FZ515" s="23"/>
      <c r="GA515" s="23"/>
      <c r="GB515" s="23"/>
      <c r="GC515" s="23"/>
      <c r="GD515" s="23"/>
      <c r="GE515" s="23"/>
      <c r="GF515" s="23"/>
      <c r="GG515" s="23"/>
      <c r="GH515" s="23"/>
      <c r="GI515" s="23"/>
      <c r="GJ515" s="23"/>
      <c r="GK515" s="23"/>
      <c r="GL515" s="23"/>
      <c r="GM515" s="23"/>
      <c r="GN515" s="23"/>
      <c r="GO515" s="23"/>
      <c r="GP515" s="23"/>
      <c r="GQ515" s="23"/>
      <c r="GR515" s="23"/>
      <c r="GS515" s="23"/>
      <c r="GT515" s="23"/>
      <c r="GU515" s="23"/>
      <c r="GV515" s="23"/>
      <c r="GW515" s="23"/>
      <c r="GX515" s="23"/>
      <c r="GY515" s="23"/>
      <c r="GZ515" s="23"/>
      <c r="HA515" s="23"/>
      <c r="HB515" s="23"/>
      <c r="HC515" s="23"/>
      <c r="HD515" s="23"/>
      <c r="HE515" s="23"/>
      <c r="HF515" s="23"/>
      <c r="HG515" s="23"/>
      <c r="HH515" s="23"/>
      <c r="HI515" s="23"/>
      <c r="HJ515" s="23"/>
      <c r="HK515" s="23"/>
      <c r="HL515" s="23"/>
      <c r="HM515" s="23"/>
      <c r="HN515" s="23"/>
      <c r="HO515" s="23"/>
      <c r="HP515" s="23"/>
      <c r="HQ515" s="23"/>
      <c r="HR515" s="23"/>
      <c r="HS515" s="23"/>
      <c r="HT515" s="23"/>
      <c r="HU515" s="23"/>
      <c r="HV515" s="23"/>
      <c r="HW515" s="23"/>
      <c r="HX515" s="23"/>
      <c r="HY515" s="23"/>
      <c r="HZ515" s="23"/>
      <c r="IA515" s="23"/>
      <c r="IB515" s="23"/>
      <c r="IC515" s="23"/>
      <c r="ID515" s="23"/>
      <c r="IE515" s="23"/>
      <c r="IF515" s="23"/>
      <c r="IG515" s="23"/>
      <c r="IH515" s="23"/>
      <c r="II515" s="23"/>
      <c r="IJ515" s="23"/>
      <c r="IK515" s="23"/>
      <c r="IL515" s="23"/>
      <c r="IM515" s="23"/>
      <c r="IN515" s="23"/>
      <c r="IO515" s="23"/>
      <c r="IP515" s="23"/>
      <c r="IQ515" s="23"/>
    </row>
    <row r="516" spans="1:251" s="50" customFormat="1">
      <c r="A516" s="34"/>
      <c r="B516" s="205"/>
      <c r="C516" s="206"/>
      <c r="D516" s="206"/>
      <c r="E516" s="206"/>
      <c r="F516" s="206"/>
      <c r="G516" s="206"/>
      <c r="H516" s="206"/>
      <c r="I516" s="206"/>
      <c r="J516" s="206"/>
      <c r="K516" s="206"/>
      <c r="L516" s="206"/>
      <c r="M516" s="206"/>
      <c r="N516" s="206"/>
      <c r="O516" s="206"/>
      <c r="P516" s="206"/>
      <c r="Q516" s="206"/>
      <c r="R516" s="206"/>
      <c r="S516" s="206"/>
      <c r="T516" s="206"/>
      <c r="U516" s="206"/>
      <c r="V516" s="206"/>
      <c r="W516" s="206"/>
      <c r="X516" s="206"/>
      <c r="Y516" s="206"/>
      <c r="Z516" s="207"/>
      <c r="AA516" s="208"/>
      <c r="AB516" s="206"/>
      <c r="AC516" s="206"/>
      <c r="AD516" s="206"/>
      <c r="AE516" s="206"/>
      <c r="AF516" s="206"/>
      <c r="AG516" s="206"/>
      <c r="AH516" s="206"/>
      <c r="AI516" s="207"/>
      <c r="AJ516" s="208"/>
      <c r="AK516" s="206"/>
      <c r="AL516" s="206"/>
      <c r="AM516" s="206"/>
      <c r="AN516" s="206"/>
      <c r="AO516" s="206"/>
      <c r="AP516" s="206"/>
      <c r="AQ516" s="206"/>
      <c r="AR516" s="207"/>
      <c r="AS516" s="208"/>
      <c r="AT516" s="206"/>
      <c r="AU516" s="206"/>
      <c r="AV516" s="206"/>
      <c r="AW516" s="206"/>
      <c r="AX516" s="210"/>
      <c r="AY516" s="23"/>
      <c r="AZ516" s="23"/>
      <c r="BA516" s="23"/>
      <c r="BB516"/>
      <c r="BC516" s="45"/>
      <c r="BE516" s="23"/>
      <c r="BF516" s="23"/>
      <c r="BG516" s="23"/>
      <c r="BH516" s="23"/>
      <c r="BI516" s="23"/>
      <c r="BJ516" s="23"/>
      <c r="BK516" s="23"/>
      <c r="BL516" s="23"/>
      <c r="BM516" s="23"/>
      <c r="BN516" s="23"/>
      <c r="BO516" s="23"/>
      <c r="BP516" s="23"/>
      <c r="BQ516" s="23"/>
      <c r="BR516" s="23"/>
      <c r="BS516" s="23"/>
      <c r="BT516" s="23"/>
      <c r="BU516" s="23"/>
      <c r="BV516" s="23"/>
      <c r="BW516" s="23"/>
      <c r="BX516" s="23"/>
      <c r="BY516" s="23"/>
      <c r="BZ516" s="23"/>
      <c r="CA516" s="23"/>
      <c r="CB516" s="23"/>
      <c r="CC516" s="23"/>
      <c r="CD516" s="23"/>
      <c r="CE516" s="23"/>
      <c r="CF516" s="23"/>
      <c r="CG516" s="23"/>
      <c r="CH516" s="23"/>
      <c r="CI516" s="23"/>
      <c r="CJ516" s="23"/>
      <c r="CK516" s="23"/>
      <c r="CL516" s="23"/>
      <c r="CM516" s="23"/>
      <c r="CN516" s="23"/>
      <c r="CO516" s="23"/>
      <c r="CP516" s="23"/>
      <c r="CQ516" s="23"/>
      <c r="CR516" s="23"/>
      <c r="CS516" s="23"/>
      <c r="CT516" s="23"/>
      <c r="CU516" s="23"/>
      <c r="CV516" s="23"/>
      <c r="CW516" s="23"/>
      <c r="CX516" s="23"/>
      <c r="CY516" s="23"/>
      <c r="CZ516" s="23"/>
      <c r="DA516" s="23"/>
      <c r="DB516" s="23"/>
      <c r="DC516" s="23"/>
      <c r="DD516" s="23"/>
      <c r="DE516" s="23"/>
      <c r="DF516" s="23"/>
      <c r="DG516" s="23"/>
      <c r="DH516" s="23"/>
      <c r="DI516" s="23"/>
      <c r="DJ516" s="23"/>
      <c r="DK516" s="23"/>
      <c r="DL516" s="23"/>
      <c r="DM516" s="23"/>
      <c r="DN516" s="23"/>
      <c r="DO516" s="23"/>
      <c r="DP516" s="23"/>
      <c r="DQ516" s="23"/>
      <c r="DR516" s="23"/>
      <c r="DS516" s="23"/>
      <c r="DT516" s="23"/>
      <c r="DU516" s="23"/>
      <c r="DV516" s="23"/>
      <c r="DW516" s="23"/>
      <c r="DX516" s="23"/>
      <c r="DY516" s="23"/>
      <c r="DZ516" s="23"/>
      <c r="EA516" s="23"/>
      <c r="EB516" s="23"/>
      <c r="EC516" s="23"/>
      <c r="ED516" s="23"/>
      <c r="EE516" s="23"/>
      <c r="EF516" s="23"/>
      <c r="EG516" s="23"/>
      <c r="EH516" s="23"/>
      <c r="EI516" s="23"/>
      <c r="EJ516" s="23"/>
      <c r="EK516" s="23"/>
      <c r="EL516" s="23"/>
      <c r="EM516" s="23"/>
      <c r="EN516" s="23"/>
      <c r="EO516" s="23"/>
      <c r="EP516" s="23"/>
      <c r="EQ516" s="23"/>
      <c r="ER516" s="23"/>
      <c r="ES516" s="23"/>
      <c r="ET516" s="23"/>
      <c r="EU516" s="23"/>
      <c r="EV516" s="23"/>
      <c r="EW516" s="23"/>
      <c r="EX516" s="23"/>
      <c r="EY516" s="23"/>
      <c r="EZ516" s="23"/>
      <c r="FA516" s="23"/>
      <c r="FB516" s="23"/>
      <c r="FC516" s="23"/>
      <c r="FD516" s="23"/>
      <c r="FE516" s="23"/>
      <c r="FF516" s="23"/>
      <c r="FG516" s="23"/>
      <c r="FH516" s="23"/>
      <c r="FI516" s="23"/>
      <c r="FJ516" s="23"/>
      <c r="FK516" s="23"/>
      <c r="FL516" s="23"/>
      <c r="FM516" s="23"/>
      <c r="FN516" s="23"/>
      <c r="FO516" s="23"/>
      <c r="FP516" s="23"/>
      <c r="FQ516" s="23"/>
      <c r="FR516" s="23"/>
      <c r="FS516" s="23"/>
      <c r="FT516" s="23"/>
      <c r="FU516" s="23"/>
      <c r="FV516" s="23"/>
      <c r="FW516" s="23"/>
      <c r="FX516" s="23"/>
      <c r="FY516" s="23"/>
      <c r="FZ516" s="23"/>
      <c r="GA516" s="23"/>
      <c r="GB516" s="23"/>
      <c r="GC516" s="23"/>
      <c r="GD516" s="23"/>
      <c r="GE516" s="23"/>
      <c r="GF516" s="23"/>
      <c r="GG516" s="23"/>
      <c r="GH516" s="23"/>
      <c r="GI516" s="23"/>
      <c r="GJ516" s="23"/>
      <c r="GK516" s="23"/>
      <c r="GL516" s="23"/>
      <c r="GM516" s="23"/>
      <c r="GN516" s="23"/>
      <c r="GO516" s="23"/>
      <c r="GP516" s="23"/>
      <c r="GQ516" s="23"/>
      <c r="GR516" s="23"/>
      <c r="GS516" s="23"/>
      <c r="GT516" s="23"/>
      <c r="GU516" s="23"/>
      <c r="GV516" s="23"/>
      <c r="GW516" s="23"/>
      <c r="GX516" s="23"/>
      <c r="GY516" s="23"/>
      <c r="GZ516" s="23"/>
      <c r="HA516" s="23"/>
      <c r="HB516" s="23"/>
      <c r="HC516" s="23"/>
      <c r="HD516" s="23"/>
      <c r="HE516" s="23"/>
      <c r="HF516" s="23"/>
      <c r="HG516" s="23"/>
      <c r="HH516" s="23"/>
      <c r="HI516" s="23"/>
      <c r="HJ516" s="23"/>
      <c r="HK516" s="23"/>
      <c r="HL516" s="23"/>
      <c r="HM516" s="23"/>
      <c r="HN516" s="23"/>
      <c r="HO516" s="23"/>
      <c r="HP516" s="23"/>
      <c r="HQ516" s="23"/>
      <c r="HR516" s="23"/>
      <c r="HS516" s="23"/>
      <c r="HT516" s="23"/>
      <c r="HU516" s="23"/>
      <c r="HV516" s="23"/>
      <c r="HW516" s="23"/>
      <c r="HX516" s="23"/>
      <c r="HY516" s="23"/>
      <c r="HZ516" s="23"/>
      <c r="IA516" s="23"/>
      <c r="IB516" s="23"/>
      <c r="IC516" s="23"/>
      <c r="ID516" s="23"/>
      <c r="IE516" s="23"/>
      <c r="IF516" s="23"/>
      <c r="IG516" s="23"/>
      <c r="IH516" s="23"/>
      <c r="II516" s="23"/>
      <c r="IJ516" s="23"/>
      <c r="IK516" s="23"/>
      <c r="IL516" s="23"/>
      <c r="IM516" s="23"/>
      <c r="IN516" s="23"/>
      <c r="IO516" s="23"/>
      <c r="IP516" s="23"/>
      <c r="IQ516" s="23"/>
    </row>
    <row r="517" spans="1:251" s="50" customFormat="1" ht="18.75" customHeight="1">
      <c r="A517" s="34"/>
      <c r="B517" s="46"/>
      <c r="C517" s="130" t="s">
        <v>99</v>
      </c>
      <c r="D517" s="130"/>
      <c r="E517" s="130"/>
      <c r="F517" s="130"/>
      <c r="G517" s="130"/>
      <c r="H517" s="130"/>
      <c r="I517" s="130"/>
      <c r="J517" s="130"/>
      <c r="K517" s="130"/>
      <c r="L517" s="130"/>
      <c r="M517" s="130"/>
      <c r="N517" s="130"/>
      <c r="O517" s="130"/>
      <c r="P517" s="130"/>
      <c r="Q517" s="130"/>
      <c r="R517" s="130"/>
      <c r="S517" s="130"/>
      <c r="T517" s="130"/>
      <c r="U517" s="130"/>
      <c r="V517" s="130"/>
      <c r="W517" s="130"/>
      <c r="X517" s="130"/>
      <c r="Y517" s="130"/>
      <c r="Z517" s="131"/>
      <c r="AA517" s="132">
        <v>684803</v>
      </c>
      <c r="AB517" s="196"/>
      <c r="AC517" s="196"/>
      <c r="AD517" s="196"/>
      <c r="AE517" s="196"/>
      <c r="AF517" s="196"/>
      <c r="AG517" s="196"/>
      <c r="AH517" s="196"/>
      <c r="AI517" s="197"/>
      <c r="AJ517" s="132">
        <v>710527</v>
      </c>
      <c r="AK517" s="196"/>
      <c r="AL517" s="196"/>
      <c r="AM517" s="196"/>
      <c r="AN517" s="196"/>
      <c r="AO517" s="196"/>
      <c r="AP517" s="196"/>
      <c r="AQ517" s="196"/>
      <c r="AR517" s="197"/>
      <c r="AS517" s="132"/>
      <c r="AT517" s="196"/>
      <c r="AU517" s="196"/>
      <c r="AV517" s="196"/>
      <c r="AW517" s="196"/>
      <c r="AX517" s="202"/>
      <c r="AY517" s="23"/>
      <c r="AZ517" s="23"/>
      <c r="BA517" s="23"/>
      <c r="BB517" s="23"/>
      <c r="BC517" s="23"/>
      <c r="BD517" s="23"/>
      <c r="BE517" s="23"/>
      <c r="BF517" s="23"/>
      <c r="BG517" s="23"/>
      <c r="BH517" s="23"/>
      <c r="BI517" s="23"/>
      <c r="BJ517" s="23"/>
      <c r="BK517" s="23"/>
      <c r="BL517" s="23"/>
      <c r="BM517" s="23"/>
      <c r="BN517" s="23"/>
      <c r="BO517" s="23"/>
      <c r="BP517" s="23"/>
      <c r="BQ517" s="23"/>
      <c r="BR517" s="23"/>
      <c r="BS517" s="23"/>
      <c r="BT517" s="23"/>
      <c r="BU517" s="23"/>
      <c r="BV517" s="23"/>
      <c r="BW517" s="23"/>
      <c r="BX517" s="23"/>
      <c r="BY517" s="23"/>
      <c r="BZ517" s="23"/>
      <c r="CA517" s="23"/>
      <c r="CB517" s="23"/>
      <c r="CC517" s="23"/>
      <c r="CD517" s="23"/>
      <c r="CE517" s="23"/>
      <c r="CF517" s="23"/>
      <c r="CG517" s="23"/>
      <c r="CH517" s="23"/>
      <c r="CI517" s="23"/>
      <c r="CJ517" s="23"/>
      <c r="CK517" s="23"/>
      <c r="CL517" s="23"/>
      <c r="CM517" s="23"/>
      <c r="CN517" s="23"/>
      <c r="CO517" s="23"/>
      <c r="CP517" s="23"/>
      <c r="CQ517" s="23"/>
      <c r="CR517" s="23"/>
      <c r="CS517" s="23"/>
      <c r="CT517" s="23"/>
      <c r="CU517" s="23"/>
      <c r="CV517" s="23"/>
      <c r="CW517" s="23"/>
      <c r="CX517" s="23"/>
      <c r="CY517" s="23"/>
      <c r="CZ517" s="23"/>
      <c r="DA517" s="23"/>
      <c r="DB517" s="23"/>
      <c r="DC517" s="23"/>
      <c r="DD517" s="23"/>
      <c r="DE517" s="23"/>
      <c r="DF517" s="23"/>
      <c r="DG517" s="23"/>
      <c r="DH517" s="23"/>
      <c r="DI517" s="23"/>
      <c r="DJ517" s="23"/>
      <c r="DK517" s="23"/>
      <c r="DL517" s="23"/>
      <c r="DM517" s="23"/>
      <c r="DN517" s="23"/>
      <c r="DO517" s="23"/>
      <c r="DP517" s="23"/>
      <c r="DQ517" s="23"/>
      <c r="DR517" s="23"/>
      <c r="DS517" s="23"/>
      <c r="DT517" s="23"/>
      <c r="DU517" s="23"/>
      <c r="DV517" s="23"/>
      <c r="DW517" s="23"/>
      <c r="DX517" s="23"/>
      <c r="DY517" s="23"/>
      <c r="DZ517" s="23"/>
      <c r="EA517" s="23"/>
      <c r="EB517" s="23"/>
      <c r="EC517" s="23"/>
      <c r="ED517" s="23"/>
      <c r="EE517" s="23"/>
      <c r="EF517" s="23"/>
      <c r="EG517" s="23"/>
      <c r="EH517" s="23"/>
      <c r="EI517" s="23"/>
      <c r="EJ517" s="23"/>
      <c r="EK517" s="23"/>
      <c r="EL517" s="23"/>
      <c r="EM517" s="23"/>
      <c r="EN517" s="23"/>
      <c r="EO517" s="23"/>
      <c r="EP517" s="23"/>
      <c r="EQ517" s="23"/>
      <c r="ER517" s="23"/>
      <c r="ES517" s="23"/>
      <c r="ET517" s="23"/>
      <c r="EU517" s="23"/>
      <c r="EV517" s="23"/>
      <c r="EW517" s="23"/>
      <c r="EX517" s="23"/>
      <c r="EY517" s="23"/>
      <c r="EZ517" s="23"/>
      <c r="FA517" s="23"/>
      <c r="FB517" s="23"/>
      <c r="FC517" s="23"/>
      <c r="FD517" s="23"/>
      <c r="FE517" s="23"/>
      <c r="FF517" s="23"/>
      <c r="FG517" s="23"/>
      <c r="FH517" s="23"/>
      <c r="FI517" s="23"/>
      <c r="FJ517" s="23"/>
      <c r="FK517" s="23"/>
      <c r="FL517" s="23"/>
      <c r="FM517" s="23"/>
      <c r="FN517" s="23"/>
      <c r="FO517" s="23"/>
      <c r="FP517" s="23"/>
      <c r="FQ517" s="23"/>
      <c r="FR517" s="23"/>
      <c r="FS517" s="23"/>
      <c r="FT517" s="23"/>
      <c r="FU517" s="23"/>
      <c r="FV517" s="23"/>
      <c r="FW517" s="23"/>
      <c r="FX517" s="23"/>
      <c r="FY517" s="23"/>
      <c r="FZ517" s="23"/>
      <c r="GA517" s="23"/>
      <c r="GB517" s="23"/>
      <c r="GC517" s="23"/>
      <c r="GD517" s="23"/>
      <c r="GE517" s="23"/>
      <c r="GF517" s="23"/>
      <c r="GG517" s="23"/>
      <c r="GH517" s="23"/>
      <c r="GI517" s="23"/>
      <c r="GJ517" s="23"/>
      <c r="GK517" s="23"/>
      <c r="GL517" s="23"/>
      <c r="GM517" s="23"/>
      <c r="GN517" s="23"/>
      <c r="GO517" s="23"/>
      <c r="GP517" s="23"/>
      <c r="GQ517" s="23"/>
      <c r="GR517" s="23"/>
      <c r="GS517" s="23"/>
      <c r="GT517" s="23"/>
      <c r="GU517" s="23"/>
      <c r="GV517" s="23"/>
      <c r="GW517" s="23"/>
      <c r="GX517" s="23"/>
      <c r="GY517" s="23"/>
      <c r="GZ517" s="23"/>
      <c r="HA517" s="23"/>
      <c r="HB517" s="23"/>
      <c r="HC517" s="23"/>
      <c r="HD517" s="23"/>
      <c r="HE517" s="23"/>
      <c r="HF517" s="23"/>
      <c r="HG517" s="23"/>
      <c r="HH517" s="23"/>
      <c r="HI517" s="23"/>
      <c r="HJ517" s="23"/>
      <c r="HK517" s="23"/>
      <c r="HL517" s="23"/>
      <c r="HM517" s="23"/>
      <c r="HN517" s="23"/>
      <c r="HO517" s="23"/>
      <c r="HP517" s="23"/>
      <c r="HQ517" s="23"/>
      <c r="HR517" s="23"/>
      <c r="HS517" s="23"/>
      <c r="HT517" s="23"/>
      <c r="HU517" s="23"/>
      <c r="HV517" s="23"/>
      <c r="HW517" s="23"/>
      <c r="HX517" s="23"/>
      <c r="HY517" s="23"/>
      <c r="HZ517" s="23"/>
      <c r="IA517" s="23"/>
      <c r="IB517" s="23"/>
      <c r="IC517" s="23"/>
      <c r="ID517" s="23"/>
      <c r="IE517" s="23"/>
      <c r="IF517" s="23"/>
      <c r="IG517" s="23"/>
      <c r="IH517" s="23"/>
      <c r="II517" s="23"/>
      <c r="IJ517" s="23"/>
      <c r="IK517" s="23"/>
      <c r="IL517" s="23"/>
      <c r="IM517" s="23"/>
      <c r="IN517" s="23"/>
      <c r="IO517" s="23"/>
      <c r="IP517" s="23"/>
      <c r="IQ517" s="23"/>
    </row>
    <row r="518" spans="1:251" s="50" customFormat="1" ht="18.75" customHeight="1">
      <c r="A518" s="34"/>
      <c r="B518" s="47"/>
      <c r="C518" s="130" t="s">
        <v>160</v>
      </c>
      <c r="D518" s="130"/>
      <c r="E518" s="130"/>
      <c r="F518" s="130"/>
      <c r="G518" s="130"/>
      <c r="H518" s="130"/>
      <c r="I518" s="130"/>
      <c r="J518" s="130"/>
      <c r="K518" s="130"/>
      <c r="L518" s="130"/>
      <c r="M518" s="130"/>
      <c r="N518" s="130"/>
      <c r="O518" s="130"/>
      <c r="P518" s="130"/>
      <c r="Q518" s="130"/>
      <c r="R518" s="130"/>
      <c r="S518" s="130"/>
      <c r="T518" s="130"/>
      <c r="U518" s="130"/>
      <c r="V518" s="130"/>
      <c r="W518" s="130"/>
      <c r="X518" s="130"/>
      <c r="Y518" s="130"/>
      <c r="Z518" s="131"/>
      <c r="AA518" s="132">
        <v>43893</v>
      </c>
      <c r="AB518" s="200"/>
      <c r="AC518" s="200"/>
      <c r="AD518" s="200"/>
      <c r="AE518" s="200"/>
      <c r="AF518" s="200"/>
      <c r="AG518" s="200"/>
      <c r="AH518" s="200"/>
      <c r="AI518" s="201"/>
      <c r="AJ518" s="132">
        <v>71937</v>
      </c>
      <c r="AK518" s="196"/>
      <c r="AL518" s="196"/>
      <c r="AM518" s="196"/>
      <c r="AN518" s="196"/>
      <c r="AO518" s="196"/>
      <c r="AP518" s="196"/>
      <c r="AQ518" s="196"/>
      <c r="AR518" s="197"/>
      <c r="AS518" s="132"/>
      <c r="AT518" s="196"/>
      <c r="AU518" s="196"/>
      <c r="AV518" s="196"/>
      <c r="AW518" s="196"/>
      <c r="AX518" s="202"/>
      <c r="AY518" s="23"/>
      <c r="AZ518" s="23"/>
      <c r="BA518" s="23"/>
      <c r="BB518" s="23"/>
      <c r="BC518" s="23"/>
      <c r="BD518" s="23"/>
      <c r="BE518" s="23"/>
      <c r="BF518" s="23"/>
      <c r="BG518" s="23"/>
      <c r="BH518" s="23"/>
      <c r="BI518" s="23"/>
      <c r="BJ518" s="23"/>
      <c r="BK518" s="23"/>
      <c r="BL518" s="23"/>
      <c r="BM518" s="23"/>
      <c r="BN518" s="23"/>
      <c r="BO518" s="23"/>
      <c r="BP518" s="23"/>
      <c r="BQ518" s="23"/>
      <c r="BR518" s="23"/>
      <c r="BS518" s="23"/>
      <c r="BT518" s="23"/>
      <c r="BU518" s="23"/>
      <c r="BV518" s="23"/>
      <c r="BW518" s="23"/>
      <c r="BX518" s="23"/>
      <c r="BY518" s="23"/>
      <c r="BZ518" s="23"/>
      <c r="CA518" s="23"/>
      <c r="CB518" s="23"/>
      <c r="CC518" s="23"/>
      <c r="CD518" s="23"/>
      <c r="CE518" s="23"/>
      <c r="CF518" s="23"/>
      <c r="CG518" s="23"/>
      <c r="CH518" s="23"/>
      <c r="CI518" s="23"/>
      <c r="CJ518" s="23"/>
      <c r="CK518" s="23"/>
      <c r="CL518" s="23"/>
      <c r="CM518" s="23"/>
      <c r="CN518" s="23"/>
      <c r="CO518" s="23"/>
      <c r="CP518" s="23"/>
      <c r="CQ518" s="23"/>
      <c r="CR518" s="23"/>
      <c r="CS518" s="23"/>
      <c r="CT518" s="23"/>
      <c r="CU518" s="23"/>
      <c r="CV518" s="23"/>
      <c r="CW518" s="23"/>
      <c r="CX518" s="23"/>
      <c r="CY518" s="23"/>
      <c r="CZ518" s="23"/>
      <c r="DA518" s="23"/>
      <c r="DB518" s="23"/>
      <c r="DC518" s="23"/>
      <c r="DD518" s="23"/>
      <c r="DE518" s="23"/>
      <c r="DF518" s="23"/>
      <c r="DG518" s="23"/>
      <c r="DH518" s="23"/>
      <c r="DI518" s="23"/>
      <c r="DJ518" s="23"/>
      <c r="DK518" s="23"/>
      <c r="DL518" s="23"/>
      <c r="DM518" s="23"/>
      <c r="DN518" s="23"/>
      <c r="DO518" s="23"/>
      <c r="DP518" s="23"/>
      <c r="DQ518" s="23"/>
      <c r="DR518" s="23"/>
      <c r="DS518" s="23"/>
      <c r="DT518" s="23"/>
      <c r="DU518" s="23"/>
      <c r="DV518" s="23"/>
      <c r="DW518" s="23"/>
      <c r="DX518" s="23"/>
      <c r="DY518" s="23"/>
      <c r="DZ518" s="23"/>
      <c r="EA518" s="23"/>
      <c r="EB518" s="23"/>
      <c r="EC518" s="23"/>
      <c r="ED518" s="23"/>
      <c r="EE518" s="23"/>
      <c r="EF518" s="23"/>
      <c r="EG518" s="23"/>
      <c r="EH518" s="23"/>
      <c r="EI518" s="23"/>
      <c r="EJ518" s="23"/>
      <c r="EK518" s="23"/>
      <c r="EL518" s="23"/>
      <c r="EM518" s="23"/>
      <c r="EN518" s="23"/>
      <c r="EO518" s="23"/>
      <c r="EP518" s="23"/>
      <c r="EQ518" s="23"/>
      <c r="ER518" s="23"/>
      <c r="ES518" s="23"/>
      <c r="ET518" s="23"/>
      <c r="EU518" s="23"/>
      <c r="EV518" s="23"/>
      <c r="EW518" s="23"/>
      <c r="EX518" s="23"/>
      <c r="EY518" s="23"/>
      <c r="EZ518" s="23"/>
      <c r="FA518" s="23"/>
      <c r="FB518" s="23"/>
      <c r="FC518" s="23"/>
      <c r="FD518" s="23"/>
      <c r="FE518" s="23"/>
      <c r="FF518" s="23"/>
      <c r="FG518" s="23"/>
      <c r="FH518" s="23"/>
      <c r="FI518" s="23"/>
      <c r="FJ518" s="23"/>
      <c r="FK518" s="23"/>
      <c r="FL518" s="23"/>
      <c r="FM518" s="23"/>
      <c r="FN518" s="23"/>
      <c r="FO518" s="23"/>
      <c r="FP518" s="23"/>
      <c r="FQ518" s="23"/>
      <c r="FR518" s="23"/>
      <c r="FS518" s="23"/>
      <c r="FT518" s="23"/>
      <c r="FU518" s="23"/>
      <c r="FV518" s="23"/>
      <c r="FW518" s="23"/>
      <c r="FX518" s="23"/>
      <c r="FY518" s="23"/>
      <c r="FZ518" s="23"/>
      <c r="GA518" s="23"/>
      <c r="GB518" s="23"/>
      <c r="GC518" s="23"/>
      <c r="GD518" s="23"/>
      <c r="GE518" s="23"/>
      <c r="GF518" s="23"/>
      <c r="GG518" s="23"/>
      <c r="GH518" s="23"/>
      <c r="GI518" s="23"/>
      <c r="GJ518" s="23"/>
      <c r="GK518" s="23"/>
      <c r="GL518" s="23"/>
      <c r="GM518" s="23"/>
      <c r="GN518" s="23"/>
      <c r="GO518" s="23"/>
      <c r="GP518" s="23"/>
      <c r="GQ518" s="23"/>
      <c r="GR518" s="23"/>
      <c r="GS518" s="23"/>
      <c r="GT518" s="23"/>
      <c r="GU518" s="23"/>
      <c r="GV518" s="23"/>
      <c r="GW518" s="23"/>
      <c r="GX518" s="23"/>
      <c r="GY518" s="23"/>
      <c r="GZ518" s="23"/>
      <c r="HA518" s="23"/>
      <c r="HB518" s="23"/>
      <c r="HC518" s="23"/>
      <c r="HD518" s="23"/>
      <c r="HE518" s="23"/>
      <c r="HF518" s="23"/>
      <c r="HG518" s="23"/>
      <c r="HH518" s="23"/>
      <c r="HI518" s="23"/>
      <c r="HJ518" s="23"/>
      <c r="HK518" s="23"/>
      <c r="HL518" s="23"/>
      <c r="HM518" s="23"/>
      <c r="HN518" s="23"/>
      <c r="HO518" s="23"/>
      <c r="HP518" s="23"/>
      <c r="HQ518" s="23"/>
      <c r="HR518" s="23"/>
      <c r="HS518" s="23"/>
      <c r="HT518" s="23"/>
      <c r="HU518" s="23"/>
      <c r="HV518" s="23"/>
      <c r="HW518" s="23"/>
      <c r="HX518" s="23"/>
      <c r="HY518" s="23"/>
      <c r="HZ518" s="23"/>
      <c r="IA518" s="23"/>
      <c r="IB518" s="23"/>
      <c r="IC518" s="23"/>
      <c r="ID518" s="23"/>
      <c r="IE518" s="23"/>
      <c r="IF518" s="23"/>
      <c r="IG518" s="23"/>
      <c r="IH518" s="23"/>
      <c r="II518" s="23"/>
      <c r="IJ518" s="23"/>
      <c r="IK518" s="23"/>
      <c r="IL518" s="23"/>
      <c r="IM518" s="23"/>
      <c r="IN518" s="23"/>
      <c r="IO518" s="23"/>
      <c r="IP518" s="23"/>
      <c r="IQ518" s="23"/>
    </row>
    <row r="519" spans="1:251" s="50" customFormat="1" ht="18.75" customHeight="1">
      <c r="A519" s="34"/>
      <c r="B519" s="47"/>
      <c r="C519" s="130" t="s">
        <v>161</v>
      </c>
      <c r="D519" s="130"/>
      <c r="E519" s="130"/>
      <c r="F519" s="130"/>
      <c r="G519" s="130"/>
      <c r="H519" s="130"/>
      <c r="I519" s="130"/>
      <c r="J519" s="130"/>
      <c r="K519" s="130"/>
      <c r="L519" s="130"/>
      <c r="M519" s="130"/>
      <c r="N519" s="130"/>
      <c r="O519" s="130"/>
      <c r="P519" s="130"/>
      <c r="Q519" s="130"/>
      <c r="R519" s="130"/>
      <c r="S519" s="130"/>
      <c r="T519" s="130"/>
      <c r="U519" s="130"/>
      <c r="V519" s="130"/>
      <c r="W519" s="130"/>
      <c r="X519" s="130"/>
      <c r="Y519" s="130"/>
      <c r="Z519" s="131"/>
      <c r="AA519" s="132">
        <v>79779</v>
      </c>
      <c r="AB519" s="200"/>
      <c r="AC519" s="200"/>
      <c r="AD519" s="200"/>
      <c r="AE519" s="200"/>
      <c r="AF519" s="200"/>
      <c r="AG519" s="200"/>
      <c r="AH519" s="200"/>
      <c r="AI519" s="201"/>
      <c r="AJ519" s="132">
        <v>73465</v>
      </c>
      <c r="AK519" s="196"/>
      <c r="AL519" s="196"/>
      <c r="AM519" s="196"/>
      <c r="AN519" s="196"/>
      <c r="AO519" s="196"/>
      <c r="AP519" s="196"/>
      <c r="AQ519" s="196"/>
      <c r="AR519" s="197"/>
      <c r="AS519" s="132"/>
      <c r="AT519" s="196"/>
      <c r="AU519" s="196"/>
      <c r="AV519" s="196"/>
      <c r="AW519" s="196"/>
      <c r="AX519" s="202"/>
      <c r="AY519" s="23"/>
      <c r="AZ519" s="23"/>
      <c r="BA519" s="23"/>
      <c r="BB519" s="23"/>
      <c r="BC519" s="23"/>
      <c r="BD519" s="23"/>
      <c r="BE519" s="23"/>
      <c r="BF519" s="23"/>
      <c r="BG519" s="23"/>
      <c r="BH519" s="23"/>
      <c r="BI519" s="23"/>
      <c r="BJ519" s="23"/>
      <c r="BK519" s="23"/>
      <c r="BL519" s="23"/>
      <c r="BM519" s="23"/>
      <c r="BN519" s="23"/>
      <c r="BO519" s="23"/>
      <c r="BP519" s="23"/>
      <c r="BQ519" s="23"/>
      <c r="BR519" s="23"/>
      <c r="BS519" s="23"/>
      <c r="BT519" s="23"/>
      <c r="BU519" s="23"/>
      <c r="BV519" s="23"/>
      <c r="BW519" s="23"/>
      <c r="BX519" s="23"/>
      <c r="BY519" s="23"/>
      <c r="BZ519" s="23"/>
      <c r="CA519" s="23"/>
      <c r="CB519" s="23"/>
      <c r="CC519" s="23"/>
      <c r="CD519" s="23"/>
      <c r="CE519" s="23"/>
      <c r="CF519" s="23"/>
      <c r="CG519" s="23"/>
      <c r="CH519" s="23"/>
      <c r="CI519" s="23"/>
      <c r="CJ519" s="23"/>
      <c r="CK519" s="23"/>
      <c r="CL519" s="23"/>
      <c r="CM519" s="23"/>
      <c r="CN519" s="23"/>
      <c r="CO519" s="23"/>
      <c r="CP519" s="23"/>
      <c r="CQ519" s="23"/>
      <c r="CR519" s="23"/>
      <c r="CS519" s="23"/>
      <c r="CT519" s="23"/>
      <c r="CU519" s="23"/>
      <c r="CV519" s="23"/>
      <c r="CW519" s="23"/>
      <c r="CX519" s="23"/>
      <c r="CY519" s="23"/>
      <c r="CZ519" s="23"/>
      <c r="DA519" s="23"/>
      <c r="DB519" s="23"/>
      <c r="DC519" s="23"/>
      <c r="DD519" s="23"/>
      <c r="DE519" s="23"/>
      <c r="DF519" s="23"/>
      <c r="DG519" s="23"/>
      <c r="DH519" s="23"/>
      <c r="DI519" s="23"/>
      <c r="DJ519" s="23"/>
      <c r="DK519" s="23"/>
      <c r="DL519" s="23"/>
      <c r="DM519" s="23"/>
      <c r="DN519" s="23"/>
      <c r="DO519" s="23"/>
      <c r="DP519" s="23"/>
      <c r="DQ519" s="23"/>
      <c r="DR519" s="23"/>
      <c r="DS519" s="23"/>
      <c r="DT519" s="23"/>
      <c r="DU519" s="23"/>
      <c r="DV519" s="23"/>
      <c r="DW519" s="23"/>
      <c r="DX519" s="23"/>
      <c r="DY519" s="23"/>
      <c r="DZ519" s="23"/>
      <c r="EA519" s="23"/>
      <c r="EB519" s="23"/>
      <c r="EC519" s="23"/>
      <c r="ED519" s="23"/>
      <c r="EE519" s="23"/>
      <c r="EF519" s="23"/>
      <c r="EG519" s="23"/>
      <c r="EH519" s="23"/>
      <c r="EI519" s="23"/>
      <c r="EJ519" s="23"/>
      <c r="EK519" s="23"/>
      <c r="EL519" s="23"/>
      <c r="EM519" s="23"/>
      <c r="EN519" s="23"/>
      <c r="EO519" s="23"/>
      <c r="EP519" s="23"/>
      <c r="EQ519" s="23"/>
      <c r="ER519" s="23"/>
      <c r="ES519" s="23"/>
      <c r="ET519" s="23"/>
      <c r="EU519" s="23"/>
      <c r="EV519" s="23"/>
      <c r="EW519" s="23"/>
      <c r="EX519" s="23"/>
      <c r="EY519" s="23"/>
      <c r="EZ519" s="23"/>
      <c r="FA519" s="23"/>
      <c r="FB519" s="23"/>
      <c r="FC519" s="23"/>
      <c r="FD519" s="23"/>
      <c r="FE519" s="23"/>
      <c r="FF519" s="23"/>
      <c r="FG519" s="23"/>
      <c r="FH519" s="23"/>
      <c r="FI519" s="23"/>
      <c r="FJ519" s="23"/>
      <c r="FK519" s="23"/>
      <c r="FL519" s="23"/>
      <c r="FM519" s="23"/>
      <c r="FN519" s="23"/>
      <c r="FO519" s="23"/>
      <c r="FP519" s="23"/>
      <c r="FQ519" s="23"/>
      <c r="FR519" s="23"/>
      <c r="FS519" s="23"/>
      <c r="FT519" s="23"/>
      <c r="FU519" s="23"/>
      <c r="FV519" s="23"/>
      <c r="FW519" s="23"/>
      <c r="FX519" s="23"/>
      <c r="FY519" s="23"/>
      <c r="FZ519" s="23"/>
      <c r="GA519" s="23"/>
      <c r="GB519" s="23"/>
      <c r="GC519" s="23"/>
      <c r="GD519" s="23"/>
      <c r="GE519" s="23"/>
      <c r="GF519" s="23"/>
      <c r="GG519" s="23"/>
      <c r="GH519" s="23"/>
      <c r="GI519" s="23"/>
      <c r="GJ519" s="23"/>
      <c r="GK519" s="23"/>
      <c r="GL519" s="23"/>
      <c r="GM519" s="23"/>
      <c r="GN519" s="23"/>
      <c r="GO519" s="23"/>
      <c r="GP519" s="23"/>
      <c r="GQ519" s="23"/>
      <c r="GR519" s="23"/>
      <c r="GS519" s="23"/>
      <c r="GT519" s="23"/>
      <c r="GU519" s="23"/>
      <c r="GV519" s="23"/>
      <c r="GW519" s="23"/>
      <c r="GX519" s="23"/>
      <c r="GY519" s="23"/>
      <c r="GZ519" s="23"/>
      <c r="HA519" s="23"/>
      <c r="HB519" s="23"/>
      <c r="HC519" s="23"/>
      <c r="HD519" s="23"/>
      <c r="HE519" s="23"/>
      <c r="HF519" s="23"/>
      <c r="HG519" s="23"/>
      <c r="HH519" s="23"/>
      <c r="HI519" s="23"/>
      <c r="HJ519" s="23"/>
      <c r="HK519" s="23"/>
      <c r="HL519" s="23"/>
      <c r="HM519" s="23"/>
      <c r="HN519" s="23"/>
      <c r="HO519" s="23"/>
      <c r="HP519" s="23"/>
      <c r="HQ519" s="23"/>
      <c r="HR519" s="23"/>
      <c r="HS519" s="23"/>
      <c r="HT519" s="23"/>
      <c r="HU519" s="23"/>
      <c r="HV519" s="23"/>
      <c r="HW519" s="23"/>
      <c r="HX519" s="23"/>
      <c r="HY519" s="23"/>
      <c r="HZ519" s="23"/>
      <c r="IA519" s="23"/>
      <c r="IB519" s="23"/>
      <c r="IC519" s="23"/>
      <c r="ID519" s="23"/>
      <c r="IE519" s="23"/>
      <c r="IF519" s="23"/>
      <c r="IG519" s="23"/>
      <c r="IH519" s="23"/>
      <c r="II519" s="23"/>
      <c r="IJ519" s="23"/>
      <c r="IK519" s="23"/>
      <c r="IL519" s="23"/>
      <c r="IM519" s="23"/>
      <c r="IN519" s="23"/>
      <c r="IO519" s="23"/>
      <c r="IP519" s="23"/>
      <c r="IQ519" s="23"/>
    </row>
    <row r="520" spans="1:251" s="50" customFormat="1" ht="18.75" customHeight="1">
      <c r="A520" s="34"/>
      <c r="B520" s="47"/>
      <c r="C520" s="130" t="s">
        <v>162</v>
      </c>
      <c r="D520" s="130"/>
      <c r="E520" s="130"/>
      <c r="F520" s="130"/>
      <c r="G520" s="130"/>
      <c r="H520" s="130"/>
      <c r="I520" s="130"/>
      <c r="J520" s="130"/>
      <c r="K520" s="130"/>
      <c r="L520" s="130"/>
      <c r="M520" s="130"/>
      <c r="N520" s="130"/>
      <c r="O520" s="130"/>
      <c r="P520" s="130"/>
      <c r="Q520" s="130"/>
      <c r="R520" s="130"/>
      <c r="S520" s="130"/>
      <c r="T520" s="130"/>
      <c r="U520" s="130"/>
      <c r="V520" s="130"/>
      <c r="W520" s="130"/>
      <c r="X520" s="130"/>
      <c r="Y520" s="130"/>
      <c r="Z520" s="131"/>
      <c r="AA520" s="132">
        <v>63888</v>
      </c>
      <c r="AB520" s="200"/>
      <c r="AC520" s="200"/>
      <c r="AD520" s="200"/>
      <c r="AE520" s="200"/>
      <c r="AF520" s="200"/>
      <c r="AG520" s="200"/>
      <c r="AH520" s="200"/>
      <c r="AI520" s="201"/>
      <c r="AJ520" s="132">
        <v>28579</v>
      </c>
      <c r="AK520" s="196"/>
      <c r="AL520" s="196"/>
      <c r="AM520" s="196"/>
      <c r="AN520" s="196"/>
      <c r="AO520" s="196"/>
      <c r="AP520" s="196"/>
      <c r="AQ520" s="196"/>
      <c r="AR520" s="197"/>
      <c r="AS520" s="132"/>
      <c r="AT520" s="196"/>
      <c r="AU520" s="196"/>
      <c r="AV520" s="196"/>
      <c r="AW520" s="196"/>
      <c r="AX520" s="202"/>
      <c r="AY520" s="23"/>
      <c r="AZ520" s="23"/>
      <c r="BA520" s="23"/>
      <c r="BB520" s="23"/>
      <c r="BC520" s="23"/>
      <c r="BD520" s="23"/>
      <c r="BE520" s="23"/>
      <c r="BF520" s="23"/>
      <c r="BG520" s="23"/>
      <c r="BH520" s="23"/>
      <c r="BI520" s="23"/>
      <c r="BJ520" s="23"/>
      <c r="BK520" s="23"/>
      <c r="BL520" s="23"/>
      <c r="BM520" s="23"/>
      <c r="BN520" s="23"/>
      <c r="BO520" s="23"/>
      <c r="BP520" s="23"/>
      <c r="BQ520" s="23"/>
      <c r="BR520" s="23"/>
      <c r="BS520" s="23"/>
      <c r="BT520" s="23"/>
      <c r="BU520" s="23"/>
      <c r="BV520" s="23"/>
      <c r="BW520" s="23"/>
      <c r="BX520" s="23"/>
      <c r="BY520" s="23"/>
      <c r="BZ520" s="23"/>
      <c r="CA520" s="23"/>
      <c r="CB520" s="23"/>
      <c r="CC520" s="23"/>
      <c r="CD520" s="23"/>
      <c r="CE520" s="23"/>
      <c r="CF520" s="23"/>
      <c r="CG520" s="23"/>
      <c r="CH520" s="23"/>
      <c r="CI520" s="23"/>
      <c r="CJ520" s="23"/>
      <c r="CK520" s="23"/>
      <c r="CL520" s="23"/>
      <c r="CM520" s="23"/>
      <c r="CN520" s="23"/>
      <c r="CO520" s="23"/>
      <c r="CP520" s="23"/>
      <c r="CQ520" s="23"/>
      <c r="CR520" s="23"/>
      <c r="CS520" s="23"/>
      <c r="CT520" s="23"/>
      <c r="CU520" s="23"/>
      <c r="CV520" s="23"/>
      <c r="CW520" s="23"/>
      <c r="CX520" s="23"/>
      <c r="CY520" s="23"/>
      <c r="CZ520" s="23"/>
      <c r="DA520" s="23"/>
      <c r="DB520" s="23"/>
      <c r="DC520" s="23"/>
      <c r="DD520" s="23"/>
      <c r="DE520" s="23"/>
      <c r="DF520" s="23"/>
      <c r="DG520" s="23"/>
      <c r="DH520" s="23"/>
      <c r="DI520" s="23"/>
      <c r="DJ520" s="23"/>
      <c r="DK520" s="23"/>
      <c r="DL520" s="23"/>
      <c r="DM520" s="23"/>
      <c r="DN520" s="23"/>
      <c r="DO520" s="23"/>
      <c r="DP520" s="23"/>
      <c r="DQ520" s="23"/>
      <c r="DR520" s="23"/>
      <c r="DS520" s="23"/>
      <c r="DT520" s="23"/>
      <c r="DU520" s="23"/>
      <c r="DV520" s="23"/>
      <c r="DW520" s="23"/>
      <c r="DX520" s="23"/>
      <c r="DY520" s="23"/>
      <c r="DZ520" s="23"/>
      <c r="EA520" s="23"/>
      <c r="EB520" s="23"/>
      <c r="EC520" s="23"/>
      <c r="ED520" s="23"/>
      <c r="EE520" s="23"/>
      <c r="EF520" s="23"/>
      <c r="EG520" s="23"/>
      <c r="EH520" s="23"/>
      <c r="EI520" s="23"/>
      <c r="EJ520" s="23"/>
      <c r="EK520" s="23"/>
      <c r="EL520" s="23"/>
      <c r="EM520" s="23"/>
      <c r="EN520" s="23"/>
      <c r="EO520" s="23"/>
      <c r="EP520" s="23"/>
      <c r="EQ520" s="23"/>
      <c r="ER520" s="23"/>
      <c r="ES520" s="23"/>
      <c r="ET520" s="23"/>
      <c r="EU520" s="23"/>
      <c r="EV520" s="23"/>
      <c r="EW520" s="23"/>
      <c r="EX520" s="23"/>
      <c r="EY520" s="23"/>
      <c r="EZ520" s="23"/>
      <c r="FA520" s="23"/>
      <c r="FB520" s="23"/>
      <c r="FC520" s="23"/>
      <c r="FD520" s="23"/>
      <c r="FE520" s="23"/>
      <c r="FF520" s="23"/>
      <c r="FG520" s="23"/>
      <c r="FH520" s="23"/>
      <c r="FI520" s="23"/>
      <c r="FJ520" s="23"/>
      <c r="FK520" s="23"/>
      <c r="FL520" s="23"/>
      <c r="FM520" s="23"/>
      <c r="FN520" s="23"/>
      <c r="FO520" s="23"/>
      <c r="FP520" s="23"/>
      <c r="FQ520" s="23"/>
      <c r="FR520" s="23"/>
      <c r="FS520" s="23"/>
      <c r="FT520" s="23"/>
      <c r="FU520" s="23"/>
      <c r="FV520" s="23"/>
      <c r="FW520" s="23"/>
      <c r="FX520" s="23"/>
      <c r="FY520" s="23"/>
      <c r="FZ520" s="23"/>
      <c r="GA520" s="23"/>
      <c r="GB520" s="23"/>
      <c r="GC520" s="23"/>
      <c r="GD520" s="23"/>
      <c r="GE520" s="23"/>
      <c r="GF520" s="23"/>
      <c r="GG520" s="23"/>
      <c r="GH520" s="23"/>
      <c r="GI520" s="23"/>
      <c r="GJ520" s="23"/>
      <c r="GK520" s="23"/>
      <c r="GL520" s="23"/>
      <c r="GM520" s="23"/>
      <c r="GN520" s="23"/>
      <c r="GO520" s="23"/>
      <c r="GP520" s="23"/>
      <c r="GQ520" s="23"/>
      <c r="GR520" s="23"/>
      <c r="GS520" s="23"/>
      <c r="GT520" s="23"/>
      <c r="GU520" s="23"/>
      <c r="GV520" s="23"/>
      <c r="GW520" s="23"/>
      <c r="GX520" s="23"/>
      <c r="GY520" s="23"/>
      <c r="GZ520" s="23"/>
      <c r="HA520" s="23"/>
      <c r="HB520" s="23"/>
      <c r="HC520" s="23"/>
      <c r="HD520" s="23"/>
      <c r="HE520" s="23"/>
      <c r="HF520" s="23"/>
      <c r="HG520" s="23"/>
      <c r="HH520" s="23"/>
      <c r="HI520" s="23"/>
      <c r="HJ520" s="23"/>
      <c r="HK520" s="23"/>
      <c r="HL520" s="23"/>
      <c r="HM520" s="23"/>
      <c r="HN520" s="23"/>
      <c r="HO520" s="23"/>
      <c r="HP520" s="23"/>
      <c r="HQ520" s="23"/>
      <c r="HR520" s="23"/>
      <c r="HS520" s="23"/>
      <c r="HT520" s="23"/>
      <c r="HU520" s="23"/>
      <c r="HV520" s="23"/>
      <c r="HW520" s="23"/>
      <c r="HX520" s="23"/>
      <c r="HY520" s="23"/>
      <c r="HZ520" s="23"/>
      <c r="IA520" s="23"/>
      <c r="IB520" s="23"/>
      <c r="IC520" s="23"/>
      <c r="ID520" s="23"/>
      <c r="IE520" s="23"/>
      <c r="IF520" s="23"/>
      <c r="IG520" s="23"/>
      <c r="IH520" s="23"/>
      <c r="II520" s="23"/>
      <c r="IJ520" s="23"/>
      <c r="IK520" s="23"/>
      <c r="IL520" s="23"/>
      <c r="IM520" s="23"/>
      <c r="IN520" s="23"/>
      <c r="IO520" s="23"/>
      <c r="IP520" s="23"/>
      <c r="IQ520" s="23"/>
    </row>
    <row r="521" spans="1:251" s="50" customFormat="1" ht="18.75" customHeight="1">
      <c r="A521" s="34"/>
      <c r="B521" s="48"/>
      <c r="C521" s="130"/>
      <c r="D521" s="130"/>
      <c r="E521" s="130"/>
      <c r="F521" s="130"/>
      <c r="G521" s="130"/>
      <c r="H521" s="130"/>
      <c r="I521" s="130"/>
      <c r="J521" s="130"/>
      <c r="K521" s="130"/>
      <c r="L521" s="130"/>
      <c r="M521" s="130"/>
      <c r="N521" s="130"/>
      <c r="O521" s="130"/>
      <c r="P521" s="130"/>
      <c r="Q521" s="130"/>
      <c r="R521" s="130"/>
      <c r="S521" s="130"/>
      <c r="T521" s="130"/>
      <c r="U521" s="130"/>
      <c r="V521" s="130"/>
      <c r="W521" s="130"/>
      <c r="X521" s="130"/>
      <c r="Y521" s="130"/>
      <c r="Z521" s="131"/>
      <c r="AA521" s="132"/>
      <c r="AB521" s="200"/>
      <c r="AC521" s="200"/>
      <c r="AD521" s="200"/>
      <c r="AE521" s="200"/>
      <c r="AF521" s="200"/>
      <c r="AG521" s="200"/>
      <c r="AH521" s="200"/>
      <c r="AI521" s="201"/>
      <c r="AJ521" s="132"/>
      <c r="AK521" s="196"/>
      <c r="AL521" s="196"/>
      <c r="AM521" s="196"/>
      <c r="AN521" s="196"/>
      <c r="AO521" s="196"/>
      <c r="AP521" s="196"/>
      <c r="AQ521" s="196"/>
      <c r="AR521" s="197"/>
      <c r="AS521" s="136"/>
      <c r="AT521" s="198"/>
      <c r="AU521" s="198"/>
      <c r="AV521" s="198"/>
      <c r="AW521" s="198"/>
      <c r="AX521" s="199"/>
      <c r="AY521" s="23"/>
      <c r="AZ521" s="23"/>
      <c r="BA521" s="23"/>
      <c r="BB521" s="23"/>
      <c r="BC521" s="23"/>
      <c r="BD521" s="23"/>
      <c r="BE521" s="23"/>
      <c r="BF521" s="23"/>
      <c r="BG521" s="23"/>
      <c r="BH521" s="23"/>
      <c r="BI521" s="23"/>
      <c r="BJ521" s="23"/>
      <c r="BK521" s="23"/>
      <c r="BL521" s="23"/>
      <c r="BM521" s="23"/>
      <c r="BN521" s="23"/>
      <c r="BO521" s="23"/>
      <c r="BP521" s="23"/>
      <c r="BQ521" s="23"/>
      <c r="BR521" s="23"/>
      <c r="BS521" s="23"/>
      <c r="BT521" s="23"/>
      <c r="BU521" s="23"/>
      <c r="BV521" s="23"/>
      <c r="BW521" s="23"/>
      <c r="BX521" s="23"/>
      <c r="BY521" s="23"/>
      <c r="BZ521" s="23"/>
      <c r="CA521" s="23"/>
      <c r="CB521" s="23"/>
      <c r="CC521" s="23"/>
      <c r="CD521" s="23"/>
      <c r="CE521" s="23"/>
      <c r="CF521" s="23"/>
      <c r="CG521" s="23"/>
      <c r="CH521" s="23"/>
      <c r="CI521" s="23"/>
      <c r="CJ521" s="23"/>
      <c r="CK521" s="23"/>
      <c r="CL521" s="23"/>
      <c r="CM521" s="23"/>
      <c r="CN521" s="23"/>
      <c r="CO521" s="23"/>
      <c r="CP521" s="23"/>
      <c r="CQ521" s="23"/>
      <c r="CR521" s="23"/>
      <c r="CS521" s="23"/>
      <c r="CT521" s="23"/>
      <c r="CU521" s="23"/>
      <c r="CV521" s="23"/>
      <c r="CW521" s="23"/>
      <c r="CX521" s="23"/>
      <c r="CY521" s="23"/>
      <c r="CZ521" s="23"/>
      <c r="DA521" s="23"/>
      <c r="DB521" s="23"/>
      <c r="DC521" s="23"/>
      <c r="DD521" s="23"/>
      <c r="DE521" s="23"/>
      <c r="DF521" s="23"/>
      <c r="DG521" s="23"/>
      <c r="DH521" s="23"/>
      <c r="DI521" s="23"/>
      <c r="DJ521" s="23"/>
      <c r="DK521" s="23"/>
      <c r="DL521" s="23"/>
      <c r="DM521" s="23"/>
      <c r="DN521" s="23"/>
      <c r="DO521" s="23"/>
      <c r="DP521" s="23"/>
      <c r="DQ521" s="23"/>
      <c r="DR521" s="23"/>
      <c r="DS521" s="23"/>
      <c r="DT521" s="23"/>
      <c r="DU521" s="23"/>
      <c r="DV521" s="23"/>
      <c r="DW521" s="23"/>
      <c r="DX521" s="23"/>
      <c r="DY521" s="23"/>
      <c r="DZ521" s="23"/>
      <c r="EA521" s="23"/>
      <c r="EB521" s="23"/>
      <c r="EC521" s="23"/>
      <c r="ED521" s="23"/>
      <c r="EE521" s="23"/>
      <c r="EF521" s="23"/>
      <c r="EG521" s="23"/>
      <c r="EH521" s="23"/>
      <c r="EI521" s="23"/>
      <c r="EJ521" s="23"/>
      <c r="EK521" s="23"/>
      <c r="EL521" s="23"/>
      <c r="EM521" s="23"/>
      <c r="EN521" s="23"/>
      <c r="EO521" s="23"/>
      <c r="EP521" s="23"/>
      <c r="EQ521" s="23"/>
      <c r="ER521" s="23"/>
      <c r="ES521" s="23"/>
      <c r="ET521" s="23"/>
      <c r="EU521" s="23"/>
      <c r="EV521" s="23"/>
      <c r="EW521" s="23"/>
      <c r="EX521" s="23"/>
      <c r="EY521" s="23"/>
      <c r="EZ521" s="23"/>
      <c r="FA521" s="23"/>
      <c r="FB521" s="23"/>
      <c r="FC521" s="23"/>
      <c r="FD521" s="23"/>
      <c r="FE521" s="23"/>
      <c r="FF521" s="23"/>
      <c r="FG521" s="23"/>
      <c r="FH521" s="23"/>
      <c r="FI521" s="23"/>
      <c r="FJ521" s="23"/>
      <c r="FK521" s="23"/>
      <c r="FL521" s="23"/>
      <c r="FM521" s="23"/>
      <c r="FN521" s="23"/>
      <c r="FO521" s="23"/>
      <c r="FP521" s="23"/>
      <c r="FQ521" s="23"/>
      <c r="FR521" s="23"/>
      <c r="FS521" s="23"/>
      <c r="FT521" s="23"/>
      <c r="FU521" s="23"/>
      <c r="FV521" s="23"/>
      <c r="FW521" s="23"/>
      <c r="FX521" s="23"/>
      <c r="FY521" s="23"/>
      <c r="FZ521" s="23"/>
      <c r="GA521" s="23"/>
      <c r="GB521" s="23"/>
      <c r="GC521" s="23"/>
      <c r="GD521" s="23"/>
      <c r="GE521" s="23"/>
      <c r="GF521" s="23"/>
      <c r="GG521" s="23"/>
      <c r="GH521" s="23"/>
      <c r="GI521" s="23"/>
      <c r="GJ521" s="23"/>
      <c r="GK521" s="23"/>
      <c r="GL521" s="23"/>
      <c r="GM521" s="23"/>
      <c r="GN521" s="23"/>
      <c r="GO521" s="23"/>
      <c r="GP521" s="23"/>
      <c r="GQ521" s="23"/>
      <c r="GR521" s="23"/>
      <c r="GS521" s="23"/>
      <c r="GT521" s="23"/>
      <c r="GU521" s="23"/>
      <c r="GV521" s="23"/>
      <c r="GW521" s="23"/>
      <c r="GX521" s="23"/>
      <c r="GY521" s="23"/>
      <c r="GZ521" s="23"/>
      <c r="HA521" s="23"/>
      <c r="HB521" s="23"/>
      <c r="HC521" s="23"/>
      <c r="HD521" s="23"/>
      <c r="HE521" s="23"/>
      <c r="HF521" s="23"/>
      <c r="HG521" s="23"/>
      <c r="HH521" s="23"/>
      <c r="HI521" s="23"/>
      <c r="HJ521" s="23"/>
      <c r="HK521" s="23"/>
      <c r="HL521" s="23"/>
      <c r="HM521" s="23"/>
      <c r="HN521" s="23"/>
      <c r="HO521" s="23"/>
      <c r="HP521" s="23"/>
      <c r="HQ521" s="23"/>
      <c r="HR521" s="23"/>
      <c r="HS521" s="23"/>
      <c r="HT521" s="23"/>
      <c r="HU521" s="23"/>
      <c r="HV521" s="23"/>
      <c r="HW521" s="23"/>
      <c r="HX521" s="23"/>
      <c r="HY521" s="23"/>
      <c r="HZ521" s="23"/>
      <c r="IA521" s="23"/>
      <c r="IB521" s="23"/>
      <c r="IC521" s="23"/>
      <c r="ID521" s="23"/>
      <c r="IE521" s="23"/>
      <c r="IF521" s="23"/>
      <c r="IG521" s="23"/>
      <c r="IH521" s="23"/>
      <c r="II521" s="23"/>
      <c r="IJ521" s="23"/>
      <c r="IK521" s="23"/>
      <c r="IL521" s="23"/>
      <c r="IM521" s="23"/>
      <c r="IN521" s="23"/>
      <c r="IO521" s="23"/>
      <c r="IP521" s="23"/>
      <c r="IQ521" s="23"/>
    </row>
    <row r="522" spans="1:251" s="50" customFormat="1" ht="18.75" customHeight="1">
      <c r="A522" s="34"/>
      <c r="B522" s="47"/>
      <c r="C522" s="130"/>
      <c r="D522" s="130"/>
      <c r="E522" s="130"/>
      <c r="F522" s="130"/>
      <c r="G522" s="130"/>
      <c r="H522" s="130"/>
      <c r="I522" s="130"/>
      <c r="J522" s="130"/>
      <c r="K522" s="130"/>
      <c r="L522" s="130"/>
      <c r="M522" s="130"/>
      <c r="N522" s="130"/>
      <c r="O522" s="130"/>
      <c r="P522" s="130"/>
      <c r="Q522" s="130"/>
      <c r="R522" s="130"/>
      <c r="S522" s="130"/>
      <c r="T522" s="130"/>
      <c r="U522" s="130"/>
      <c r="V522" s="130"/>
      <c r="W522" s="130"/>
      <c r="X522" s="130"/>
      <c r="Y522" s="130"/>
      <c r="Z522" s="131"/>
      <c r="AA522" s="132"/>
      <c r="AB522" s="200"/>
      <c r="AC522" s="200"/>
      <c r="AD522" s="200"/>
      <c r="AE522" s="200"/>
      <c r="AF522" s="200"/>
      <c r="AG522" s="200"/>
      <c r="AH522" s="200"/>
      <c r="AI522" s="201"/>
      <c r="AJ522" s="132"/>
      <c r="AK522" s="196"/>
      <c r="AL522" s="196"/>
      <c r="AM522" s="196"/>
      <c r="AN522" s="196"/>
      <c r="AO522" s="196"/>
      <c r="AP522" s="196"/>
      <c r="AQ522" s="196"/>
      <c r="AR522" s="197"/>
      <c r="AS522" s="132"/>
      <c r="AT522" s="196"/>
      <c r="AU522" s="196"/>
      <c r="AV522" s="196"/>
      <c r="AW522" s="196"/>
      <c r="AX522" s="202"/>
      <c r="AY522" s="23"/>
      <c r="AZ522" s="23"/>
      <c r="BA522" s="23"/>
      <c r="BB522" s="23"/>
      <c r="BC522" s="23"/>
      <c r="BD522" s="23"/>
      <c r="BE522" s="23"/>
      <c r="BF522" s="23"/>
      <c r="BG522" s="23"/>
      <c r="BH522" s="23"/>
      <c r="BI522" s="23"/>
      <c r="BJ522" s="23"/>
      <c r="BK522" s="23"/>
      <c r="BL522" s="23"/>
      <c r="BM522" s="23"/>
      <c r="BN522" s="23"/>
      <c r="BO522" s="23"/>
      <c r="BP522" s="23"/>
      <c r="BQ522" s="23"/>
      <c r="BR522" s="23"/>
      <c r="BS522" s="23"/>
      <c r="BT522" s="23"/>
      <c r="BU522" s="23"/>
      <c r="BV522" s="23"/>
      <c r="BW522" s="23"/>
      <c r="BX522" s="23"/>
      <c r="BY522" s="23"/>
      <c r="BZ522" s="23"/>
      <c r="CA522" s="23"/>
      <c r="CB522" s="23"/>
      <c r="CC522" s="23"/>
      <c r="CD522" s="23"/>
      <c r="CE522" s="23"/>
      <c r="CF522" s="23"/>
      <c r="CG522" s="23"/>
      <c r="CH522" s="23"/>
      <c r="CI522" s="23"/>
      <c r="CJ522" s="23"/>
      <c r="CK522" s="23"/>
      <c r="CL522" s="23"/>
      <c r="CM522" s="23"/>
      <c r="CN522" s="23"/>
      <c r="CO522" s="23"/>
      <c r="CP522" s="23"/>
      <c r="CQ522" s="23"/>
      <c r="CR522" s="23"/>
      <c r="CS522" s="23"/>
      <c r="CT522" s="23"/>
      <c r="CU522" s="23"/>
      <c r="CV522" s="23"/>
      <c r="CW522" s="23"/>
      <c r="CX522" s="23"/>
      <c r="CY522" s="23"/>
      <c r="CZ522" s="23"/>
      <c r="DA522" s="23"/>
      <c r="DB522" s="23"/>
      <c r="DC522" s="23"/>
      <c r="DD522" s="23"/>
      <c r="DE522" s="23"/>
      <c r="DF522" s="23"/>
      <c r="DG522" s="23"/>
      <c r="DH522" s="23"/>
      <c r="DI522" s="23"/>
      <c r="DJ522" s="23"/>
      <c r="DK522" s="23"/>
      <c r="DL522" s="23"/>
      <c r="DM522" s="23"/>
      <c r="DN522" s="23"/>
      <c r="DO522" s="23"/>
      <c r="DP522" s="23"/>
      <c r="DQ522" s="23"/>
      <c r="DR522" s="23"/>
      <c r="DS522" s="23"/>
      <c r="DT522" s="23"/>
      <c r="DU522" s="23"/>
      <c r="DV522" s="23"/>
      <c r="DW522" s="23"/>
      <c r="DX522" s="23"/>
      <c r="DY522" s="23"/>
      <c r="DZ522" s="23"/>
      <c r="EA522" s="23"/>
      <c r="EB522" s="23"/>
      <c r="EC522" s="23"/>
      <c r="ED522" s="23"/>
      <c r="EE522" s="23"/>
      <c r="EF522" s="23"/>
      <c r="EG522" s="23"/>
      <c r="EH522" s="23"/>
      <c r="EI522" s="23"/>
      <c r="EJ522" s="23"/>
      <c r="EK522" s="23"/>
      <c r="EL522" s="23"/>
      <c r="EM522" s="23"/>
      <c r="EN522" s="23"/>
      <c r="EO522" s="23"/>
      <c r="EP522" s="23"/>
      <c r="EQ522" s="23"/>
      <c r="ER522" s="23"/>
      <c r="ES522" s="23"/>
      <c r="ET522" s="23"/>
      <c r="EU522" s="23"/>
      <c r="EV522" s="23"/>
      <c r="EW522" s="23"/>
      <c r="EX522" s="23"/>
      <c r="EY522" s="23"/>
      <c r="EZ522" s="23"/>
      <c r="FA522" s="23"/>
      <c r="FB522" s="23"/>
      <c r="FC522" s="23"/>
      <c r="FD522" s="23"/>
      <c r="FE522" s="23"/>
      <c r="FF522" s="23"/>
      <c r="FG522" s="23"/>
      <c r="FH522" s="23"/>
      <c r="FI522" s="23"/>
      <c r="FJ522" s="23"/>
      <c r="FK522" s="23"/>
      <c r="FL522" s="23"/>
      <c r="FM522" s="23"/>
      <c r="FN522" s="23"/>
      <c r="FO522" s="23"/>
      <c r="FP522" s="23"/>
      <c r="FQ522" s="23"/>
      <c r="FR522" s="23"/>
      <c r="FS522" s="23"/>
      <c r="FT522" s="23"/>
      <c r="FU522" s="23"/>
      <c r="FV522" s="23"/>
      <c r="FW522" s="23"/>
      <c r="FX522" s="23"/>
      <c r="FY522" s="23"/>
      <c r="FZ522" s="23"/>
      <c r="GA522" s="23"/>
      <c r="GB522" s="23"/>
      <c r="GC522" s="23"/>
      <c r="GD522" s="23"/>
      <c r="GE522" s="23"/>
      <c r="GF522" s="23"/>
      <c r="GG522" s="23"/>
      <c r="GH522" s="23"/>
      <c r="GI522" s="23"/>
      <c r="GJ522" s="23"/>
      <c r="GK522" s="23"/>
      <c r="GL522" s="23"/>
      <c r="GM522" s="23"/>
      <c r="GN522" s="23"/>
      <c r="GO522" s="23"/>
      <c r="GP522" s="23"/>
      <c r="GQ522" s="23"/>
      <c r="GR522" s="23"/>
      <c r="GS522" s="23"/>
      <c r="GT522" s="23"/>
      <c r="GU522" s="23"/>
      <c r="GV522" s="23"/>
      <c r="GW522" s="23"/>
      <c r="GX522" s="23"/>
      <c r="GY522" s="23"/>
      <c r="GZ522" s="23"/>
      <c r="HA522" s="23"/>
      <c r="HB522" s="23"/>
      <c r="HC522" s="23"/>
      <c r="HD522" s="23"/>
      <c r="HE522" s="23"/>
      <c r="HF522" s="23"/>
      <c r="HG522" s="23"/>
      <c r="HH522" s="23"/>
      <c r="HI522" s="23"/>
      <c r="HJ522" s="23"/>
      <c r="HK522" s="23"/>
      <c r="HL522" s="23"/>
      <c r="HM522" s="23"/>
      <c r="HN522" s="23"/>
      <c r="HO522" s="23"/>
      <c r="HP522" s="23"/>
      <c r="HQ522" s="23"/>
      <c r="HR522" s="23"/>
      <c r="HS522" s="23"/>
      <c r="HT522" s="23"/>
      <c r="HU522" s="23"/>
      <c r="HV522" s="23"/>
      <c r="HW522" s="23"/>
      <c r="HX522" s="23"/>
      <c r="HY522" s="23"/>
      <c r="HZ522" s="23"/>
      <c r="IA522" s="23"/>
      <c r="IB522" s="23"/>
      <c r="IC522" s="23"/>
      <c r="ID522" s="23"/>
      <c r="IE522" s="23"/>
      <c r="IF522" s="23"/>
      <c r="IG522" s="23"/>
      <c r="IH522" s="23"/>
      <c r="II522" s="23"/>
      <c r="IJ522" s="23"/>
      <c r="IK522" s="23"/>
      <c r="IL522" s="23"/>
      <c r="IM522" s="23"/>
      <c r="IN522" s="23"/>
      <c r="IO522" s="23"/>
      <c r="IP522" s="23"/>
      <c r="IQ522" s="23"/>
    </row>
    <row r="523" spans="1:251" s="50" customFormat="1" ht="18.75" customHeight="1">
      <c r="A523" s="34"/>
      <c r="B523" s="48"/>
      <c r="C523" s="130"/>
      <c r="D523" s="130"/>
      <c r="E523" s="130"/>
      <c r="F523" s="130"/>
      <c r="G523" s="130"/>
      <c r="H523" s="130"/>
      <c r="I523" s="130"/>
      <c r="J523" s="130"/>
      <c r="K523" s="130"/>
      <c r="L523" s="130"/>
      <c r="M523" s="130"/>
      <c r="N523" s="130"/>
      <c r="O523" s="130"/>
      <c r="P523" s="130"/>
      <c r="Q523" s="130"/>
      <c r="R523" s="130"/>
      <c r="S523" s="130"/>
      <c r="T523" s="130"/>
      <c r="U523" s="130"/>
      <c r="V523" s="130"/>
      <c r="W523" s="130"/>
      <c r="X523" s="130"/>
      <c r="Y523" s="130"/>
      <c r="Z523" s="131"/>
      <c r="AA523" s="132"/>
      <c r="AB523" s="200"/>
      <c r="AC523" s="200"/>
      <c r="AD523" s="200"/>
      <c r="AE523" s="200"/>
      <c r="AF523" s="200"/>
      <c r="AG523" s="200"/>
      <c r="AH523" s="200"/>
      <c r="AI523" s="201"/>
      <c r="AJ523" s="132"/>
      <c r="AK523" s="133"/>
      <c r="AL523" s="133"/>
      <c r="AM523" s="133"/>
      <c r="AN523" s="133"/>
      <c r="AO523" s="133"/>
      <c r="AP523" s="133"/>
      <c r="AQ523" s="133"/>
      <c r="AR523" s="134"/>
      <c r="AS523" s="132"/>
      <c r="AT523" s="196"/>
      <c r="AU523" s="196"/>
      <c r="AV523" s="196"/>
      <c r="AW523" s="196"/>
      <c r="AX523" s="202"/>
      <c r="AY523" s="23"/>
      <c r="AZ523" s="23"/>
      <c r="BA523" s="23"/>
      <c r="BB523" s="23"/>
      <c r="BC523" s="23"/>
      <c r="BD523" s="23"/>
      <c r="BE523" s="23"/>
      <c r="BF523" s="23"/>
      <c r="BG523" s="23"/>
      <c r="BH523" s="23"/>
      <c r="BI523" s="23"/>
      <c r="BJ523" s="23"/>
      <c r="BK523" s="23"/>
      <c r="BL523" s="23"/>
      <c r="BM523" s="23"/>
      <c r="BN523" s="23"/>
      <c r="BO523" s="23"/>
      <c r="BP523" s="23"/>
      <c r="BQ523" s="23"/>
      <c r="BR523" s="23"/>
      <c r="BS523" s="23"/>
      <c r="BT523" s="23"/>
      <c r="BU523" s="23"/>
      <c r="BV523" s="23"/>
      <c r="BW523" s="23"/>
      <c r="BX523" s="23"/>
      <c r="BY523" s="23"/>
      <c r="BZ523" s="23"/>
      <c r="CA523" s="23"/>
      <c r="CB523" s="23"/>
      <c r="CC523" s="23"/>
      <c r="CD523" s="23"/>
      <c r="CE523" s="23"/>
      <c r="CF523" s="23"/>
      <c r="CG523" s="23"/>
      <c r="CH523" s="23"/>
      <c r="CI523" s="23"/>
      <c r="CJ523" s="23"/>
      <c r="CK523" s="23"/>
      <c r="CL523" s="23"/>
      <c r="CM523" s="23"/>
      <c r="CN523" s="23"/>
      <c r="CO523" s="23"/>
      <c r="CP523" s="23"/>
      <c r="CQ523" s="23"/>
      <c r="CR523" s="23"/>
      <c r="CS523" s="23"/>
      <c r="CT523" s="23"/>
      <c r="CU523" s="23"/>
      <c r="CV523" s="23"/>
      <c r="CW523" s="23"/>
      <c r="CX523" s="23"/>
      <c r="CY523" s="23"/>
      <c r="CZ523" s="23"/>
      <c r="DA523" s="23"/>
      <c r="DB523" s="23"/>
      <c r="DC523" s="23"/>
      <c r="DD523" s="23"/>
      <c r="DE523" s="23"/>
      <c r="DF523" s="23"/>
      <c r="DG523" s="23"/>
      <c r="DH523" s="23"/>
      <c r="DI523" s="23"/>
      <c r="DJ523" s="23"/>
      <c r="DK523" s="23"/>
      <c r="DL523" s="23"/>
      <c r="DM523" s="23"/>
      <c r="DN523" s="23"/>
      <c r="DO523" s="23"/>
      <c r="DP523" s="23"/>
      <c r="DQ523" s="23"/>
      <c r="DR523" s="23"/>
      <c r="DS523" s="23"/>
      <c r="DT523" s="23"/>
      <c r="DU523" s="23"/>
      <c r="DV523" s="23"/>
      <c r="DW523" s="23"/>
      <c r="DX523" s="23"/>
      <c r="DY523" s="23"/>
      <c r="DZ523" s="23"/>
      <c r="EA523" s="23"/>
      <c r="EB523" s="23"/>
      <c r="EC523" s="23"/>
      <c r="ED523" s="23"/>
      <c r="EE523" s="23"/>
      <c r="EF523" s="23"/>
      <c r="EG523" s="23"/>
      <c r="EH523" s="23"/>
      <c r="EI523" s="23"/>
      <c r="EJ523" s="23"/>
      <c r="EK523" s="23"/>
      <c r="EL523" s="23"/>
      <c r="EM523" s="23"/>
      <c r="EN523" s="23"/>
      <c r="EO523" s="23"/>
      <c r="EP523" s="23"/>
      <c r="EQ523" s="23"/>
      <c r="ER523" s="23"/>
      <c r="ES523" s="23"/>
      <c r="ET523" s="23"/>
      <c r="EU523" s="23"/>
      <c r="EV523" s="23"/>
      <c r="EW523" s="23"/>
      <c r="EX523" s="23"/>
      <c r="EY523" s="23"/>
      <c r="EZ523" s="23"/>
      <c r="FA523" s="23"/>
      <c r="FB523" s="23"/>
      <c r="FC523" s="23"/>
      <c r="FD523" s="23"/>
      <c r="FE523" s="23"/>
      <c r="FF523" s="23"/>
      <c r="FG523" s="23"/>
      <c r="FH523" s="23"/>
      <c r="FI523" s="23"/>
      <c r="FJ523" s="23"/>
      <c r="FK523" s="23"/>
      <c r="FL523" s="23"/>
      <c r="FM523" s="23"/>
      <c r="FN523" s="23"/>
      <c r="FO523" s="23"/>
      <c r="FP523" s="23"/>
      <c r="FQ523" s="23"/>
      <c r="FR523" s="23"/>
      <c r="FS523" s="23"/>
      <c r="FT523" s="23"/>
      <c r="FU523" s="23"/>
      <c r="FV523" s="23"/>
      <c r="FW523" s="23"/>
      <c r="FX523" s="23"/>
      <c r="FY523" s="23"/>
      <c r="FZ523" s="23"/>
      <c r="GA523" s="23"/>
      <c r="GB523" s="23"/>
      <c r="GC523" s="23"/>
      <c r="GD523" s="23"/>
      <c r="GE523" s="23"/>
      <c r="GF523" s="23"/>
      <c r="GG523" s="23"/>
      <c r="GH523" s="23"/>
      <c r="GI523" s="23"/>
      <c r="GJ523" s="23"/>
      <c r="GK523" s="23"/>
      <c r="GL523" s="23"/>
      <c r="GM523" s="23"/>
      <c r="GN523" s="23"/>
      <c r="GO523" s="23"/>
      <c r="GP523" s="23"/>
      <c r="GQ523" s="23"/>
      <c r="GR523" s="23"/>
      <c r="GS523" s="23"/>
      <c r="GT523" s="23"/>
      <c r="GU523" s="23"/>
      <c r="GV523" s="23"/>
      <c r="GW523" s="23"/>
      <c r="GX523" s="23"/>
      <c r="GY523" s="23"/>
      <c r="GZ523" s="23"/>
      <c r="HA523" s="23"/>
      <c r="HB523" s="23"/>
      <c r="HC523" s="23"/>
      <c r="HD523" s="23"/>
      <c r="HE523" s="23"/>
      <c r="HF523" s="23"/>
      <c r="HG523" s="23"/>
      <c r="HH523" s="23"/>
      <c r="HI523" s="23"/>
      <c r="HJ523" s="23"/>
      <c r="HK523" s="23"/>
      <c r="HL523" s="23"/>
      <c r="HM523" s="23"/>
      <c r="HN523" s="23"/>
      <c r="HO523" s="23"/>
      <c r="HP523" s="23"/>
      <c r="HQ523" s="23"/>
      <c r="HR523" s="23"/>
      <c r="HS523" s="23"/>
      <c r="HT523" s="23"/>
      <c r="HU523" s="23"/>
      <c r="HV523" s="23"/>
      <c r="HW523" s="23"/>
      <c r="HX523" s="23"/>
      <c r="HY523" s="23"/>
      <c r="HZ523" s="23"/>
      <c r="IA523" s="23"/>
      <c r="IB523" s="23"/>
      <c r="IC523" s="23"/>
      <c r="ID523" s="23"/>
      <c r="IE523" s="23"/>
      <c r="IF523" s="23"/>
      <c r="IG523" s="23"/>
      <c r="IH523" s="23"/>
      <c r="II523" s="23"/>
      <c r="IJ523" s="23"/>
      <c r="IK523" s="23"/>
      <c r="IL523" s="23"/>
      <c r="IM523" s="23"/>
      <c r="IN523" s="23"/>
      <c r="IO523" s="23"/>
      <c r="IP523" s="23"/>
      <c r="IQ523" s="23"/>
    </row>
    <row r="524" spans="1:251" s="50" customFormat="1" ht="18.75" customHeight="1" thickBot="1">
      <c r="A524" s="34"/>
      <c r="B524" s="49"/>
      <c r="C524" s="158"/>
      <c r="D524" s="158"/>
      <c r="E524" s="158"/>
      <c r="F524" s="158"/>
      <c r="G524" s="158"/>
      <c r="H524" s="158"/>
      <c r="I524" s="158"/>
      <c r="J524" s="158"/>
      <c r="K524" s="158"/>
      <c r="L524" s="158"/>
      <c r="M524" s="158"/>
      <c r="N524" s="158"/>
      <c r="O524" s="158"/>
      <c r="P524" s="158"/>
      <c r="Q524" s="158"/>
      <c r="R524" s="158"/>
      <c r="S524" s="158"/>
      <c r="T524" s="158"/>
      <c r="U524" s="158"/>
      <c r="V524" s="158"/>
      <c r="W524" s="158"/>
      <c r="X524" s="158"/>
      <c r="Y524" s="158"/>
      <c r="Z524" s="159"/>
      <c r="AA524" s="160"/>
      <c r="AB524" s="211"/>
      <c r="AC524" s="211"/>
      <c r="AD524" s="211"/>
      <c r="AE524" s="211"/>
      <c r="AF524" s="211"/>
      <c r="AG524" s="211"/>
      <c r="AH524" s="211"/>
      <c r="AI524" s="212"/>
      <c r="AJ524" s="160"/>
      <c r="AK524" s="161"/>
      <c r="AL524" s="161"/>
      <c r="AM524" s="161"/>
      <c r="AN524" s="161"/>
      <c r="AO524" s="161"/>
      <c r="AP524" s="161"/>
      <c r="AQ524" s="161"/>
      <c r="AR524" s="162"/>
      <c r="AS524" s="188"/>
      <c r="AT524" s="213"/>
      <c r="AU524" s="213"/>
      <c r="AV524" s="213"/>
      <c r="AW524" s="213"/>
      <c r="AX524" s="214"/>
      <c r="AY524" s="23"/>
      <c r="AZ524" s="23"/>
      <c r="BA524" s="23"/>
      <c r="BB524" s="23"/>
      <c r="BC524" s="23"/>
      <c r="BD524" s="23"/>
      <c r="BE524" s="23"/>
      <c r="BF524" s="23"/>
      <c r="BG524" s="23"/>
      <c r="BH524" s="23"/>
      <c r="BI524" s="23"/>
      <c r="BJ524" s="23"/>
      <c r="BK524" s="23"/>
      <c r="BL524" s="23"/>
      <c r="BM524" s="23"/>
      <c r="BN524" s="23"/>
      <c r="BO524" s="23"/>
      <c r="BP524" s="23"/>
      <c r="BQ524" s="23"/>
      <c r="BR524" s="23"/>
      <c r="BS524" s="23"/>
      <c r="BT524" s="23"/>
      <c r="BU524" s="23"/>
      <c r="BV524" s="23"/>
      <c r="BW524" s="23"/>
      <c r="BX524" s="23"/>
      <c r="BY524" s="23"/>
      <c r="BZ524" s="23"/>
      <c r="CA524" s="23"/>
      <c r="CB524" s="23"/>
      <c r="CC524" s="23"/>
      <c r="CD524" s="23"/>
      <c r="CE524" s="23"/>
      <c r="CF524" s="23"/>
      <c r="CG524" s="23"/>
      <c r="CH524" s="23"/>
      <c r="CI524" s="23"/>
      <c r="CJ524" s="23"/>
      <c r="CK524" s="23"/>
      <c r="CL524" s="23"/>
      <c r="CM524" s="23"/>
      <c r="CN524" s="23"/>
      <c r="CO524" s="23"/>
      <c r="CP524" s="23"/>
      <c r="CQ524" s="23"/>
      <c r="CR524" s="23"/>
      <c r="CS524" s="23"/>
      <c r="CT524" s="23"/>
      <c r="CU524" s="23"/>
      <c r="CV524" s="23"/>
      <c r="CW524" s="23"/>
      <c r="CX524" s="23"/>
      <c r="CY524" s="23"/>
      <c r="CZ524" s="23"/>
      <c r="DA524" s="23"/>
      <c r="DB524" s="23"/>
      <c r="DC524" s="23"/>
      <c r="DD524" s="23"/>
      <c r="DE524" s="23"/>
      <c r="DF524" s="23"/>
      <c r="DG524" s="23"/>
      <c r="DH524" s="23"/>
      <c r="DI524" s="23"/>
      <c r="DJ524" s="23"/>
      <c r="DK524" s="23"/>
      <c r="DL524" s="23"/>
      <c r="DM524" s="23"/>
      <c r="DN524" s="23"/>
      <c r="DO524" s="23"/>
      <c r="DP524" s="23"/>
      <c r="DQ524" s="23"/>
      <c r="DR524" s="23"/>
      <c r="DS524" s="23"/>
      <c r="DT524" s="23"/>
      <c r="DU524" s="23"/>
      <c r="DV524" s="23"/>
      <c r="DW524" s="23"/>
      <c r="DX524" s="23"/>
      <c r="DY524" s="23"/>
      <c r="DZ524" s="23"/>
      <c r="EA524" s="23"/>
      <c r="EB524" s="23"/>
      <c r="EC524" s="23"/>
      <c r="ED524" s="23"/>
      <c r="EE524" s="23"/>
      <c r="EF524" s="23"/>
      <c r="EG524" s="23"/>
      <c r="EH524" s="23"/>
      <c r="EI524" s="23"/>
      <c r="EJ524" s="23"/>
      <c r="EK524" s="23"/>
      <c r="EL524" s="23"/>
      <c r="EM524" s="23"/>
      <c r="EN524" s="23"/>
      <c r="EO524" s="23"/>
      <c r="EP524" s="23"/>
      <c r="EQ524" s="23"/>
      <c r="ER524" s="23"/>
      <c r="ES524" s="23"/>
      <c r="ET524" s="23"/>
      <c r="EU524" s="23"/>
      <c r="EV524" s="23"/>
      <c r="EW524" s="23"/>
      <c r="EX524" s="23"/>
      <c r="EY524" s="23"/>
      <c r="EZ524" s="23"/>
      <c r="FA524" s="23"/>
      <c r="FB524" s="23"/>
      <c r="FC524" s="23"/>
      <c r="FD524" s="23"/>
      <c r="FE524" s="23"/>
      <c r="FF524" s="23"/>
      <c r="FG524" s="23"/>
      <c r="FH524" s="23"/>
      <c r="FI524" s="23"/>
      <c r="FJ524" s="23"/>
      <c r="FK524" s="23"/>
      <c r="FL524" s="23"/>
      <c r="FM524" s="23"/>
      <c r="FN524" s="23"/>
      <c r="FO524" s="23"/>
      <c r="FP524" s="23"/>
      <c r="FQ524" s="23"/>
      <c r="FR524" s="23"/>
      <c r="FS524" s="23"/>
      <c r="FT524" s="23"/>
      <c r="FU524" s="23"/>
      <c r="FV524" s="23"/>
      <c r="FW524" s="23"/>
      <c r="FX524" s="23"/>
      <c r="FY524" s="23"/>
      <c r="FZ524" s="23"/>
      <c r="GA524" s="23"/>
      <c r="GB524" s="23"/>
      <c r="GC524" s="23"/>
      <c r="GD524" s="23"/>
      <c r="GE524" s="23"/>
      <c r="GF524" s="23"/>
      <c r="GG524" s="23"/>
      <c r="GH524" s="23"/>
      <c r="GI524" s="23"/>
      <c r="GJ524" s="23"/>
      <c r="GK524" s="23"/>
      <c r="GL524" s="23"/>
      <c r="GM524" s="23"/>
      <c r="GN524" s="23"/>
      <c r="GO524" s="23"/>
      <c r="GP524" s="23"/>
      <c r="GQ524" s="23"/>
      <c r="GR524" s="23"/>
      <c r="GS524" s="23"/>
      <c r="GT524" s="23"/>
      <c r="GU524" s="23"/>
      <c r="GV524" s="23"/>
      <c r="GW524" s="23"/>
      <c r="GX524" s="23"/>
      <c r="GY524" s="23"/>
      <c r="GZ524" s="23"/>
      <c r="HA524" s="23"/>
      <c r="HB524" s="23"/>
      <c r="HC524" s="23"/>
      <c r="HD524" s="23"/>
      <c r="HE524" s="23"/>
      <c r="HF524" s="23"/>
      <c r="HG524" s="23"/>
      <c r="HH524" s="23"/>
      <c r="HI524" s="23"/>
      <c r="HJ524" s="23"/>
      <c r="HK524" s="23"/>
      <c r="HL524" s="23"/>
      <c r="HM524" s="23"/>
      <c r="HN524" s="23"/>
      <c r="HO524" s="23"/>
      <c r="HP524" s="23"/>
      <c r="HQ524" s="23"/>
      <c r="HR524" s="23"/>
      <c r="HS524" s="23"/>
      <c r="HT524" s="23"/>
      <c r="HU524" s="23"/>
      <c r="HV524" s="23"/>
      <c r="HW524" s="23"/>
      <c r="HX524" s="23"/>
      <c r="HY524" s="23"/>
      <c r="HZ524" s="23"/>
      <c r="IA524" s="23"/>
      <c r="IB524" s="23"/>
      <c r="IC524" s="23"/>
      <c r="ID524" s="23"/>
      <c r="IE524" s="23"/>
      <c r="IF524" s="23"/>
      <c r="IG524" s="23"/>
      <c r="IH524" s="23"/>
      <c r="II524" s="23"/>
      <c r="IJ524" s="23"/>
      <c r="IK524" s="23"/>
      <c r="IL524" s="23"/>
      <c r="IM524" s="23"/>
      <c r="IN524" s="23"/>
      <c r="IO524" s="23"/>
      <c r="IP524" s="23"/>
      <c r="IQ524" s="23"/>
    </row>
    <row r="525" spans="1:251" s="50" customFormat="1" ht="18.75" customHeight="1" thickTop="1" thickBot="1">
      <c r="A525" s="38"/>
      <c r="B525" s="164" t="s">
        <v>105</v>
      </c>
      <c r="C525" s="191"/>
      <c r="D525" s="191"/>
      <c r="E525" s="191"/>
      <c r="F525" s="191"/>
      <c r="G525" s="191"/>
      <c r="H525" s="191"/>
      <c r="I525" s="191"/>
      <c r="J525" s="191"/>
      <c r="K525" s="191"/>
      <c r="L525" s="191"/>
      <c r="M525" s="191"/>
      <c r="N525" s="191"/>
      <c r="O525" s="191"/>
      <c r="P525" s="191"/>
      <c r="Q525" s="191"/>
      <c r="R525" s="191"/>
      <c r="S525" s="191"/>
      <c r="T525" s="191"/>
      <c r="U525" s="191"/>
      <c r="V525" s="191"/>
      <c r="W525" s="191"/>
      <c r="X525" s="191"/>
      <c r="Y525" s="191"/>
      <c r="Z525" s="192"/>
      <c r="AA525" s="167">
        <f>SUM(AA517:AA524)</f>
        <v>872363</v>
      </c>
      <c r="AB525" s="215"/>
      <c r="AC525" s="215"/>
      <c r="AD525" s="215"/>
      <c r="AE525" s="215"/>
      <c r="AF525" s="215"/>
      <c r="AG525" s="215"/>
      <c r="AH525" s="215"/>
      <c r="AI525" s="216"/>
      <c r="AJ525" s="167">
        <f>SUM(AJ517:AJ524)</f>
        <v>884508</v>
      </c>
      <c r="AK525" s="215"/>
      <c r="AL525" s="215"/>
      <c r="AM525" s="215"/>
      <c r="AN525" s="215"/>
      <c r="AO525" s="215"/>
      <c r="AP525" s="215"/>
      <c r="AQ525" s="215"/>
      <c r="AR525" s="216"/>
      <c r="AS525" s="167"/>
      <c r="AT525" s="215"/>
      <c r="AU525" s="215"/>
      <c r="AV525" s="215"/>
      <c r="AW525" s="215"/>
      <c r="AX525" s="217"/>
      <c r="AY525" s="23"/>
      <c r="AZ525" s="23"/>
      <c r="BA525" s="23"/>
      <c r="BB525" s="23"/>
      <c r="BC525" s="23"/>
      <c r="BD525" s="23"/>
      <c r="BE525" s="23"/>
      <c r="BF525" s="23"/>
      <c r="BG525" s="23"/>
      <c r="BH525" s="23"/>
      <c r="BI525" s="23"/>
      <c r="BJ525" s="23"/>
      <c r="BK525" s="23"/>
      <c r="BL525" s="23"/>
      <c r="BM525" s="23"/>
      <c r="BN525" s="23"/>
      <c r="BO525" s="23"/>
      <c r="BP525" s="23"/>
      <c r="BQ525" s="23"/>
      <c r="BR525" s="23"/>
      <c r="BS525" s="23"/>
      <c r="BT525" s="23"/>
      <c r="BU525" s="23"/>
      <c r="BV525" s="23"/>
      <c r="BW525" s="23"/>
      <c r="BX525" s="23"/>
      <c r="BY525" s="23"/>
      <c r="BZ525" s="23"/>
      <c r="CA525" s="23"/>
      <c r="CB525" s="23"/>
      <c r="CC525" s="23"/>
      <c r="CD525" s="23"/>
      <c r="CE525" s="23"/>
      <c r="CF525" s="23"/>
      <c r="CG525" s="23"/>
      <c r="CH525" s="23"/>
      <c r="CI525" s="23"/>
      <c r="CJ525" s="23"/>
      <c r="CK525" s="23"/>
      <c r="CL525" s="23"/>
      <c r="CM525" s="23"/>
      <c r="CN525" s="23"/>
      <c r="CO525" s="23"/>
      <c r="CP525" s="23"/>
      <c r="CQ525" s="23"/>
      <c r="CR525" s="23"/>
      <c r="CS525" s="23"/>
      <c r="CT525" s="23"/>
      <c r="CU525" s="23"/>
      <c r="CV525" s="23"/>
      <c r="CW525" s="23"/>
      <c r="CX525" s="23"/>
      <c r="CY525" s="23"/>
      <c r="CZ525" s="23"/>
      <c r="DA525" s="23"/>
      <c r="DB525" s="23"/>
      <c r="DC525" s="23"/>
      <c r="DD525" s="23"/>
      <c r="DE525" s="23"/>
      <c r="DF525" s="23"/>
      <c r="DG525" s="23"/>
      <c r="DH525" s="23"/>
      <c r="DI525" s="23"/>
      <c r="DJ525" s="23"/>
      <c r="DK525" s="23"/>
      <c r="DL525" s="23"/>
      <c r="DM525" s="23"/>
      <c r="DN525" s="23"/>
      <c r="DO525" s="23"/>
      <c r="DP525" s="23"/>
      <c r="DQ525" s="23"/>
      <c r="DR525" s="23"/>
      <c r="DS525" s="23"/>
      <c r="DT525" s="23"/>
      <c r="DU525" s="23"/>
      <c r="DV525" s="23"/>
      <c r="DW525" s="23"/>
      <c r="DX525" s="23"/>
      <c r="DY525" s="23"/>
      <c r="DZ525" s="23"/>
      <c r="EA525" s="23"/>
      <c r="EB525" s="23"/>
      <c r="EC525" s="23"/>
      <c r="ED525" s="23"/>
      <c r="EE525" s="23"/>
      <c r="EF525" s="23"/>
      <c r="EG525" s="23"/>
      <c r="EH525" s="23"/>
      <c r="EI525" s="23"/>
      <c r="EJ525" s="23"/>
      <c r="EK525" s="23"/>
      <c r="EL525" s="23"/>
      <c r="EM525" s="23"/>
      <c r="EN525" s="23"/>
      <c r="EO525" s="23"/>
      <c r="EP525" s="23"/>
      <c r="EQ525" s="23"/>
      <c r="ER525" s="23"/>
      <c r="ES525" s="23"/>
      <c r="ET525" s="23"/>
      <c r="EU525" s="23"/>
      <c r="EV525" s="23"/>
      <c r="EW525" s="23"/>
      <c r="EX525" s="23"/>
      <c r="EY525" s="23"/>
      <c r="EZ525" s="23"/>
      <c r="FA525" s="23"/>
      <c r="FB525" s="23"/>
      <c r="FC525" s="23"/>
      <c r="FD525" s="23"/>
      <c r="FE525" s="23"/>
      <c r="FF525" s="23"/>
      <c r="FG525" s="23"/>
      <c r="FH525" s="23"/>
      <c r="FI525" s="23"/>
      <c r="FJ525" s="23"/>
      <c r="FK525" s="23"/>
      <c r="FL525" s="23"/>
      <c r="FM525" s="23"/>
      <c r="FN525" s="23"/>
      <c r="FO525" s="23"/>
      <c r="FP525" s="23"/>
      <c r="FQ525" s="23"/>
      <c r="FR525" s="23"/>
      <c r="FS525" s="23"/>
      <c r="FT525" s="23"/>
      <c r="FU525" s="23"/>
      <c r="FV525" s="23"/>
      <c r="FW525" s="23"/>
      <c r="FX525" s="23"/>
      <c r="FY525" s="23"/>
      <c r="FZ525" s="23"/>
      <c r="GA525" s="23"/>
      <c r="GB525" s="23"/>
      <c r="GC525" s="23"/>
      <c r="GD525" s="23"/>
      <c r="GE525" s="23"/>
      <c r="GF525" s="23"/>
      <c r="GG525" s="23"/>
      <c r="GH525" s="23"/>
      <c r="GI525" s="23"/>
      <c r="GJ525" s="23"/>
      <c r="GK525" s="23"/>
      <c r="GL525" s="23"/>
      <c r="GM525" s="23"/>
      <c r="GN525" s="23"/>
      <c r="GO525" s="23"/>
      <c r="GP525" s="23"/>
      <c r="GQ525" s="23"/>
      <c r="GR525" s="23"/>
      <c r="GS525" s="23"/>
      <c r="GT525" s="23"/>
      <c r="GU525" s="23"/>
      <c r="GV525" s="23"/>
      <c r="GW525" s="23"/>
      <c r="GX525" s="23"/>
      <c r="GY525" s="23"/>
      <c r="GZ525" s="23"/>
      <c r="HA525" s="23"/>
      <c r="HB525" s="23"/>
      <c r="HC525" s="23"/>
      <c r="HD525" s="23"/>
      <c r="HE525" s="23"/>
      <c r="HF525" s="23"/>
      <c r="HG525" s="23"/>
      <c r="HH525" s="23"/>
      <c r="HI525" s="23"/>
      <c r="HJ525" s="23"/>
      <c r="HK525" s="23"/>
      <c r="HL525" s="23"/>
      <c r="HM525" s="23"/>
      <c r="HN525" s="23"/>
      <c r="HO525" s="23"/>
      <c r="HP525" s="23"/>
      <c r="HQ525" s="23"/>
      <c r="HR525" s="23"/>
      <c r="HS525" s="23"/>
      <c r="HT525" s="23"/>
      <c r="HU525" s="23"/>
      <c r="HV525" s="23"/>
      <c r="HW525" s="23"/>
      <c r="HX525" s="23"/>
      <c r="HY525" s="23"/>
      <c r="HZ525" s="23"/>
      <c r="IA525" s="23"/>
      <c r="IB525" s="23"/>
      <c r="IC525" s="23"/>
      <c r="ID525" s="23"/>
      <c r="IE525" s="23"/>
      <c r="IF525" s="23"/>
      <c r="IG525" s="23"/>
      <c r="IH525" s="23"/>
      <c r="II525" s="23"/>
      <c r="IJ525" s="23"/>
      <c r="IK525" s="23"/>
      <c r="IL525" s="23"/>
      <c r="IM525" s="23"/>
      <c r="IN525" s="23"/>
      <c r="IO525" s="23"/>
      <c r="IP525" s="23"/>
      <c r="IQ525" s="23"/>
    </row>
    <row r="527" spans="1:251" s="23" customFormat="1" ht="19.2">
      <c r="A527" s="22" t="s">
        <v>86</v>
      </c>
      <c r="AW527" s="24"/>
      <c r="AX527" s="25"/>
      <c r="AY527" s="24"/>
    </row>
    <row r="528" spans="1:251" s="23" customFormat="1" ht="13.2"/>
    <row r="529" spans="1:113" s="23" customFormat="1">
      <c r="A529" s="26"/>
      <c r="B529" s="115" t="s">
        <v>87</v>
      </c>
      <c r="C529" s="153"/>
      <c r="D529" s="153"/>
      <c r="E529" s="153"/>
      <c r="F529" s="153"/>
      <c r="G529" s="153"/>
      <c r="H529" s="153"/>
      <c r="I529" s="153"/>
      <c r="J529" s="153"/>
      <c r="K529" s="153"/>
      <c r="L529" s="153"/>
      <c r="M529" s="153"/>
      <c r="N529" s="153"/>
      <c r="O529" s="153"/>
      <c r="P529" s="153"/>
      <c r="Q529" s="153"/>
      <c r="R529" s="153"/>
      <c r="S529" s="153"/>
      <c r="T529" s="153"/>
      <c r="U529" s="153"/>
      <c r="V529" s="153"/>
      <c r="W529" s="153"/>
      <c r="X529" s="153"/>
      <c r="Y529" s="153"/>
      <c r="Z529" s="153"/>
      <c r="AA529" s="153"/>
      <c r="AB529" s="153"/>
      <c r="AC529" s="153"/>
      <c r="AD529" s="153"/>
      <c r="AE529" s="153"/>
      <c r="AF529" s="153"/>
      <c r="AG529" s="153"/>
      <c r="AH529" s="153"/>
      <c r="AI529" s="153"/>
      <c r="AJ529" s="153"/>
      <c r="AK529" s="153"/>
      <c r="AL529" s="153"/>
      <c r="AM529" s="153"/>
      <c r="AN529" s="153"/>
      <c r="AO529" s="153"/>
      <c r="AP529" s="153"/>
      <c r="AQ529" s="153"/>
      <c r="AR529" s="153"/>
      <c r="AS529" s="153"/>
      <c r="AT529" s="153"/>
      <c r="AU529" s="153"/>
      <c r="AV529" s="153"/>
      <c r="AW529" s="153"/>
      <c r="AX529" s="153"/>
      <c r="AY529" s="26"/>
    </row>
    <row r="530" spans="1:113" s="23" customFormat="1" ht="13.2">
      <c r="Z530" s="27"/>
      <c r="AD530" s="27"/>
      <c r="AE530" s="27"/>
      <c r="AF530" s="27"/>
      <c r="AG530" s="27"/>
      <c r="AH530" s="27"/>
      <c r="AI530" s="27"/>
      <c r="AO530" s="27"/>
    </row>
    <row r="531" spans="1:113" s="23" customFormat="1" ht="13.8" thickBot="1">
      <c r="Z531" s="27"/>
      <c r="AD531" s="27"/>
      <c r="AE531" s="27"/>
      <c r="AF531" s="27"/>
      <c r="AG531" s="27"/>
      <c r="AH531" s="27"/>
      <c r="AI531" s="27"/>
      <c r="AO531" s="27"/>
      <c r="DI531" s="28"/>
    </row>
    <row r="532" spans="1:113" s="23" customFormat="1" ht="24.6" customHeight="1" thickBot="1">
      <c r="A532" s="116" t="s">
        <v>88</v>
      </c>
      <c r="B532" s="117"/>
      <c r="C532" s="117"/>
      <c r="D532" s="117"/>
      <c r="E532" s="117"/>
      <c r="F532" s="117"/>
      <c r="G532" s="117"/>
      <c r="H532" s="117"/>
      <c r="I532" s="117"/>
      <c r="J532" s="117"/>
      <c r="K532" s="118"/>
      <c r="L532" s="154">
        <v>16</v>
      </c>
      <c r="M532" s="154"/>
      <c r="N532" s="154"/>
      <c r="O532" s="155"/>
      <c r="P532" s="122" t="s">
        <v>89</v>
      </c>
      <c r="Q532" s="120"/>
      <c r="R532" s="120"/>
      <c r="S532" s="120"/>
      <c r="T532" s="120"/>
      <c r="U532" s="123"/>
      <c r="V532" s="156" t="s">
        <v>120</v>
      </c>
      <c r="W532" s="156"/>
      <c r="X532" s="156"/>
      <c r="Y532" s="156"/>
      <c r="Z532" s="156"/>
      <c r="AA532" s="156"/>
      <c r="AB532" s="156"/>
      <c r="AC532" s="156"/>
      <c r="AD532" s="156"/>
      <c r="AE532" s="156"/>
      <c r="AF532" s="156"/>
      <c r="AG532" s="156"/>
      <c r="AH532" s="156"/>
      <c r="AI532" s="156"/>
      <c r="AJ532" s="156"/>
      <c r="AK532" s="156"/>
      <c r="AL532" s="156"/>
      <c r="AM532" s="156"/>
      <c r="AN532" s="156"/>
      <c r="AO532" s="156"/>
      <c r="AP532" s="156"/>
      <c r="AQ532" s="156"/>
      <c r="AR532" s="156"/>
      <c r="AS532" s="156"/>
      <c r="AT532" s="156"/>
      <c r="AU532" s="156"/>
      <c r="AV532" s="156"/>
      <c r="AW532" s="156"/>
      <c r="AX532" s="157"/>
      <c r="DI532" s="28"/>
    </row>
    <row r="533" spans="1:113" s="23" customFormat="1" ht="14.4">
      <c r="A533" s="29"/>
      <c r="B533" s="29"/>
      <c r="C533" s="29"/>
      <c r="D533" s="29"/>
      <c r="E533" s="29"/>
      <c r="F533" s="29"/>
      <c r="G533" s="29"/>
      <c r="H533" s="29"/>
      <c r="I533" s="29"/>
      <c r="J533" s="29"/>
      <c r="K533" s="29"/>
      <c r="L533" s="30"/>
      <c r="M533" s="30"/>
      <c r="N533" s="30"/>
      <c r="O533" s="30"/>
      <c r="P533" s="29"/>
      <c r="Q533" s="29"/>
      <c r="R533" s="29"/>
      <c r="S533" s="29"/>
      <c r="T533" s="29"/>
      <c r="U533" s="29"/>
      <c r="V533" s="31"/>
      <c r="W533" s="31"/>
      <c r="X533" s="31"/>
      <c r="Y533" s="31"/>
      <c r="Z533" s="31"/>
      <c r="AA533" s="31"/>
      <c r="AB533" s="31"/>
      <c r="AC533" s="31"/>
      <c r="AD533" s="31"/>
      <c r="AE533" s="31"/>
      <c r="AF533" s="31"/>
      <c r="AG533" s="31"/>
      <c r="AH533" s="31"/>
      <c r="AI533" s="31"/>
      <c r="AJ533" s="31"/>
      <c r="AK533" s="31"/>
      <c r="AL533" s="31"/>
      <c r="AM533" s="31"/>
      <c r="AN533" s="31"/>
      <c r="AO533" s="31"/>
      <c r="AP533" s="31"/>
      <c r="AQ533" s="31"/>
      <c r="AR533" s="31"/>
      <c r="AS533" s="31"/>
      <c r="AT533" s="31"/>
      <c r="AU533" s="31"/>
      <c r="AV533" s="31"/>
      <c r="AW533" s="31"/>
      <c r="AX533" s="31"/>
      <c r="DI533" s="28"/>
    </row>
    <row r="534" spans="1:113" s="23" customFormat="1" ht="15" thickBot="1">
      <c r="A534" s="32"/>
      <c r="B534" s="33" t="s">
        <v>91</v>
      </c>
      <c r="C534" s="34"/>
      <c r="D534" s="34"/>
      <c r="E534" s="34"/>
      <c r="F534" s="34"/>
      <c r="G534" s="34"/>
      <c r="H534" s="34"/>
      <c r="I534" s="34"/>
      <c r="J534" s="34"/>
      <c r="K534" s="34"/>
      <c r="L534" s="35"/>
      <c r="M534" s="35"/>
      <c r="N534" s="35"/>
      <c r="O534" s="35"/>
      <c r="P534" s="34"/>
      <c r="Q534" s="34"/>
      <c r="R534" s="34"/>
      <c r="S534" s="34"/>
      <c r="T534" s="34"/>
      <c r="U534" s="34"/>
      <c r="V534" s="33"/>
      <c r="W534" s="33"/>
      <c r="X534" s="33"/>
      <c r="Y534" s="33"/>
      <c r="Z534" s="33"/>
      <c r="AA534" s="33"/>
      <c r="AB534" s="33"/>
      <c r="AC534" s="33"/>
      <c r="AD534" s="33"/>
      <c r="AE534" s="33"/>
      <c r="AF534" s="33"/>
      <c r="AG534" s="33"/>
      <c r="AH534" s="33"/>
      <c r="AI534" s="33"/>
      <c r="AJ534" s="33"/>
      <c r="AK534" s="33"/>
      <c r="AL534" s="33"/>
      <c r="AM534" s="33"/>
      <c r="AN534" s="33"/>
      <c r="AO534" s="33"/>
      <c r="AP534" s="33"/>
      <c r="AQ534" s="33"/>
      <c r="AR534" s="33"/>
      <c r="AS534" s="33"/>
      <c r="AT534" s="33"/>
      <c r="AU534" s="33"/>
      <c r="AV534" s="33"/>
      <c r="AW534" s="33"/>
      <c r="AX534" s="33"/>
      <c r="DI534" s="28"/>
    </row>
    <row r="535" spans="1:113" s="23" customFormat="1" ht="14.4">
      <c r="A535" s="34"/>
      <c r="B535" s="36"/>
      <c r="C535" s="29"/>
      <c r="D535" s="29"/>
      <c r="E535" s="29"/>
      <c r="F535" s="29"/>
      <c r="G535" s="29"/>
      <c r="H535" s="29"/>
      <c r="I535" s="29"/>
      <c r="J535" s="29"/>
      <c r="K535" s="29"/>
      <c r="L535" s="30"/>
      <c r="M535" s="30"/>
      <c r="N535" s="30"/>
      <c r="O535" s="30"/>
      <c r="P535" s="29"/>
      <c r="Q535" s="29"/>
      <c r="R535" s="29"/>
      <c r="S535" s="29"/>
      <c r="T535" s="29"/>
      <c r="U535" s="29"/>
      <c r="V535" s="31"/>
      <c r="W535" s="31"/>
      <c r="X535" s="31"/>
      <c r="Y535" s="31"/>
      <c r="Z535" s="31"/>
      <c r="AA535" s="31"/>
      <c r="AB535" s="31"/>
      <c r="AC535" s="31"/>
      <c r="AD535" s="31"/>
      <c r="AE535" s="31"/>
      <c r="AF535" s="31"/>
      <c r="AG535" s="31"/>
      <c r="AH535" s="31"/>
      <c r="AI535" s="31"/>
      <c r="AJ535" s="31"/>
      <c r="AK535" s="31"/>
      <c r="AL535" s="31"/>
      <c r="AM535" s="31"/>
      <c r="AN535" s="31"/>
      <c r="AO535" s="31"/>
      <c r="AP535" s="31"/>
      <c r="AQ535" s="31"/>
      <c r="AR535" s="31"/>
      <c r="AS535" s="31"/>
      <c r="AT535" s="31"/>
      <c r="AU535" s="31"/>
      <c r="AV535" s="31"/>
      <c r="AW535" s="31"/>
      <c r="AX535" s="37"/>
    </row>
    <row r="536" spans="1:113" s="23" customFormat="1" ht="10.8" customHeight="1">
      <c r="A536" s="34"/>
      <c r="B536" s="127" t="s">
        <v>164</v>
      </c>
      <c r="C536" s="128"/>
      <c r="D536" s="128"/>
      <c r="E536" s="128"/>
      <c r="F536" s="128"/>
      <c r="G536" s="128"/>
      <c r="H536" s="128"/>
      <c r="I536" s="128"/>
      <c r="J536" s="128"/>
      <c r="K536" s="128"/>
      <c r="L536" s="128"/>
      <c r="M536" s="128"/>
      <c r="N536" s="128"/>
      <c r="O536" s="128"/>
      <c r="P536" s="128"/>
      <c r="Q536" s="128"/>
      <c r="R536" s="128"/>
      <c r="S536" s="128"/>
      <c r="T536" s="128"/>
      <c r="U536" s="128"/>
      <c r="V536" s="128"/>
      <c r="W536" s="128"/>
      <c r="X536" s="128"/>
      <c r="Y536" s="128"/>
      <c r="Z536" s="128"/>
      <c r="AA536" s="128"/>
      <c r="AB536" s="128"/>
      <c r="AC536" s="128"/>
      <c r="AD536" s="128"/>
      <c r="AE536" s="128"/>
      <c r="AF536" s="128"/>
      <c r="AG536" s="128"/>
      <c r="AH536" s="128"/>
      <c r="AI536" s="128"/>
      <c r="AJ536" s="128"/>
      <c r="AK536" s="128"/>
      <c r="AL536" s="128"/>
      <c r="AM536" s="128"/>
      <c r="AN536" s="128"/>
      <c r="AO536" s="128"/>
      <c r="AP536" s="128"/>
      <c r="AQ536" s="128"/>
      <c r="AR536" s="128"/>
      <c r="AS536" s="128"/>
      <c r="AT536" s="128"/>
      <c r="AU536" s="128"/>
      <c r="AV536" s="128"/>
      <c r="AW536" s="128"/>
      <c r="AX536" s="129"/>
    </row>
    <row r="537" spans="1:113" s="23" customFormat="1" ht="10.8" customHeight="1">
      <c r="A537" s="34"/>
      <c r="B537" s="127"/>
      <c r="C537" s="128"/>
      <c r="D537" s="128"/>
      <c r="E537" s="128"/>
      <c r="F537" s="128"/>
      <c r="G537" s="128"/>
      <c r="H537" s="128"/>
      <c r="I537" s="128"/>
      <c r="J537" s="128"/>
      <c r="K537" s="128"/>
      <c r="L537" s="128"/>
      <c r="M537" s="128"/>
      <c r="N537" s="128"/>
      <c r="O537" s="128"/>
      <c r="P537" s="128"/>
      <c r="Q537" s="128"/>
      <c r="R537" s="128"/>
      <c r="S537" s="128"/>
      <c r="T537" s="128"/>
      <c r="U537" s="128"/>
      <c r="V537" s="128"/>
      <c r="W537" s="128"/>
      <c r="X537" s="128"/>
      <c r="Y537" s="128"/>
      <c r="Z537" s="128"/>
      <c r="AA537" s="128"/>
      <c r="AB537" s="128"/>
      <c r="AC537" s="128"/>
      <c r="AD537" s="128"/>
      <c r="AE537" s="128"/>
      <c r="AF537" s="128"/>
      <c r="AG537" s="128"/>
      <c r="AH537" s="128"/>
      <c r="AI537" s="128"/>
      <c r="AJ537" s="128"/>
      <c r="AK537" s="128"/>
      <c r="AL537" s="128"/>
      <c r="AM537" s="128"/>
      <c r="AN537" s="128"/>
      <c r="AO537" s="128"/>
      <c r="AP537" s="128"/>
      <c r="AQ537" s="128"/>
      <c r="AR537" s="128"/>
      <c r="AS537" s="128"/>
      <c r="AT537" s="128"/>
      <c r="AU537" s="128"/>
      <c r="AV537" s="128"/>
      <c r="AW537" s="128"/>
      <c r="AX537" s="129"/>
      <c r="BC537" s="17"/>
    </row>
    <row r="538" spans="1:113" s="23" customFormat="1" ht="10.8" customHeight="1">
      <c r="A538" s="34"/>
      <c r="B538" s="127"/>
      <c r="C538" s="128"/>
      <c r="D538" s="128"/>
      <c r="E538" s="128"/>
      <c r="F538" s="128"/>
      <c r="G538" s="128"/>
      <c r="H538" s="128"/>
      <c r="I538" s="128"/>
      <c r="J538" s="128"/>
      <c r="K538" s="128"/>
      <c r="L538" s="128"/>
      <c r="M538" s="128"/>
      <c r="N538" s="128"/>
      <c r="O538" s="128"/>
      <c r="P538" s="128"/>
      <c r="Q538" s="128"/>
      <c r="R538" s="128"/>
      <c r="S538" s="128"/>
      <c r="T538" s="128"/>
      <c r="U538" s="128"/>
      <c r="V538" s="128"/>
      <c r="W538" s="128"/>
      <c r="X538" s="128"/>
      <c r="Y538" s="128"/>
      <c r="Z538" s="128"/>
      <c r="AA538" s="128"/>
      <c r="AB538" s="128"/>
      <c r="AC538" s="128"/>
      <c r="AD538" s="128"/>
      <c r="AE538" s="128"/>
      <c r="AF538" s="128"/>
      <c r="AG538" s="128"/>
      <c r="AH538" s="128"/>
      <c r="AI538" s="128"/>
      <c r="AJ538" s="128"/>
      <c r="AK538" s="128"/>
      <c r="AL538" s="128"/>
      <c r="AM538" s="128"/>
      <c r="AN538" s="128"/>
      <c r="AO538" s="128"/>
      <c r="AP538" s="128"/>
      <c r="AQ538" s="128"/>
      <c r="AR538" s="128"/>
      <c r="AS538" s="128"/>
      <c r="AT538" s="128"/>
      <c r="AU538" s="128"/>
      <c r="AV538" s="128"/>
      <c r="AW538" s="128"/>
      <c r="AX538" s="129"/>
    </row>
    <row r="539" spans="1:113" s="23" customFormat="1" ht="10.8" customHeight="1">
      <c r="A539" s="34"/>
      <c r="B539" s="127"/>
      <c r="C539" s="128"/>
      <c r="D539" s="128"/>
      <c r="E539" s="128"/>
      <c r="F539" s="128"/>
      <c r="G539" s="128"/>
      <c r="H539" s="128"/>
      <c r="I539" s="128"/>
      <c r="J539" s="128"/>
      <c r="K539" s="128"/>
      <c r="L539" s="128"/>
      <c r="M539" s="128"/>
      <c r="N539" s="128"/>
      <c r="O539" s="128"/>
      <c r="P539" s="128"/>
      <c r="Q539" s="128"/>
      <c r="R539" s="128"/>
      <c r="S539" s="128"/>
      <c r="T539" s="128"/>
      <c r="U539" s="128"/>
      <c r="V539" s="128"/>
      <c r="W539" s="128"/>
      <c r="X539" s="128"/>
      <c r="Y539" s="128"/>
      <c r="Z539" s="128"/>
      <c r="AA539" s="128"/>
      <c r="AB539" s="128"/>
      <c r="AC539" s="128"/>
      <c r="AD539" s="128"/>
      <c r="AE539" s="128"/>
      <c r="AF539" s="128"/>
      <c r="AG539" s="128"/>
      <c r="AH539" s="128"/>
      <c r="AI539" s="128"/>
      <c r="AJ539" s="128"/>
      <c r="AK539" s="128"/>
      <c r="AL539" s="128"/>
      <c r="AM539" s="128"/>
      <c r="AN539" s="128"/>
      <c r="AO539" s="128"/>
      <c r="AP539" s="128"/>
      <c r="AQ539" s="128"/>
      <c r="AR539" s="128"/>
      <c r="AS539" s="128"/>
      <c r="AT539" s="128"/>
      <c r="AU539" s="128"/>
      <c r="AV539" s="128"/>
      <c r="AW539" s="128"/>
      <c r="AX539" s="129"/>
    </row>
    <row r="540" spans="1:113" s="23" customFormat="1" ht="10.8" customHeight="1">
      <c r="A540" s="34"/>
      <c r="B540" s="127"/>
      <c r="C540" s="128"/>
      <c r="D540" s="128"/>
      <c r="E540" s="128"/>
      <c r="F540" s="128"/>
      <c r="G540" s="128"/>
      <c r="H540" s="128"/>
      <c r="I540" s="128"/>
      <c r="J540" s="128"/>
      <c r="K540" s="128"/>
      <c r="L540" s="128"/>
      <c r="M540" s="128"/>
      <c r="N540" s="128"/>
      <c r="O540" s="128"/>
      <c r="P540" s="128"/>
      <c r="Q540" s="128"/>
      <c r="R540" s="128"/>
      <c r="S540" s="128"/>
      <c r="T540" s="128"/>
      <c r="U540" s="128"/>
      <c r="V540" s="128"/>
      <c r="W540" s="128"/>
      <c r="X540" s="128"/>
      <c r="Y540" s="128"/>
      <c r="Z540" s="128"/>
      <c r="AA540" s="128"/>
      <c r="AB540" s="128"/>
      <c r="AC540" s="128"/>
      <c r="AD540" s="128"/>
      <c r="AE540" s="128"/>
      <c r="AF540" s="128"/>
      <c r="AG540" s="128"/>
      <c r="AH540" s="128"/>
      <c r="AI540" s="128"/>
      <c r="AJ540" s="128"/>
      <c r="AK540" s="128"/>
      <c r="AL540" s="128"/>
      <c r="AM540" s="128"/>
      <c r="AN540" s="128"/>
      <c r="AO540" s="128"/>
      <c r="AP540" s="128"/>
      <c r="AQ540" s="128"/>
      <c r="AR540" s="128"/>
      <c r="AS540" s="128"/>
      <c r="AT540" s="128"/>
      <c r="AU540" s="128"/>
      <c r="AV540" s="128"/>
      <c r="AW540" s="128"/>
      <c r="AX540" s="129"/>
    </row>
    <row r="541" spans="1:113" s="23" customFormat="1" ht="10.8" customHeight="1">
      <c r="A541" s="34"/>
      <c r="B541" s="127"/>
      <c r="C541" s="128"/>
      <c r="D541" s="128"/>
      <c r="E541" s="128"/>
      <c r="F541" s="128"/>
      <c r="G541" s="128"/>
      <c r="H541" s="128"/>
      <c r="I541" s="128"/>
      <c r="J541" s="128"/>
      <c r="K541" s="128"/>
      <c r="L541" s="128"/>
      <c r="M541" s="128"/>
      <c r="N541" s="128"/>
      <c r="O541" s="128"/>
      <c r="P541" s="128"/>
      <c r="Q541" s="128"/>
      <c r="R541" s="128"/>
      <c r="S541" s="128"/>
      <c r="T541" s="128"/>
      <c r="U541" s="128"/>
      <c r="V541" s="128"/>
      <c r="W541" s="128"/>
      <c r="X541" s="128"/>
      <c r="Y541" s="128"/>
      <c r="Z541" s="128"/>
      <c r="AA541" s="128"/>
      <c r="AB541" s="128"/>
      <c r="AC541" s="128"/>
      <c r="AD541" s="128"/>
      <c r="AE541" s="128"/>
      <c r="AF541" s="128"/>
      <c r="AG541" s="128"/>
      <c r="AH541" s="128"/>
      <c r="AI541" s="128"/>
      <c r="AJ541" s="128"/>
      <c r="AK541" s="128"/>
      <c r="AL541" s="128"/>
      <c r="AM541" s="128"/>
      <c r="AN541" s="128"/>
      <c r="AO541" s="128"/>
      <c r="AP541" s="128"/>
      <c r="AQ541" s="128"/>
      <c r="AR541" s="128"/>
      <c r="AS541" s="128"/>
      <c r="AT541" s="128"/>
      <c r="AU541" s="128"/>
      <c r="AV541" s="128"/>
      <c r="AW541" s="128"/>
      <c r="AX541" s="129"/>
    </row>
    <row r="542" spans="1:113" s="23" customFormat="1" ht="10.8" customHeight="1">
      <c r="A542" s="34"/>
      <c r="B542" s="127"/>
      <c r="C542" s="128"/>
      <c r="D542" s="128"/>
      <c r="E542" s="128"/>
      <c r="F542" s="128"/>
      <c r="G542" s="128"/>
      <c r="H542" s="128"/>
      <c r="I542" s="128"/>
      <c r="J542" s="128"/>
      <c r="K542" s="128"/>
      <c r="L542" s="128"/>
      <c r="M542" s="128"/>
      <c r="N542" s="128"/>
      <c r="O542" s="128"/>
      <c r="P542" s="128"/>
      <c r="Q542" s="128"/>
      <c r="R542" s="128"/>
      <c r="S542" s="128"/>
      <c r="T542" s="128"/>
      <c r="U542" s="128"/>
      <c r="V542" s="128"/>
      <c r="W542" s="128"/>
      <c r="X542" s="128"/>
      <c r="Y542" s="128"/>
      <c r="Z542" s="128"/>
      <c r="AA542" s="128"/>
      <c r="AB542" s="128"/>
      <c r="AC542" s="128"/>
      <c r="AD542" s="128"/>
      <c r="AE542" s="128"/>
      <c r="AF542" s="128"/>
      <c r="AG542" s="128"/>
      <c r="AH542" s="128"/>
      <c r="AI542" s="128"/>
      <c r="AJ542" s="128"/>
      <c r="AK542" s="128"/>
      <c r="AL542" s="128"/>
      <c r="AM542" s="128"/>
      <c r="AN542" s="128"/>
      <c r="AO542" s="128"/>
      <c r="AP542" s="128"/>
      <c r="AQ542" s="128"/>
      <c r="AR542" s="128"/>
      <c r="AS542" s="128"/>
      <c r="AT542" s="128"/>
      <c r="AU542" s="128"/>
      <c r="AV542" s="128"/>
      <c r="AW542" s="128"/>
      <c r="AX542" s="129"/>
    </row>
    <row r="543" spans="1:113" s="23" customFormat="1" ht="10.8" customHeight="1">
      <c r="A543" s="34"/>
      <c r="B543" s="127"/>
      <c r="C543" s="128"/>
      <c r="D543" s="128"/>
      <c r="E543" s="128"/>
      <c r="F543" s="128"/>
      <c r="G543" s="128"/>
      <c r="H543" s="128"/>
      <c r="I543" s="128"/>
      <c r="J543" s="128"/>
      <c r="K543" s="128"/>
      <c r="L543" s="128"/>
      <c r="M543" s="128"/>
      <c r="N543" s="128"/>
      <c r="O543" s="128"/>
      <c r="P543" s="128"/>
      <c r="Q543" s="128"/>
      <c r="R543" s="128"/>
      <c r="S543" s="128"/>
      <c r="T543" s="128"/>
      <c r="U543" s="128"/>
      <c r="V543" s="128"/>
      <c r="W543" s="128"/>
      <c r="X543" s="128"/>
      <c r="Y543" s="128"/>
      <c r="Z543" s="128"/>
      <c r="AA543" s="128"/>
      <c r="AB543" s="128"/>
      <c r="AC543" s="128"/>
      <c r="AD543" s="128"/>
      <c r="AE543" s="128"/>
      <c r="AF543" s="128"/>
      <c r="AG543" s="128"/>
      <c r="AH543" s="128"/>
      <c r="AI543" s="128"/>
      <c r="AJ543" s="128"/>
      <c r="AK543" s="128"/>
      <c r="AL543" s="128"/>
      <c r="AM543" s="128"/>
      <c r="AN543" s="128"/>
      <c r="AO543" s="128"/>
      <c r="AP543" s="128"/>
      <c r="AQ543" s="128"/>
      <c r="AR543" s="128"/>
      <c r="AS543" s="128"/>
      <c r="AT543" s="128"/>
      <c r="AU543" s="128"/>
      <c r="AV543" s="128"/>
      <c r="AW543" s="128"/>
      <c r="AX543" s="129"/>
    </row>
    <row r="544" spans="1:113" s="23" customFormat="1" ht="10.8" customHeight="1">
      <c r="A544" s="34"/>
      <c r="B544" s="127"/>
      <c r="C544" s="128"/>
      <c r="D544" s="128"/>
      <c r="E544" s="128"/>
      <c r="F544" s="128"/>
      <c r="G544" s="128"/>
      <c r="H544" s="128"/>
      <c r="I544" s="128"/>
      <c r="J544" s="128"/>
      <c r="K544" s="128"/>
      <c r="L544" s="128"/>
      <c r="M544" s="128"/>
      <c r="N544" s="128"/>
      <c r="O544" s="128"/>
      <c r="P544" s="128"/>
      <c r="Q544" s="128"/>
      <c r="R544" s="128"/>
      <c r="S544" s="128"/>
      <c r="T544" s="128"/>
      <c r="U544" s="128"/>
      <c r="V544" s="128"/>
      <c r="W544" s="128"/>
      <c r="X544" s="128"/>
      <c r="Y544" s="128"/>
      <c r="Z544" s="128"/>
      <c r="AA544" s="128"/>
      <c r="AB544" s="128"/>
      <c r="AC544" s="128"/>
      <c r="AD544" s="128"/>
      <c r="AE544" s="128"/>
      <c r="AF544" s="128"/>
      <c r="AG544" s="128"/>
      <c r="AH544" s="128"/>
      <c r="AI544" s="128"/>
      <c r="AJ544" s="128"/>
      <c r="AK544" s="128"/>
      <c r="AL544" s="128"/>
      <c r="AM544" s="128"/>
      <c r="AN544" s="128"/>
      <c r="AO544" s="128"/>
      <c r="AP544" s="128"/>
      <c r="AQ544" s="128"/>
      <c r="AR544" s="128"/>
      <c r="AS544" s="128"/>
      <c r="AT544" s="128"/>
      <c r="AU544" s="128"/>
      <c r="AV544" s="128"/>
      <c r="AW544" s="128"/>
      <c r="AX544" s="129"/>
    </row>
    <row r="545" spans="1:251" s="23" customFormat="1" ht="10.8" customHeight="1">
      <c r="A545" s="34"/>
      <c r="B545" s="127"/>
      <c r="C545" s="128"/>
      <c r="D545" s="128"/>
      <c r="E545" s="128"/>
      <c r="F545" s="128"/>
      <c r="G545" s="128"/>
      <c r="H545" s="128"/>
      <c r="I545" s="128"/>
      <c r="J545" s="128"/>
      <c r="K545" s="128"/>
      <c r="L545" s="128"/>
      <c r="M545" s="128"/>
      <c r="N545" s="128"/>
      <c r="O545" s="128"/>
      <c r="P545" s="128"/>
      <c r="Q545" s="128"/>
      <c r="R545" s="128"/>
      <c r="S545" s="128"/>
      <c r="T545" s="128"/>
      <c r="U545" s="128"/>
      <c r="V545" s="128"/>
      <c r="W545" s="128"/>
      <c r="X545" s="128"/>
      <c r="Y545" s="128"/>
      <c r="Z545" s="128"/>
      <c r="AA545" s="128"/>
      <c r="AB545" s="128"/>
      <c r="AC545" s="128"/>
      <c r="AD545" s="128"/>
      <c r="AE545" s="128"/>
      <c r="AF545" s="128"/>
      <c r="AG545" s="128"/>
      <c r="AH545" s="128"/>
      <c r="AI545" s="128"/>
      <c r="AJ545" s="128"/>
      <c r="AK545" s="128"/>
      <c r="AL545" s="128"/>
      <c r="AM545" s="128"/>
      <c r="AN545" s="128"/>
      <c r="AO545" s="128"/>
      <c r="AP545" s="128"/>
      <c r="AQ545" s="128"/>
      <c r="AR545" s="128"/>
      <c r="AS545" s="128"/>
      <c r="AT545" s="128"/>
      <c r="AU545" s="128"/>
      <c r="AV545" s="128"/>
      <c r="AW545" s="128"/>
      <c r="AX545" s="129"/>
    </row>
    <row r="546" spans="1:251" s="23" customFormat="1" ht="15" thickBot="1">
      <c r="A546" s="38"/>
      <c r="B546" s="39"/>
      <c r="C546" s="40"/>
      <c r="D546" s="40"/>
      <c r="E546" s="40"/>
      <c r="F546" s="40"/>
      <c r="G546" s="40"/>
      <c r="H546" s="40"/>
      <c r="I546" s="40"/>
      <c r="J546" s="40"/>
      <c r="K546" s="40"/>
      <c r="L546" s="40"/>
      <c r="M546" s="40"/>
      <c r="N546" s="40"/>
      <c r="O546" s="40"/>
      <c r="P546" s="40"/>
      <c r="Q546" s="40"/>
      <c r="R546" s="40"/>
      <c r="S546" s="40"/>
      <c r="T546" s="40"/>
      <c r="U546" s="40"/>
      <c r="V546" s="40"/>
      <c r="W546" s="40"/>
      <c r="X546" s="40"/>
      <c r="Y546" s="40"/>
      <c r="Z546" s="40"/>
      <c r="AA546" s="40"/>
      <c r="AB546" s="40"/>
      <c r="AC546" s="40"/>
      <c r="AD546" s="40"/>
      <c r="AE546" s="40"/>
      <c r="AF546" s="40"/>
      <c r="AG546" s="40"/>
      <c r="AH546" s="40"/>
      <c r="AI546" s="40"/>
      <c r="AJ546" s="40"/>
      <c r="AK546" s="40"/>
      <c r="AL546" s="40"/>
      <c r="AM546" s="40"/>
      <c r="AN546" s="40"/>
      <c r="AO546" s="40"/>
      <c r="AP546" s="40"/>
      <c r="AQ546" s="40"/>
      <c r="AR546" s="40"/>
      <c r="AS546" s="40"/>
      <c r="AT546" s="40"/>
      <c r="AU546" s="40"/>
      <c r="AV546" s="40"/>
      <c r="AW546" s="40"/>
      <c r="AX546" s="41"/>
    </row>
    <row r="547" spans="1:251" s="23" customFormat="1" ht="13.2">
      <c r="B547" s="42"/>
    </row>
    <row r="548" spans="1:251" s="23" customFormat="1" ht="14.4">
      <c r="B548" s="33" t="s">
        <v>93</v>
      </c>
      <c r="C548" s="34"/>
      <c r="D548" s="34"/>
      <c r="E548" s="34"/>
      <c r="F548" s="34"/>
      <c r="G548" s="34"/>
      <c r="H548" s="34"/>
      <c r="I548" s="34"/>
      <c r="J548" s="34"/>
      <c r="K548" s="34"/>
      <c r="L548" s="35"/>
      <c r="M548" s="35"/>
      <c r="N548" s="35"/>
      <c r="O548" s="35"/>
      <c r="P548" s="34"/>
      <c r="Q548" s="34"/>
      <c r="R548" s="34"/>
      <c r="S548" s="34"/>
      <c r="T548" s="34"/>
      <c r="U548" s="34"/>
      <c r="V548" s="33"/>
      <c r="W548" s="33"/>
      <c r="X548" s="33"/>
      <c r="Y548" s="33"/>
      <c r="Z548" s="33"/>
      <c r="AA548" s="33"/>
      <c r="AB548" s="33"/>
      <c r="AC548" s="33"/>
      <c r="AD548" s="33"/>
      <c r="AE548" s="33"/>
      <c r="AF548" s="33"/>
      <c r="AG548" s="33"/>
      <c r="AH548" s="33"/>
      <c r="AI548" s="33"/>
      <c r="AJ548" s="33"/>
      <c r="AK548" s="33"/>
      <c r="AL548" s="33"/>
      <c r="AM548" s="33"/>
      <c r="AN548" s="33"/>
      <c r="AO548" s="33"/>
      <c r="AP548" s="33"/>
      <c r="AQ548" s="33"/>
      <c r="AR548" s="33"/>
      <c r="AS548" s="33"/>
      <c r="AT548" s="33"/>
      <c r="AU548" s="33"/>
      <c r="AV548" s="33"/>
      <c r="AW548" s="33"/>
      <c r="AX548" s="33"/>
    </row>
    <row r="549" spans="1:251" s="23" customFormat="1" ht="15" thickBot="1">
      <c r="B549" s="33"/>
      <c r="C549" s="34"/>
      <c r="D549" s="34"/>
      <c r="E549" s="34"/>
      <c r="F549" s="34"/>
      <c r="G549" s="34"/>
      <c r="H549" s="34"/>
      <c r="I549" s="34"/>
      <c r="J549" s="34"/>
      <c r="K549" s="34"/>
      <c r="L549" s="35"/>
      <c r="M549" s="35"/>
      <c r="N549" s="35"/>
      <c r="O549" s="35"/>
      <c r="P549" s="34"/>
      <c r="Q549" s="34"/>
      <c r="R549" s="34"/>
      <c r="S549" s="34"/>
      <c r="T549" s="34"/>
      <c r="U549" s="34"/>
      <c r="V549" s="33"/>
      <c r="W549" s="33"/>
      <c r="X549" s="33"/>
      <c r="Y549" s="33"/>
      <c r="Z549" s="33"/>
      <c r="AA549" s="33"/>
      <c r="AB549" s="33"/>
      <c r="AC549" s="33"/>
      <c r="AD549" s="33"/>
      <c r="AE549" s="33"/>
      <c r="AF549" s="33"/>
      <c r="AG549" s="33"/>
      <c r="AH549" s="33"/>
      <c r="AI549" s="33"/>
      <c r="AJ549" s="33"/>
      <c r="AK549" s="33"/>
      <c r="AL549" s="33"/>
      <c r="AM549" s="33"/>
      <c r="AN549" s="33"/>
      <c r="AO549" s="33"/>
      <c r="AP549" s="33"/>
      <c r="AQ549" s="33"/>
      <c r="AR549" s="33"/>
      <c r="AS549" s="33"/>
      <c r="AT549" s="33"/>
      <c r="AU549" s="33"/>
      <c r="AV549" s="33"/>
      <c r="AW549" s="33"/>
      <c r="AX549" s="43" t="s">
        <v>94</v>
      </c>
    </row>
    <row r="550" spans="1:251" s="50" customFormat="1" ht="13.5" customHeight="1">
      <c r="A550" s="34"/>
      <c r="B550" s="139" t="s">
        <v>95</v>
      </c>
      <c r="C550" s="203"/>
      <c r="D550" s="203"/>
      <c r="E550" s="203"/>
      <c r="F550" s="203"/>
      <c r="G550" s="203"/>
      <c r="H550" s="203"/>
      <c r="I550" s="203"/>
      <c r="J550" s="203"/>
      <c r="K550" s="203"/>
      <c r="L550" s="203"/>
      <c r="M550" s="203"/>
      <c r="N550" s="203"/>
      <c r="O550" s="203"/>
      <c r="P550" s="203"/>
      <c r="Q550" s="203"/>
      <c r="R550" s="203"/>
      <c r="S550" s="203"/>
      <c r="T550" s="203"/>
      <c r="U550" s="203"/>
      <c r="V550" s="203"/>
      <c r="W550" s="203"/>
      <c r="X550" s="203"/>
      <c r="Y550" s="203"/>
      <c r="Z550" s="204"/>
      <c r="AA550" s="145" t="s">
        <v>116</v>
      </c>
      <c r="AB550" s="203"/>
      <c r="AC550" s="203"/>
      <c r="AD550" s="203"/>
      <c r="AE550" s="203"/>
      <c r="AF550" s="203"/>
      <c r="AG550" s="203"/>
      <c r="AH550" s="203"/>
      <c r="AI550" s="204"/>
      <c r="AJ550" s="145" t="s">
        <v>117</v>
      </c>
      <c r="AK550" s="203"/>
      <c r="AL550" s="203"/>
      <c r="AM550" s="203"/>
      <c r="AN550" s="203"/>
      <c r="AO550" s="203"/>
      <c r="AP550" s="203"/>
      <c r="AQ550" s="203"/>
      <c r="AR550" s="204"/>
      <c r="AS550" s="145" t="s">
        <v>98</v>
      </c>
      <c r="AT550" s="203"/>
      <c r="AU550" s="203"/>
      <c r="AV550" s="203"/>
      <c r="AW550" s="203"/>
      <c r="AX550" s="209"/>
      <c r="AY550" s="23"/>
      <c r="AZ550" s="23"/>
      <c r="BA550" s="23"/>
      <c r="BB550" s="23"/>
      <c r="BC550" s="23"/>
      <c r="BD550" s="23"/>
      <c r="BE550" s="23"/>
      <c r="BF550" s="23"/>
      <c r="BG550" s="23"/>
      <c r="BH550" s="23"/>
      <c r="BI550" s="23"/>
      <c r="BJ550" s="23"/>
      <c r="BK550" s="23"/>
      <c r="BL550" s="23"/>
      <c r="BM550" s="23"/>
      <c r="BN550" s="23"/>
      <c r="BO550" s="23"/>
      <c r="BP550" s="23"/>
      <c r="BQ550" s="23"/>
      <c r="BR550" s="23"/>
      <c r="BS550" s="23"/>
      <c r="BT550" s="23"/>
      <c r="BU550" s="23"/>
      <c r="BV550" s="23"/>
      <c r="BW550" s="23"/>
      <c r="BX550" s="23"/>
      <c r="BY550" s="23"/>
      <c r="BZ550" s="23"/>
      <c r="CA550" s="23"/>
      <c r="CB550" s="23"/>
      <c r="CC550" s="23"/>
      <c r="CD550" s="23"/>
      <c r="CE550" s="23"/>
      <c r="CF550" s="23"/>
      <c r="CG550" s="23"/>
      <c r="CH550" s="23"/>
      <c r="CI550" s="23"/>
      <c r="CJ550" s="23"/>
      <c r="CK550" s="23"/>
      <c r="CL550" s="23"/>
      <c r="CM550" s="23"/>
      <c r="CN550" s="23"/>
      <c r="CO550" s="23"/>
      <c r="CP550" s="23"/>
      <c r="CQ550" s="23"/>
      <c r="CR550" s="23"/>
      <c r="CS550" s="23"/>
      <c r="CT550" s="23"/>
      <c r="CU550" s="23"/>
      <c r="CV550" s="23"/>
      <c r="CW550" s="23"/>
      <c r="CX550" s="23"/>
      <c r="CY550" s="23"/>
      <c r="CZ550" s="23"/>
      <c r="DA550" s="23"/>
      <c r="DB550" s="23"/>
      <c r="DC550" s="23"/>
      <c r="DD550" s="23"/>
      <c r="DE550" s="23"/>
      <c r="DF550" s="23"/>
      <c r="DG550" s="23"/>
      <c r="DH550" s="23"/>
      <c r="DI550" s="23"/>
      <c r="DJ550" s="23"/>
      <c r="DK550" s="23"/>
      <c r="DL550" s="23"/>
      <c r="DM550" s="23"/>
      <c r="DN550" s="23"/>
      <c r="DO550" s="23"/>
      <c r="DP550" s="23"/>
      <c r="DQ550" s="23"/>
      <c r="DR550" s="23"/>
      <c r="DS550" s="23"/>
      <c r="DT550" s="23"/>
      <c r="DU550" s="23"/>
      <c r="DV550" s="23"/>
      <c r="DW550" s="23"/>
      <c r="DX550" s="23"/>
      <c r="DY550" s="23"/>
      <c r="DZ550" s="23"/>
      <c r="EA550" s="23"/>
      <c r="EB550" s="23"/>
      <c r="EC550" s="23"/>
      <c r="ED550" s="23"/>
      <c r="EE550" s="23"/>
      <c r="EF550" s="23"/>
      <c r="EG550" s="23"/>
      <c r="EH550" s="23"/>
      <c r="EI550" s="23"/>
      <c r="EJ550" s="23"/>
      <c r="EK550" s="23"/>
      <c r="EL550" s="23"/>
      <c r="EM550" s="23"/>
      <c r="EN550" s="23"/>
      <c r="EO550" s="23"/>
      <c r="EP550" s="23"/>
      <c r="EQ550" s="23"/>
      <c r="ER550" s="23"/>
      <c r="ES550" s="23"/>
      <c r="ET550" s="23"/>
      <c r="EU550" s="23"/>
      <c r="EV550" s="23"/>
      <c r="EW550" s="23"/>
      <c r="EX550" s="23"/>
      <c r="EY550" s="23"/>
      <c r="EZ550" s="23"/>
      <c r="FA550" s="23"/>
      <c r="FB550" s="23"/>
      <c r="FC550" s="23"/>
      <c r="FD550" s="23"/>
      <c r="FE550" s="23"/>
      <c r="FF550" s="23"/>
      <c r="FG550" s="23"/>
      <c r="FH550" s="23"/>
      <c r="FI550" s="23"/>
      <c r="FJ550" s="23"/>
      <c r="FK550" s="23"/>
      <c r="FL550" s="23"/>
      <c r="FM550" s="23"/>
      <c r="FN550" s="23"/>
      <c r="FO550" s="23"/>
      <c r="FP550" s="23"/>
      <c r="FQ550" s="23"/>
      <c r="FR550" s="23"/>
      <c r="FS550" s="23"/>
      <c r="FT550" s="23"/>
      <c r="FU550" s="23"/>
      <c r="FV550" s="23"/>
      <c r="FW550" s="23"/>
      <c r="FX550" s="23"/>
      <c r="FY550" s="23"/>
      <c r="FZ550" s="23"/>
      <c r="GA550" s="23"/>
      <c r="GB550" s="23"/>
      <c r="GC550" s="23"/>
      <c r="GD550" s="23"/>
      <c r="GE550" s="23"/>
      <c r="GF550" s="23"/>
      <c r="GG550" s="23"/>
      <c r="GH550" s="23"/>
      <c r="GI550" s="23"/>
      <c r="GJ550" s="23"/>
      <c r="GK550" s="23"/>
      <c r="GL550" s="23"/>
      <c r="GM550" s="23"/>
      <c r="GN550" s="23"/>
      <c r="GO550" s="23"/>
      <c r="GP550" s="23"/>
      <c r="GQ550" s="23"/>
      <c r="GR550" s="23"/>
      <c r="GS550" s="23"/>
      <c r="GT550" s="23"/>
      <c r="GU550" s="23"/>
      <c r="GV550" s="23"/>
      <c r="GW550" s="23"/>
      <c r="GX550" s="23"/>
      <c r="GY550" s="23"/>
      <c r="GZ550" s="23"/>
      <c r="HA550" s="23"/>
      <c r="HB550" s="23"/>
      <c r="HC550" s="23"/>
      <c r="HD550" s="23"/>
      <c r="HE550" s="23"/>
      <c r="HF550" s="23"/>
      <c r="HG550" s="23"/>
      <c r="HH550" s="23"/>
      <c r="HI550" s="23"/>
      <c r="HJ550" s="23"/>
      <c r="HK550" s="23"/>
      <c r="HL550" s="23"/>
      <c r="HM550" s="23"/>
      <c r="HN550" s="23"/>
      <c r="HO550" s="23"/>
      <c r="HP550" s="23"/>
      <c r="HQ550" s="23"/>
      <c r="HR550" s="23"/>
      <c r="HS550" s="23"/>
      <c r="HT550" s="23"/>
      <c r="HU550" s="23"/>
      <c r="HV550" s="23"/>
      <c r="HW550" s="23"/>
      <c r="HX550" s="23"/>
      <c r="HY550" s="23"/>
      <c r="HZ550" s="23"/>
      <c r="IA550" s="23"/>
      <c r="IB550" s="23"/>
      <c r="IC550" s="23"/>
      <c r="ID550" s="23"/>
      <c r="IE550" s="23"/>
      <c r="IF550" s="23"/>
      <c r="IG550" s="23"/>
      <c r="IH550" s="23"/>
      <c r="II550" s="23"/>
      <c r="IJ550" s="23"/>
      <c r="IK550" s="23"/>
      <c r="IL550" s="23"/>
      <c r="IM550" s="23"/>
      <c r="IN550" s="23"/>
      <c r="IO550" s="23"/>
      <c r="IP550" s="23"/>
      <c r="IQ550" s="23"/>
    </row>
    <row r="551" spans="1:251" s="50" customFormat="1">
      <c r="A551" s="34"/>
      <c r="B551" s="205"/>
      <c r="C551" s="206"/>
      <c r="D551" s="206"/>
      <c r="E551" s="206"/>
      <c r="F551" s="206"/>
      <c r="G551" s="206"/>
      <c r="H551" s="206"/>
      <c r="I551" s="206"/>
      <c r="J551" s="206"/>
      <c r="K551" s="206"/>
      <c r="L551" s="206"/>
      <c r="M551" s="206"/>
      <c r="N551" s="206"/>
      <c r="O551" s="206"/>
      <c r="P551" s="206"/>
      <c r="Q551" s="206"/>
      <c r="R551" s="206"/>
      <c r="S551" s="206"/>
      <c r="T551" s="206"/>
      <c r="U551" s="206"/>
      <c r="V551" s="206"/>
      <c r="W551" s="206"/>
      <c r="X551" s="206"/>
      <c r="Y551" s="206"/>
      <c r="Z551" s="207"/>
      <c r="AA551" s="208"/>
      <c r="AB551" s="206"/>
      <c r="AC551" s="206"/>
      <c r="AD551" s="206"/>
      <c r="AE551" s="206"/>
      <c r="AF551" s="206"/>
      <c r="AG551" s="206"/>
      <c r="AH551" s="206"/>
      <c r="AI551" s="207"/>
      <c r="AJ551" s="208"/>
      <c r="AK551" s="206"/>
      <c r="AL551" s="206"/>
      <c r="AM551" s="206"/>
      <c r="AN551" s="206"/>
      <c r="AO551" s="206"/>
      <c r="AP551" s="206"/>
      <c r="AQ551" s="206"/>
      <c r="AR551" s="207"/>
      <c r="AS551" s="208"/>
      <c r="AT551" s="206"/>
      <c r="AU551" s="206"/>
      <c r="AV551" s="206"/>
      <c r="AW551" s="206"/>
      <c r="AX551" s="210"/>
      <c r="AY551" s="23"/>
      <c r="AZ551" s="23"/>
      <c r="BA551" s="23"/>
      <c r="BB551"/>
      <c r="BC551" s="45"/>
      <c r="BE551" s="23"/>
      <c r="BF551" s="23"/>
      <c r="BG551" s="23"/>
      <c r="BH551" s="23"/>
      <c r="BI551" s="23"/>
      <c r="BJ551" s="23"/>
      <c r="BK551" s="23"/>
      <c r="BL551" s="23"/>
      <c r="BM551" s="23"/>
      <c r="BN551" s="23"/>
      <c r="BO551" s="23"/>
      <c r="BP551" s="23"/>
      <c r="BQ551" s="23"/>
      <c r="BR551" s="23"/>
      <c r="BS551" s="23"/>
      <c r="BT551" s="23"/>
      <c r="BU551" s="23"/>
      <c r="BV551" s="23"/>
      <c r="BW551" s="23"/>
      <c r="BX551" s="23"/>
      <c r="BY551" s="23"/>
      <c r="BZ551" s="23"/>
      <c r="CA551" s="23"/>
      <c r="CB551" s="23"/>
      <c r="CC551" s="23"/>
      <c r="CD551" s="23"/>
      <c r="CE551" s="23"/>
      <c r="CF551" s="23"/>
      <c r="CG551" s="23"/>
      <c r="CH551" s="23"/>
      <c r="CI551" s="23"/>
      <c r="CJ551" s="23"/>
      <c r="CK551" s="23"/>
      <c r="CL551" s="23"/>
      <c r="CM551" s="23"/>
      <c r="CN551" s="23"/>
      <c r="CO551" s="23"/>
      <c r="CP551" s="23"/>
      <c r="CQ551" s="23"/>
      <c r="CR551" s="23"/>
      <c r="CS551" s="23"/>
      <c r="CT551" s="23"/>
      <c r="CU551" s="23"/>
      <c r="CV551" s="23"/>
      <c r="CW551" s="23"/>
      <c r="CX551" s="23"/>
      <c r="CY551" s="23"/>
      <c r="CZ551" s="23"/>
      <c r="DA551" s="23"/>
      <c r="DB551" s="23"/>
      <c r="DC551" s="23"/>
      <c r="DD551" s="23"/>
      <c r="DE551" s="23"/>
      <c r="DF551" s="23"/>
      <c r="DG551" s="23"/>
      <c r="DH551" s="23"/>
      <c r="DI551" s="23"/>
      <c r="DJ551" s="23"/>
      <c r="DK551" s="23"/>
      <c r="DL551" s="23"/>
      <c r="DM551" s="23"/>
      <c r="DN551" s="23"/>
      <c r="DO551" s="23"/>
      <c r="DP551" s="23"/>
      <c r="DQ551" s="23"/>
      <c r="DR551" s="23"/>
      <c r="DS551" s="23"/>
      <c r="DT551" s="23"/>
      <c r="DU551" s="23"/>
      <c r="DV551" s="23"/>
      <c r="DW551" s="23"/>
      <c r="DX551" s="23"/>
      <c r="DY551" s="23"/>
      <c r="DZ551" s="23"/>
      <c r="EA551" s="23"/>
      <c r="EB551" s="23"/>
      <c r="EC551" s="23"/>
      <c r="ED551" s="23"/>
      <c r="EE551" s="23"/>
      <c r="EF551" s="23"/>
      <c r="EG551" s="23"/>
      <c r="EH551" s="23"/>
      <c r="EI551" s="23"/>
      <c r="EJ551" s="23"/>
      <c r="EK551" s="23"/>
      <c r="EL551" s="23"/>
      <c r="EM551" s="23"/>
      <c r="EN551" s="23"/>
      <c r="EO551" s="23"/>
      <c r="EP551" s="23"/>
      <c r="EQ551" s="23"/>
      <c r="ER551" s="23"/>
      <c r="ES551" s="23"/>
      <c r="ET551" s="23"/>
      <c r="EU551" s="23"/>
      <c r="EV551" s="23"/>
      <c r="EW551" s="23"/>
      <c r="EX551" s="23"/>
      <c r="EY551" s="23"/>
      <c r="EZ551" s="23"/>
      <c r="FA551" s="23"/>
      <c r="FB551" s="23"/>
      <c r="FC551" s="23"/>
      <c r="FD551" s="23"/>
      <c r="FE551" s="23"/>
      <c r="FF551" s="23"/>
      <c r="FG551" s="23"/>
      <c r="FH551" s="23"/>
      <c r="FI551" s="23"/>
      <c r="FJ551" s="23"/>
      <c r="FK551" s="23"/>
      <c r="FL551" s="23"/>
      <c r="FM551" s="23"/>
      <c r="FN551" s="23"/>
      <c r="FO551" s="23"/>
      <c r="FP551" s="23"/>
      <c r="FQ551" s="23"/>
      <c r="FR551" s="23"/>
      <c r="FS551" s="23"/>
      <c r="FT551" s="23"/>
      <c r="FU551" s="23"/>
      <c r="FV551" s="23"/>
      <c r="FW551" s="23"/>
      <c r="FX551" s="23"/>
      <c r="FY551" s="23"/>
      <c r="FZ551" s="23"/>
      <c r="GA551" s="23"/>
      <c r="GB551" s="23"/>
      <c r="GC551" s="23"/>
      <c r="GD551" s="23"/>
      <c r="GE551" s="23"/>
      <c r="GF551" s="23"/>
      <c r="GG551" s="23"/>
      <c r="GH551" s="23"/>
      <c r="GI551" s="23"/>
      <c r="GJ551" s="23"/>
      <c r="GK551" s="23"/>
      <c r="GL551" s="23"/>
      <c r="GM551" s="23"/>
      <c r="GN551" s="23"/>
      <c r="GO551" s="23"/>
      <c r="GP551" s="23"/>
      <c r="GQ551" s="23"/>
      <c r="GR551" s="23"/>
      <c r="GS551" s="23"/>
      <c r="GT551" s="23"/>
      <c r="GU551" s="23"/>
      <c r="GV551" s="23"/>
      <c r="GW551" s="23"/>
      <c r="GX551" s="23"/>
      <c r="GY551" s="23"/>
      <c r="GZ551" s="23"/>
      <c r="HA551" s="23"/>
      <c r="HB551" s="23"/>
      <c r="HC551" s="23"/>
      <c r="HD551" s="23"/>
      <c r="HE551" s="23"/>
      <c r="HF551" s="23"/>
      <c r="HG551" s="23"/>
      <c r="HH551" s="23"/>
      <c r="HI551" s="23"/>
      <c r="HJ551" s="23"/>
      <c r="HK551" s="23"/>
      <c r="HL551" s="23"/>
      <c r="HM551" s="23"/>
      <c r="HN551" s="23"/>
      <c r="HO551" s="23"/>
      <c r="HP551" s="23"/>
      <c r="HQ551" s="23"/>
      <c r="HR551" s="23"/>
      <c r="HS551" s="23"/>
      <c r="HT551" s="23"/>
      <c r="HU551" s="23"/>
      <c r="HV551" s="23"/>
      <c r="HW551" s="23"/>
      <c r="HX551" s="23"/>
      <c r="HY551" s="23"/>
      <c r="HZ551" s="23"/>
      <c r="IA551" s="23"/>
      <c r="IB551" s="23"/>
      <c r="IC551" s="23"/>
      <c r="ID551" s="23"/>
      <c r="IE551" s="23"/>
      <c r="IF551" s="23"/>
      <c r="IG551" s="23"/>
      <c r="IH551" s="23"/>
      <c r="II551" s="23"/>
      <c r="IJ551" s="23"/>
      <c r="IK551" s="23"/>
      <c r="IL551" s="23"/>
      <c r="IM551" s="23"/>
      <c r="IN551" s="23"/>
      <c r="IO551" s="23"/>
      <c r="IP551" s="23"/>
      <c r="IQ551" s="23"/>
    </row>
    <row r="552" spans="1:251" s="50" customFormat="1" ht="18.75" customHeight="1">
      <c r="A552" s="34"/>
      <c r="B552" s="46"/>
      <c r="C552" s="130" t="s">
        <v>122</v>
      </c>
      <c r="D552" s="130"/>
      <c r="E552" s="130"/>
      <c r="F552" s="130"/>
      <c r="G552" s="130"/>
      <c r="H552" s="130"/>
      <c r="I552" s="130"/>
      <c r="J552" s="130"/>
      <c r="K552" s="130"/>
      <c r="L552" s="130"/>
      <c r="M552" s="130"/>
      <c r="N552" s="130"/>
      <c r="O552" s="130"/>
      <c r="P552" s="130"/>
      <c r="Q552" s="130"/>
      <c r="R552" s="130"/>
      <c r="S552" s="130"/>
      <c r="T552" s="130"/>
      <c r="U552" s="130"/>
      <c r="V552" s="130"/>
      <c r="W552" s="130"/>
      <c r="X552" s="130"/>
      <c r="Y552" s="130"/>
      <c r="Z552" s="131"/>
      <c r="AA552" s="132">
        <v>60791</v>
      </c>
      <c r="AB552" s="196"/>
      <c r="AC552" s="196"/>
      <c r="AD552" s="196"/>
      <c r="AE552" s="196"/>
      <c r="AF552" s="196"/>
      <c r="AG552" s="196"/>
      <c r="AH552" s="196"/>
      <c r="AI552" s="197"/>
      <c r="AJ552" s="132">
        <v>63769</v>
      </c>
      <c r="AK552" s="196"/>
      <c r="AL552" s="196"/>
      <c r="AM552" s="196"/>
      <c r="AN552" s="196"/>
      <c r="AO552" s="196"/>
      <c r="AP552" s="196"/>
      <c r="AQ552" s="196"/>
      <c r="AR552" s="197"/>
      <c r="AS552" s="132"/>
      <c r="AT552" s="196"/>
      <c r="AU552" s="196"/>
      <c r="AV552" s="196"/>
      <c r="AW552" s="196"/>
      <c r="AX552" s="202"/>
      <c r="AY552" s="23"/>
      <c r="AZ552" s="23"/>
      <c r="BA552" s="23"/>
      <c r="BB552" s="23"/>
      <c r="BC552" s="23"/>
      <c r="BD552" s="23"/>
      <c r="BE552" s="23"/>
      <c r="BF552" s="23"/>
      <c r="BG552" s="23"/>
      <c r="BH552" s="23"/>
      <c r="BI552" s="23"/>
      <c r="BJ552" s="23"/>
      <c r="BK552" s="23"/>
      <c r="BL552" s="23"/>
      <c r="BM552" s="23"/>
      <c r="BN552" s="23"/>
      <c r="BO552" s="23"/>
      <c r="BP552" s="23"/>
      <c r="BQ552" s="23"/>
      <c r="BR552" s="23"/>
      <c r="BS552" s="23"/>
      <c r="BT552" s="23"/>
      <c r="BU552" s="23"/>
      <c r="BV552" s="23"/>
      <c r="BW552" s="23"/>
      <c r="BX552" s="23"/>
      <c r="BY552" s="23"/>
      <c r="BZ552" s="23"/>
      <c r="CA552" s="23"/>
      <c r="CB552" s="23"/>
      <c r="CC552" s="23"/>
      <c r="CD552" s="23"/>
      <c r="CE552" s="23"/>
      <c r="CF552" s="23"/>
      <c r="CG552" s="23"/>
      <c r="CH552" s="23"/>
      <c r="CI552" s="23"/>
      <c r="CJ552" s="23"/>
      <c r="CK552" s="23"/>
      <c r="CL552" s="23"/>
      <c r="CM552" s="23"/>
      <c r="CN552" s="23"/>
      <c r="CO552" s="23"/>
      <c r="CP552" s="23"/>
      <c r="CQ552" s="23"/>
      <c r="CR552" s="23"/>
      <c r="CS552" s="23"/>
      <c r="CT552" s="23"/>
      <c r="CU552" s="23"/>
      <c r="CV552" s="23"/>
      <c r="CW552" s="23"/>
      <c r="CX552" s="23"/>
      <c r="CY552" s="23"/>
      <c r="CZ552" s="23"/>
      <c r="DA552" s="23"/>
      <c r="DB552" s="23"/>
      <c r="DC552" s="23"/>
      <c r="DD552" s="23"/>
      <c r="DE552" s="23"/>
      <c r="DF552" s="23"/>
      <c r="DG552" s="23"/>
      <c r="DH552" s="23"/>
      <c r="DI552" s="23"/>
      <c r="DJ552" s="23"/>
      <c r="DK552" s="23"/>
      <c r="DL552" s="23"/>
      <c r="DM552" s="23"/>
      <c r="DN552" s="23"/>
      <c r="DO552" s="23"/>
      <c r="DP552" s="23"/>
      <c r="DQ552" s="23"/>
      <c r="DR552" s="23"/>
      <c r="DS552" s="23"/>
      <c r="DT552" s="23"/>
      <c r="DU552" s="23"/>
      <c r="DV552" s="23"/>
      <c r="DW552" s="23"/>
      <c r="DX552" s="23"/>
      <c r="DY552" s="23"/>
      <c r="DZ552" s="23"/>
      <c r="EA552" s="23"/>
      <c r="EB552" s="23"/>
      <c r="EC552" s="23"/>
      <c r="ED552" s="23"/>
      <c r="EE552" s="23"/>
      <c r="EF552" s="23"/>
      <c r="EG552" s="23"/>
      <c r="EH552" s="23"/>
      <c r="EI552" s="23"/>
      <c r="EJ552" s="23"/>
      <c r="EK552" s="23"/>
      <c r="EL552" s="23"/>
      <c r="EM552" s="23"/>
      <c r="EN552" s="23"/>
      <c r="EO552" s="23"/>
      <c r="EP552" s="23"/>
      <c r="EQ552" s="23"/>
      <c r="ER552" s="23"/>
      <c r="ES552" s="23"/>
      <c r="ET552" s="23"/>
      <c r="EU552" s="23"/>
      <c r="EV552" s="23"/>
      <c r="EW552" s="23"/>
      <c r="EX552" s="23"/>
      <c r="EY552" s="23"/>
      <c r="EZ552" s="23"/>
      <c r="FA552" s="23"/>
      <c r="FB552" s="23"/>
      <c r="FC552" s="23"/>
      <c r="FD552" s="23"/>
      <c r="FE552" s="23"/>
      <c r="FF552" s="23"/>
      <c r="FG552" s="23"/>
      <c r="FH552" s="23"/>
      <c r="FI552" s="23"/>
      <c r="FJ552" s="23"/>
      <c r="FK552" s="23"/>
      <c r="FL552" s="23"/>
      <c r="FM552" s="23"/>
      <c r="FN552" s="23"/>
      <c r="FO552" s="23"/>
      <c r="FP552" s="23"/>
      <c r="FQ552" s="23"/>
      <c r="FR552" s="23"/>
      <c r="FS552" s="23"/>
      <c r="FT552" s="23"/>
      <c r="FU552" s="23"/>
      <c r="FV552" s="23"/>
      <c r="FW552" s="23"/>
      <c r="FX552" s="23"/>
      <c r="FY552" s="23"/>
      <c r="FZ552" s="23"/>
      <c r="GA552" s="23"/>
      <c r="GB552" s="23"/>
      <c r="GC552" s="23"/>
      <c r="GD552" s="23"/>
      <c r="GE552" s="23"/>
      <c r="GF552" s="23"/>
      <c r="GG552" s="23"/>
      <c r="GH552" s="23"/>
      <c r="GI552" s="23"/>
      <c r="GJ552" s="23"/>
      <c r="GK552" s="23"/>
      <c r="GL552" s="23"/>
      <c r="GM552" s="23"/>
      <c r="GN552" s="23"/>
      <c r="GO552" s="23"/>
      <c r="GP552" s="23"/>
      <c r="GQ552" s="23"/>
      <c r="GR552" s="23"/>
      <c r="GS552" s="23"/>
      <c r="GT552" s="23"/>
      <c r="GU552" s="23"/>
      <c r="GV552" s="23"/>
      <c r="GW552" s="23"/>
      <c r="GX552" s="23"/>
      <c r="GY552" s="23"/>
      <c r="GZ552" s="23"/>
      <c r="HA552" s="23"/>
      <c r="HB552" s="23"/>
      <c r="HC552" s="23"/>
      <c r="HD552" s="23"/>
      <c r="HE552" s="23"/>
      <c r="HF552" s="23"/>
      <c r="HG552" s="23"/>
      <c r="HH552" s="23"/>
      <c r="HI552" s="23"/>
      <c r="HJ552" s="23"/>
      <c r="HK552" s="23"/>
      <c r="HL552" s="23"/>
      <c r="HM552" s="23"/>
      <c r="HN552" s="23"/>
      <c r="HO552" s="23"/>
      <c r="HP552" s="23"/>
      <c r="HQ552" s="23"/>
      <c r="HR552" s="23"/>
      <c r="HS552" s="23"/>
      <c r="HT552" s="23"/>
      <c r="HU552" s="23"/>
      <c r="HV552" s="23"/>
      <c r="HW552" s="23"/>
      <c r="HX552" s="23"/>
      <c r="HY552" s="23"/>
      <c r="HZ552" s="23"/>
      <c r="IA552" s="23"/>
      <c r="IB552" s="23"/>
      <c r="IC552" s="23"/>
      <c r="ID552" s="23"/>
      <c r="IE552" s="23"/>
      <c r="IF552" s="23"/>
      <c r="IG552" s="23"/>
      <c r="IH552" s="23"/>
      <c r="II552" s="23"/>
      <c r="IJ552" s="23"/>
      <c r="IK552" s="23"/>
      <c r="IL552" s="23"/>
      <c r="IM552" s="23"/>
      <c r="IN552" s="23"/>
      <c r="IO552" s="23"/>
      <c r="IP552" s="23"/>
      <c r="IQ552" s="23"/>
    </row>
    <row r="553" spans="1:251" s="50" customFormat="1" ht="18.75" customHeight="1">
      <c r="A553" s="34"/>
      <c r="B553" s="47"/>
      <c r="C553" s="130"/>
      <c r="D553" s="130"/>
      <c r="E553" s="130"/>
      <c r="F553" s="130"/>
      <c r="G553" s="130"/>
      <c r="H553" s="130"/>
      <c r="I553" s="130"/>
      <c r="J553" s="130"/>
      <c r="K553" s="130"/>
      <c r="L553" s="130"/>
      <c r="M553" s="130"/>
      <c r="N553" s="130"/>
      <c r="O553" s="130"/>
      <c r="P553" s="130"/>
      <c r="Q553" s="130"/>
      <c r="R553" s="130"/>
      <c r="S553" s="130"/>
      <c r="T553" s="130"/>
      <c r="U553" s="130"/>
      <c r="V553" s="130"/>
      <c r="W553" s="130"/>
      <c r="X553" s="130"/>
      <c r="Y553" s="130"/>
      <c r="Z553" s="131"/>
      <c r="AA553" s="132"/>
      <c r="AB553" s="200"/>
      <c r="AC553" s="200"/>
      <c r="AD553" s="200"/>
      <c r="AE553" s="200"/>
      <c r="AF553" s="200"/>
      <c r="AG553" s="200"/>
      <c r="AH553" s="200"/>
      <c r="AI553" s="201"/>
      <c r="AJ553" s="132"/>
      <c r="AK553" s="196"/>
      <c r="AL553" s="196"/>
      <c r="AM553" s="196"/>
      <c r="AN553" s="196"/>
      <c r="AO553" s="196"/>
      <c r="AP553" s="196"/>
      <c r="AQ553" s="196"/>
      <c r="AR553" s="197"/>
      <c r="AS553" s="132"/>
      <c r="AT553" s="196"/>
      <c r="AU553" s="196"/>
      <c r="AV553" s="196"/>
      <c r="AW553" s="196"/>
      <c r="AX553" s="202"/>
      <c r="AY553" s="23"/>
      <c r="AZ553" s="23"/>
      <c r="BA553" s="23"/>
      <c r="BB553" s="23"/>
      <c r="BC553" s="23"/>
      <c r="BD553" s="23"/>
      <c r="BE553" s="23"/>
      <c r="BF553" s="23"/>
      <c r="BG553" s="23"/>
      <c r="BH553" s="23"/>
      <c r="BI553" s="23"/>
      <c r="BJ553" s="23"/>
      <c r="BK553" s="23"/>
      <c r="BL553" s="23"/>
      <c r="BM553" s="23"/>
      <c r="BN553" s="23"/>
      <c r="BO553" s="23"/>
      <c r="BP553" s="23"/>
      <c r="BQ553" s="23"/>
      <c r="BR553" s="23"/>
      <c r="BS553" s="23"/>
      <c r="BT553" s="23"/>
      <c r="BU553" s="23"/>
      <c r="BV553" s="23"/>
      <c r="BW553" s="23"/>
      <c r="BX553" s="23"/>
      <c r="BY553" s="23"/>
      <c r="BZ553" s="23"/>
      <c r="CA553" s="23"/>
      <c r="CB553" s="23"/>
      <c r="CC553" s="23"/>
      <c r="CD553" s="23"/>
      <c r="CE553" s="23"/>
      <c r="CF553" s="23"/>
      <c r="CG553" s="23"/>
      <c r="CH553" s="23"/>
      <c r="CI553" s="23"/>
      <c r="CJ553" s="23"/>
      <c r="CK553" s="23"/>
      <c r="CL553" s="23"/>
      <c r="CM553" s="23"/>
      <c r="CN553" s="23"/>
      <c r="CO553" s="23"/>
      <c r="CP553" s="23"/>
      <c r="CQ553" s="23"/>
      <c r="CR553" s="23"/>
      <c r="CS553" s="23"/>
      <c r="CT553" s="23"/>
      <c r="CU553" s="23"/>
      <c r="CV553" s="23"/>
      <c r="CW553" s="23"/>
      <c r="CX553" s="23"/>
      <c r="CY553" s="23"/>
      <c r="CZ553" s="23"/>
      <c r="DA553" s="23"/>
      <c r="DB553" s="23"/>
      <c r="DC553" s="23"/>
      <c r="DD553" s="23"/>
      <c r="DE553" s="23"/>
      <c r="DF553" s="23"/>
      <c r="DG553" s="23"/>
      <c r="DH553" s="23"/>
      <c r="DI553" s="23"/>
      <c r="DJ553" s="23"/>
      <c r="DK553" s="23"/>
      <c r="DL553" s="23"/>
      <c r="DM553" s="23"/>
      <c r="DN553" s="23"/>
      <c r="DO553" s="23"/>
      <c r="DP553" s="23"/>
      <c r="DQ553" s="23"/>
      <c r="DR553" s="23"/>
      <c r="DS553" s="23"/>
      <c r="DT553" s="23"/>
      <c r="DU553" s="23"/>
      <c r="DV553" s="23"/>
      <c r="DW553" s="23"/>
      <c r="DX553" s="23"/>
      <c r="DY553" s="23"/>
      <c r="DZ553" s="23"/>
      <c r="EA553" s="23"/>
      <c r="EB553" s="23"/>
      <c r="EC553" s="23"/>
      <c r="ED553" s="23"/>
      <c r="EE553" s="23"/>
      <c r="EF553" s="23"/>
      <c r="EG553" s="23"/>
      <c r="EH553" s="23"/>
      <c r="EI553" s="23"/>
      <c r="EJ553" s="23"/>
      <c r="EK553" s="23"/>
      <c r="EL553" s="23"/>
      <c r="EM553" s="23"/>
      <c r="EN553" s="23"/>
      <c r="EO553" s="23"/>
      <c r="EP553" s="23"/>
      <c r="EQ553" s="23"/>
      <c r="ER553" s="23"/>
      <c r="ES553" s="23"/>
      <c r="ET553" s="23"/>
      <c r="EU553" s="23"/>
      <c r="EV553" s="23"/>
      <c r="EW553" s="23"/>
      <c r="EX553" s="23"/>
      <c r="EY553" s="23"/>
      <c r="EZ553" s="23"/>
      <c r="FA553" s="23"/>
      <c r="FB553" s="23"/>
      <c r="FC553" s="23"/>
      <c r="FD553" s="23"/>
      <c r="FE553" s="23"/>
      <c r="FF553" s="23"/>
      <c r="FG553" s="23"/>
      <c r="FH553" s="23"/>
      <c r="FI553" s="23"/>
      <c r="FJ553" s="23"/>
      <c r="FK553" s="23"/>
      <c r="FL553" s="23"/>
      <c r="FM553" s="23"/>
      <c r="FN553" s="23"/>
      <c r="FO553" s="23"/>
      <c r="FP553" s="23"/>
      <c r="FQ553" s="23"/>
      <c r="FR553" s="23"/>
      <c r="FS553" s="23"/>
      <c r="FT553" s="23"/>
      <c r="FU553" s="23"/>
      <c r="FV553" s="23"/>
      <c r="FW553" s="23"/>
      <c r="FX553" s="23"/>
      <c r="FY553" s="23"/>
      <c r="FZ553" s="23"/>
      <c r="GA553" s="23"/>
      <c r="GB553" s="23"/>
      <c r="GC553" s="23"/>
      <c r="GD553" s="23"/>
      <c r="GE553" s="23"/>
      <c r="GF553" s="23"/>
      <c r="GG553" s="23"/>
      <c r="GH553" s="23"/>
      <c r="GI553" s="23"/>
      <c r="GJ553" s="23"/>
      <c r="GK553" s="23"/>
      <c r="GL553" s="23"/>
      <c r="GM553" s="23"/>
      <c r="GN553" s="23"/>
      <c r="GO553" s="23"/>
      <c r="GP553" s="23"/>
      <c r="GQ553" s="23"/>
      <c r="GR553" s="23"/>
      <c r="GS553" s="23"/>
      <c r="GT553" s="23"/>
      <c r="GU553" s="23"/>
      <c r="GV553" s="23"/>
      <c r="GW553" s="23"/>
      <c r="GX553" s="23"/>
      <c r="GY553" s="23"/>
      <c r="GZ553" s="23"/>
      <c r="HA553" s="23"/>
      <c r="HB553" s="23"/>
      <c r="HC553" s="23"/>
      <c r="HD553" s="23"/>
      <c r="HE553" s="23"/>
      <c r="HF553" s="23"/>
      <c r="HG553" s="23"/>
      <c r="HH553" s="23"/>
      <c r="HI553" s="23"/>
      <c r="HJ553" s="23"/>
      <c r="HK553" s="23"/>
      <c r="HL553" s="23"/>
      <c r="HM553" s="23"/>
      <c r="HN553" s="23"/>
      <c r="HO553" s="23"/>
      <c r="HP553" s="23"/>
      <c r="HQ553" s="23"/>
      <c r="HR553" s="23"/>
      <c r="HS553" s="23"/>
      <c r="HT553" s="23"/>
      <c r="HU553" s="23"/>
      <c r="HV553" s="23"/>
      <c r="HW553" s="23"/>
      <c r="HX553" s="23"/>
      <c r="HY553" s="23"/>
      <c r="HZ553" s="23"/>
      <c r="IA553" s="23"/>
      <c r="IB553" s="23"/>
      <c r="IC553" s="23"/>
      <c r="ID553" s="23"/>
      <c r="IE553" s="23"/>
      <c r="IF553" s="23"/>
      <c r="IG553" s="23"/>
      <c r="IH553" s="23"/>
      <c r="II553" s="23"/>
      <c r="IJ553" s="23"/>
      <c r="IK553" s="23"/>
      <c r="IL553" s="23"/>
      <c r="IM553" s="23"/>
      <c r="IN553" s="23"/>
      <c r="IO553" s="23"/>
      <c r="IP553" s="23"/>
      <c r="IQ553" s="23"/>
    </row>
    <row r="554" spans="1:251" s="50" customFormat="1" ht="18.75" customHeight="1">
      <c r="A554" s="34"/>
      <c r="B554" s="47"/>
      <c r="C554" s="130"/>
      <c r="D554" s="130"/>
      <c r="E554" s="130"/>
      <c r="F554" s="130"/>
      <c r="G554" s="130"/>
      <c r="H554" s="130"/>
      <c r="I554" s="130"/>
      <c r="J554" s="130"/>
      <c r="K554" s="130"/>
      <c r="L554" s="130"/>
      <c r="M554" s="130"/>
      <c r="N554" s="130"/>
      <c r="O554" s="130"/>
      <c r="P554" s="130"/>
      <c r="Q554" s="130"/>
      <c r="R554" s="130"/>
      <c r="S554" s="130"/>
      <c r="T554" s="130"/>
      <c r="U554" s="130"/>
      <c r="V554" s="130"/>
      <c r="W554" s="130"/>
      <c r="X554" s="130"/>
      <c r="Y554" s="130"/>
      <c r="Z554" s="131"/>
      <c r="AA554" s="132"/>
      <c r="AB554" s="200"/>
      <c r="AC554" s="200"/>
      <c r="AD554" s="200"/>
      <c r="AE554" s="200"/>
      <c r="AF554" s="200"/>
      <c r="AG554" s="200"/>
      <c r="AH554" s="200"/>
      <c r="AI554" s="201"/>
      <c r="AJ554" s="132"/>
      <c r="AK554" s="196"/>
      <c r="AL554" s="196"/>
      <c r="AM554" s="196"/>
      <c r="AN554" s="196"/>
      <c r="AO554" s="196"/>
      <c r="AP554" s="196"/>
      <c r="AQ554" s="196"/>
      <c r="AR554" s="197"/>
      <c r="AS554" s="132"/>
      <c r="AT554" s="196"/>
      <c r="AU554" s="196"/>
      <c r="AV554" s="196"/>
      <c r="AW554" s="196"/>
      <c r="AX554" s="202"/>
      <c r="AY554" s="23"/>
      <c r="AZ554" s="23"/>
      <c r="BA554" s="23"/>
      <c r="BB554" s="23"/>
      <c r="BC554" s="23"/>
      <c r="BD554" s="23"/>
      <c r="BE554" s="23"/>
      <c r="BF554" s="23"/>
      <c r="BG554" s="23"/>
      <c r="BH554" s="23"/>
      <c r="BI554" s="23"/>
      <c r="BJ554" s="23"/>
      <c r="BK554" s="23"/>
      <c r="BL554" s="23"/>
      <c r="BM554" s="23"/>
      <c r="BN554" s="23"/>
      <c r="BO554" s="23"/>
      <c r="BP554" s="23"/>
      <c r="BQ554" s="23"/>
      <c r="BR554" s="23"/>
      <c r="BS554" s="23"/>
      <c r="BT554" s="23"/>
      <c r="BU554" s="23"/>
      <c r="BV554" s="23"/>
      <c r="BW554" s="23"/>
      <c r="BX554" s="23"/>
      <c r="BY554" s="23"/>
      <c r="BZ554" s="23"/>
      <c r="CA554" s="23"/>
      <c r="CB554" s="23"/>
      <c r="CC554" s="23"/>
      <c r="CD554" s="23"/>
      <c r="CE554" s="23"/>
      <c r="CF554" s="23"/>
      <c r="CG554" s="23"/>
      <c r="CH554" s="23"/>
      <c r="CI554" s="23"/>
      <c r="CJ554" s="23"/>
      <c r="CK554" s="23"/>
      <c r="CL554" s="23"/>
      <c r="CM554" s="23"/>
      <c r="CN554" s="23"/>
      <c r="CO554" s="23"/>
      <c r="CP554" s="23"/>
      <c r="CQ554" s="23"/>
      <c r="CR554" s="23"/>
      <c r="CS554" s="23"/>
      <c r="CT554" s="23"/>
      <c r="CU554" s="23"/>
      <c r="CV554" s="23"/>
      <c r="CW554" s="23"/>
      <c r="CX554" s="23"/>
      <c r="CY554" s="23"/>
      <c r="CZ554" s="23"/>
      <c r="DA554" s="23"/>
      <c r="DB554" s="23"/>
      <c r="DC554" s="23"/>
      <c r="DD554" s="23"/>
      <c r="DE554" s="23"/>
      <c r="DF554" s="23"/>
      <c r="DG554" s="23"/>
      <c r="DH554" s="23"/>
      <c r="DI554" s="23"/>
      <c r="DJ554" s="23"/>
      <c r="DK554" s="23"/>
      <c r="DL554" s="23"/>
      <c r="DM554" s="23"/>
      <c r="DN554" s="23"/>
      <c r="DO554" s="23"/>
      <c r="DP554" s="23"/>
      <c r="DQ554" s="23"/>
      <c r="DR554" s="23"/>
      <c r="DS554" s="23"/>
      <c r="DT554" s="23"/>
      <c r="DU554" s="23"/>
      <c r="DV554" s="23"/>
      <c r="DW554" s="23"/>
      <c r="DX554" s="23"/>
      <c r="DY554" s="23"/>
      <c r="DZ554" s="23"/>
      <c r="EA554" s="23"/>
      <c r="EB554" s="23"/>
      <c r="EC554" s="23"/>
      <c r="ED554" s="23"/>
      <c r="EE554" s="23"/>
      <c r="EF554" s="23"/>
      <c r="EG554" s="23"/>
      <c r="EH554" s="23"/>
      <c r="EI554" s="23"/>
      <c r="EJ554" s="23"/>
      <c r="EK554" s="23"/>
      <c r="EL554" s="23"/>
      <c r="EM554" s="23"/>
      <c r="EN554" s="23"/>
      <c r="EO554" s="23"/>
      <c r="EP554" s="23"/>
      <c r="EQ554" s="23"/>
      <c r="ER554" s="23"/>
      <c r="ES554" s="23"/>
      <c r="ET554" s="23"/>
      <c r="EU554" s="23"/>
      <c r="EV554" s="23"/>
      <c r="EW554" s="23"/>
      <c r="EX554" s="23"/>
      <c r="EY554" s="23"/>
      <c r="EZ554" s="23"/>
      <c r="FA554" s="23"/>
      <c r="FB554" s="23"/>
      <c r="FC554" s="23"/>
      <c r="FD554" s="23"/>
      <c r="FE554" s="23"/>
      <c r="FF554" s="23"/>
      <c r="FG554" s="23"/>
      <c r="FH554" s="23"/>
      <c r="FI554" s="23"/>
      <c r="FJ554" s="23"/>
      <c r="FK554" s="23"/>
      <c r="FL554" s="23"/>
      <c r="FM554" s="23"/>
      <c r="FN554" s="23"/>
      <c r="FO554" s="23"/>
      <c r="FP554" s="23"/>
      <c r="FQ554" s="23"/>
      <c r="FR554" s="23"/>
      <c r="FS554" s="23"/>
      <c r="FT554" s="23"/>
      <c r="FU554" s="23"/>
      <c r="FV554" s="23"/>
      <c r="FW554" s="23"/>
      <c r="FX554" s="23"/>
      <c r="FY554" s="23"/>
      <c r="FZ554" s="23"/>
      <c r="GA554" s="23"/>
      <c r="GB554" s="23"/>
      <c r="GC554" s="23"/>
      <c r="GD554" s="23"/>
      <c r="GE554" s="23"/>
      <c r="GF554" s="23"/>
      <c r="GG554" s="23"/>
      <c r="GH554" s="23"/>
      <c r="GI554" s="23"/>
      <c r="GJ554" s="23"/>
      <c r="GK554" s="23"/>
      <c r="GL554" s="23"/>
      <c r="GM554" s="23"/>
      <c r="GN554" s="23"/>
      <c r="GO554" s="23"/>
      <c r="GP554" s="23"/>
      <c r="GQ554" s="23"/>
      <c r="GR554" s="23"/>
      <c r="GS554" s="23"/>
      <c r="GT554" s="23"/>
      <c r="GU554" s="23"/>
      <c r="GV554" s="23"/>
      <c r="GW554" s="23"/>
      <c r="GX554" s="23"/>
      <c r="GY554" s="23"/>
      <c r="GZ554" s="23"/>
      <c r="HA554" s="23"/>
      <c r="HB554" s="23"/>
      <c r="HC554" s="23"/>
      <c r="HD554" s="23"/>
      <c r="HE554" s="23"/>
      <c r="HF554" s="23"/>
      <c r="HG554" s="23"/>
      <c r="HH554" s="23"/>
      <c r="HI554" s="23"/>
      <c r="HJ554" s="23"/>
      <c r="HK554" s="23"/>
      <c r="HL554" s="23"/>
      <c r="HM554" s="23"/>
      <c r="HN554" s="23"/>
      <c r="HO554" s="23"/>
      <c r="HP554" s="23"/>
      <c r="HQ554" s="23"/>
      <c r="HR554" s="23"/>
      <c r="HS554" s="23"/>
      <c r="HT554" s="23"/>
      <c r="HU554" s="23"/>
      <c r="HV554" s="23"/>
      <c r="HW554" s="23"/>
      <c r="HX554" s="23"/>
      <c r="HY554" s="23"/>
      <c r="HZ554" s="23"/>
      <c r="IA554" s="23"/>
      <c r="IB554" s="23"/>
      <c r="IC554" s="23"/>
      <c r="ID554" s="23"/>
      <c r="IE554" s="23"/>
      <c r="IF554" s="23"/>
      <c r="IG554" s="23"/>
      <c r="IH554" s="23"/>
      <c r="II554" s="23"/>
      <c r="IJ554" s="23"/>
      <c r="IK554" s="23"/>
      <c r="IL554" s="23"/>
      <c r="IM554" s="23"/>
      <c r="IN554" s="23"/>
      <c r="IO554" s="23"/>
      <c r="IP554" s="23"/>
      <c r="IQ554" s="23"/>
    </row>
    <row r="555" spans="1:251" s="50" customFormat="1" ht="18.75" customHeight="1">
      <c r="A555" s="34"/>
      <c r="B555" s="47"/>
      <c r="C555" s="130"/>
      <c r="D555" s="130"/>
      <c r="E555" s="130"/>
      <c r="F555" s="130"/>
      <c r="G555" s="130"/>
      <c r="H555" s="130"/>
      <c r="I555" s="130"/>
      <c r="J555" s="130"/>
      <c r="K555" s="130"/>
      <c r="L555" s="130"/>
      <c r="M555" s="130"/>
      <c r="N555" s="130"/>
      <c r="O555" s="130"/>
      <c r="P555" s="130"/>
      <c r="Q555" s="130"/>
      <c r="R555" s="130"/>
      <c r="S555" s="130"/>
      <c r="T555" s="130"/>
      <c r="U555" s="130"/>
      <c r="V555" s="130"/>
      <c r="W555" s="130"/>
      <c r="X555" s="130"/>
      <c r="Y555" s="130"/>
      <c r="Z555" s="131"/>
      <c r="AA555" s="132"/>
      <c r="AB555" s="200"/>
      <c r="AC555" s="200"/>
      <c r="AD555" s="200"/>
      <c r="AE555" s="200"/>
      <c r="AF555" s="200"/>
      <c r="AG555" s="200"/>
      <c r="AH555" s="200"/>
      <c r="AI555" s="201"/>
      <c r="AJ555" s="132"/>
      <c r="AK555" s="196"/>
      <c r="AL555" s="196"/>
      <c r="AM555" s="196"/>
      <c r="AN555" s="196"/>
      <c r="AO555" s="196"/>
      <c r="AP555" s="196"/>
      <c r="AQ555" s="196"/>
      <c r="AR555" s="197"/>
      <c r="AS555" s="132"/>
      <c r="AT555" s="196"/>
      <c r="AU555" s="196"/>
      <c r="AV555" s="196"/>
      <c r="AW555" s="196"/>
      <c r="AX555" s="202"/>
      <c r="AY555" s="23"/>
      <c r="AZ555" s="23"/>
      <c r="BA555" s="23"/>
      <c r="BB555" s="23"/>
      <c r="BC555" s="23"/>
      <c r="BD555" s="23"/>
      <c r="BE555" s="23"/>
      <c r="BF555" s="23"/>
      <c r="BG555" s="23"/>
      <c r="BH555" s="23"/>
      <c r="BI555" s="23"/>
      <c r="BJ555" s="23"/>
      <c r="BK555" s="23"/>
      <c r="BL555" s="23"/>
      <c r="BM555" s="23"/>
      <c r="BN555" s="23"/>
      <c r="BO555" s="23"/>
      <c r="BP555" s="23"/>
      <c r="BQ555" s="23"/>
      <c r="BR555" s="23"/>
      <c r="BS555" s="23"/>
      <c r="BT555" s="23"/>
      <c r="BU555" s="23"/>
      <c r="BV555" s="23"/>
      <c r="BW555" s="23"/>
      <c r="BX555" s="23"/>
      <c r="BY555" s="23"/>
      <c r="BZ555" s="23"/>
      <c r="CA555" s="23"/>
      <c r="CB555" s="23"/>
      <c r="CC555" s="23"/>
      <c r="CD555" s="23"/>
      <c r="CE555" s="23"/>
      <c r="CF555" s="23"/>
      <c r="CG555" s="23"/>
      <c r="CH555" s="23"/>
      <c r="CI555" s="23"/>
      <c r="CJ555" s="23"/>
      <c r="CK555" s="23"/>
      <c r="CL555" s="23"/>
      <c r="CM555" s="23"/>
      <c r="CN555" s="23"/>
      <c r="CO555" s="23"/>
      <c r="CP555" s="23"/>
      <c r="CQ555" s="23"/>
      <c r="CR555" s="23"/>
      <c r="CS555" s="23"/>
      <c r="CT555" s="23"/>
      <c r="CU555" s="23"/>
      <c r="CV555" s="23"/>
      <c r="CW555" s="23"/>
      <c r="CX555" s="23"/>
      <c r="CY555" s="23"/>
      <c r="CZ555" s="23"/>
      <c r="DA555" s="23"/>
      <c r="DB555" s="23"/>
      <c r="DC555" s="23"/>
      <c r="DD555" s="23"/>
      <c r="DE555" s="23"/>
      <c r="DF555" s="23"/>
      <c r="DG555" s="23"/>
      <c r="DH555" s="23"/>
      <c r="DI555" s="23"/>
      <c r="DJ555" s="23"/>
      <c r="DK555" s="23"/>
      <c r="DL555" s="23"/>
      <c r="DM555" s="23"/>
      <c r="DN555" s="23"/>
      <c r="DO555" s="23"/>
      <c r="DP555" s="23"/>
      <c r="DQ555" s="23"/>
      <c r="DR555" s="23"/>
      <c r="DS555" s="23"/>
      <c r="DT555" s="23"/>
      <c r="DU555" s="23"/>
      <c r="DV555" s="23"/>
      <c r="DW555" s="23"/>
      <c r="DX555" s="23"/>
      <c r="DY555" s="23"/>
      <c r="DZ555" s="23"/>
      <c r="EA555" s="23"/>
      <c r="EB555" s="23"/>
      <c r="EC555" s="23"/>
      <c r="ED555" s="23"/>
      <c r="EE555" s="23"/>
      <c r="EF555" s="23"/>
      <c r="EG555" s="23"/>
      <c r="EH555" s="23"/>
      <c r="EI555" s="23"/>
      <c r="EJ555" s="23"/>
      <c r="EK555" s="23"/>
      <c r="EL555" s="23"/>
      <c r="EM555" s="23"/>
      <c r="EN555" s="23"/>
      <c r="EO555" s="23"/>
      <c r="EP555" s="23"/>
      <c r="EQ555" s="23"/>
      <c r="ER555" s="23"/>
      <c r="ES555" s="23"/>
      <c r="ET555" s="23"/>
      <c r="EU555" s="23"/>
      <c r="EV555" s="23"/>
      <c r="EW555" s="23"/>
      <c r="EX555" s="23"/>
      <c r="EY555" s="23"/>
      <c r="EZ555" s="23"/>
      <c r="FA555" s="23"/>
      <c r="FB555" s="23"/>
      <c r="FC555" s="23"/>
      <c r="FD555" s="23"/>
      <c r="FE555" s="23"/>
      <c r="FF555" s="23"/>
      <c r="FG555" s="23"/>
      <c r="FH555" s="23"/>
      <c r="FI555" s="23"/>
      <c r="FJ555" s="23"/>
      <c r="FK555" s="23"/>
      <c r="FL555" s="23"/>
      <c r="FM555" s="23"/>
      <c r="FN555" s="23"/>
      <c r="FO555" s="23"/>
      <c r="FP555" s="23"/>
      <c r="FQ555" s="23"/>
      <c r="FR555" s="23"/>
      <c r="FS555" s="23"/>
      <c r="FT555" s="23"/>
      <c r="FU555" s="23"/>
      <c r="FV555" s="23"/>
      <c r="FW555" s="23"/>
      <c r="FX555" s="23"/>
      <c r="FY555" s="23"/>
      <c r="FZ555" s="23"/>
      <c r="GA555" s="23"/>
      <c r="GB555" s="23"/>
      <c r="GC555" s="23"/>
      <c r="GD555" s="23"/>
      <c r="GE555" s="23"/>
      <c r="GF555" s="23"/>
      <c r="GG555" s="23"/>
      <c r="GH555" s="23"/>
      <c r="GI555" s="23"/>
      <c r="GJ555" s="23"/>
      <c r="GK555" s="23"/>
      <c r="GL555" s="23"/>
      <c r="GM555" s="23"/>
      <c r="GN555" s="23"/>
      <c r="GO555" s="23"/>
      <c r="GP555" s="23"/>
      <c r="GQ555" s="23"/>
      <c r="GR555" s="23"/>
      <c r="GS555" s="23"/>
      <c r="GT555" s="23"/>
      <c r="GU555" s="23"/>
      <c r="GV555" s="23"/>
      <c r="GW555" s="23"/>
      <c r="GX555" s="23"/>
      <c r="GY555" s="23"/>
      <c r="GZ555" s="23"/>
      <c r="HA555" s="23"/>
      <c r="HB555" s="23"/>
      <c r="HC555" s="23"/>
      <c r="HD555" s="23"/>
      <c r="HE555" s="23"/>
      <c r="HF555" s="23"/>
      <c r="HG555" s="23"/>
      <c r="HH555" s="23"/>
      <c r="HI555" s="23"/>
      <c r="HJ555" s="23"/>
      <c r="HK555" s="23"/>
      <c r="HL555" s="23"/>
      <c r="HM555" s="23"/>
      <c r="HN555" s="23"/>
      <c r="HO555" s="23"/>
      <c r="HP555" s="23"/>
      <c r="HQ555" s="23"/>
      <c r="HR555" s="23"/>
      <c r="HS555" s="23"/>
      <c r="HT555" s="23"/>
      <c r="HU555" s="23"/>
      <c r="HV555" s="23"/>
      <c r="HW555" s="23"/>
      <c r="HX555" s="23"/>
      <c r="HY555" s="23"/>
      <c r="HZ555" s="23"/>
      <c r="IA555" s="23"/>
      <c r="IB555" s="23"/>
      <c r="IC555" s="23"/>
      <c r="ID555" s="23"/>
      <c r="IE555" s="23"/>
      <c r="IF555" s="23"/>
      <c r="IG555" s="23"/>
      <c r="IH555" s="23"/>
      <c r="II555" s="23"/>
      <c r="IJ555" s="23"/>
      <c r="IK555" s="23"/>
      <c r="IL555" s="23"/>
      <c r="IM555" s="23"/>
      <c r="IN555" s="23"/>
      <c r="IO555" s="23"/>
      <c r="IP555" s="23"/>
      <c r="IQ555" s="23"/>
    </row>
    <row r="556" spans="1:251" s="50" customFormat="1" ht="18.75" customHeight="1">
      <c r="A556" s="34"/>
      <c r="B556" s="48"/>
      <c r="C556" s="130"/>
      <c r="D556" s="130"/>
      <c r="E556" s="130"/>
      <c r="F556" s="130"/>
      <c r="G556" s="130"/>
      <c r="H556" s="130"/>
      <c r="I556" s="130"/>
      <c r="J556" s="130"/>
      <c r="K556" s="130"/>
      <c r="L556" s="130"/>
      <c r="M556" s="130"/>
      <c r="N556" s="130"/>
      <c r="O556" s="130"/>
      <c r="P556" s="130"/>
      <c r="Q556" s="130"/>
      <c r="R556" s="130"/>
      <c r="S556" s="130"/>
      <c r="T556" s="130"/>
      <c r="U556" s="130"/>
      <c r="V556" s="130"/>
      <c r="W556" s="130"/>
      <c r="X556" s="130"/>
      <c r="Y556" s="130"/>
      <c r="Z556" s="131"/>
      <c r="AA556" s="132"/>
      <c r="AB556" s="200"/>
      <c r="AC556" s="200"/>
      <c r="AD556" s="200"/>
      <c r="AE556" s="200"/>
      <c r="AF556" s="200"/>
      <c r="AG556" s="200"/>
      <c r="AH556" s="200"/>
      <c r="AI556" s="201"/>
      <c r="AJ556" s="132"/>
      <c r="AK556" s="196"/>
      <c r="AL556" s="196"/>
      <c r="AM556" s="196"/>
      <c r="AN556" s="196"/>
      <c r="AO556" s="196"/>
      <c r="AP556" s="196"/>
      <c r="AQ556" s="196"/>
      <c r="AR556" s="197"/>
      <c r="AS556" s="136"/>
      <c r="AT556" s="198"/>
      <c r="AU556" s="198"/>
      <c r="AV556" s="198"/>
      <c r="AW556" s="198"/>
      <c r="AX556" s="199"/>
      <c r="AY556" s="23"/>
      <c r="AZ556" s="23"/>
      <c r="BA556" s="23"/>
      <c r="BB556" s="23"/>
      <c r="BC556" s="23"/>
      <c r="BD556" s="23"/>
      <c r="BE556" s="23"/>
      <c r="BF556" s="23"/>
      <c r="BG556" s="23"/>
      <c r="BH556" s="23"/>
      <c r="BI556" s="23"/>
      <c r="BJ556" s="23"/>
      <c r="BK556" s="23"/>
      <c r="BL556" s="23"/>
      <c r="BM556" s="23"/>
      <c r="BN556" s="23"/>
      <c r="BO556" s="23"/>
      <c r="BP556" s="23"/>
      <c r="BQ556" s="23"/>
      <c r="BR556" s="23"/>
      <c r="BS556" s="23"/>
      <c r="BT556" s="23"/>
      <c r="BU556" s="23"/>
      <c r="BV556" s="23"/>
      <c r="BW556" s="23"/>
      <c r="BX556" s="23"/>
      <c r="BY556" s="23"/>
      <c r="BZ556" s="23"/>
      <c r="CA556" s="23"/>
      <c r="CB556" s="23"/>
      <c r="CC556" s="23"/>
      <c r="CD556" s="23"/>
      <c r="CE556" s="23"/>
      <c r="CF556" s="23"/>
      <c r="CG556" s="23"/>
      <c r="CH556" s="23"/>
      <c r="CI556" s="23"/>
      <c r="CJ556" s="23"/>
      <c r="CK556" s="23"/>
      <c r="CL556" s="23"/>
      <c r="CM556" s="23"/>
      <c r="CN556" s="23"/>
      <c r="CO556" s="23"/>
      <c r="CP556" s="23"/>
      <c r="CQ556" s="23"/>
      <c r="CR556" s="23"/>
      <c r="CS556" s="23"/>
      <c r="CT556" s="23"/>
      <c r="CU556" s="23"/>
      <c r="CV556" s="23"/>
      <c r="CW556" s="23"/>
      <c r="CX556" s="23"/>
      <c r="CY556" s="23"/>
      <c r="CZ556" s="23"/>
      <c r="DA556" s="23"/>
      <c r="DB556" s="23"/>
      <c r="DC556" s="23"/>
      <c r="DD556" s="23"/>
      <c r="DE556" s="23"/>
      <c r="DF556" s="23"/>
      <c r="DG556" s="23"/>
      <c r="DH556" s="23"/>
      <c r="DI556" s="23"/>
      <c r="DJ556" s="23"/>
      <c r="DK556" s="23"/>
      <c r="DL556" s="23"/>
      <c r="DM556" s="23"/>
      <c r="DN556" s="23"/>
      <c r="DO556" s="23"/>
      <c r="DP556" s="23"/>
      <c r="DQ556" s="23"/>
      <c r="DR556" s="23"/>
      <c r="DS556" s="23"/>
      <c r="DT556" s="23"/>
      <c r="DU556" s="23"/>
      <c r="DV556" s="23"/>
      <c r="DW556" s="23"/>
      <c r="DX556" s="23"/>
      <c r="DY556" s="23"/>
      <c r="DZ556" s="23"/>
      <c r="EA556" s="23"/>
      <c r="EB556" s="23"/>
      <c r="EC556" s="23"/>
      <c r="ED556" s="23"/>
      <c r="EE556" s="23"/>
      <c r="EF556" s="23"/>
      <c r="EG556" s="23"/>
      <c r="EH556" s="23"/>
      <c r="EI556" s="23"/>
      <c r="EJ556" s="23"/>
      <c r="EK556" s="23"/>
      <c r="EL556" s="23"/>
      <c r="EM556" s="23"/>
      <c r="EN556" s="23"/>
      <c r="EO556" s="23"/>
      <c r="EP556" s="23"/>
      <c r="EQ556" s="23"/>
      <c r="ER556" s="23"/>
      <c r="ES556" s="23"/>
      <c r="ET556" s="23"/>
      <c r="EU556" s="23"/>
      <c r="EV556" s="23"/>
      <c r="EW556" s="23"/>
      <c r="EX556" s="23"/>
      <c r="EY556" s="23"/>
      <c r="EZ556" s="23"/>
      <c r="FA556" s="23"/>
      <c r="FB556" s="23"/>
      <c r="FC556" s="23"/>
      <c r="FD556" s="23"/>
      <c r="FE556" s="23"/>
      <c r="FF556" s="23"/>
      <c r="FG556" s="23"/>
      <c r="FH556" s="23"/>
      <c r="FI556" s="23"/>
      <c r="FJ556" s="23"/>
      <c r="FK556" s="23"/>
      <c r="FL556" s="23"/>
      <c r="FM556" s="23"/>
      <c r="FN556" s="23"/>
      <c r="FO556" s="23"/>
      <c r="FP556" s="23"/>
      <c r="FQ556" s="23"/>
      <c r="FR556" s="23"/>
      <c r="FS556" s="23"/>
      <c r="FT556" s="23"/>
      <c r="FU556" s="23"/>
      <c r="FV556" s="23"/>
      <c r="FW556" s="23"/>
      <c r="FX556" s="23"/>
      <c r="FY556" s="23"/>
      <c r="FZ556" s="23"/>
      <c r="GA556" s="23"/>
      <c r="GB556" s="23"/>
      <c r="GC556" s="23"/>
      <c r="GD556" s="23"/>
      <c r="GE556" s="23"/>
      <c r="GF556" s="23"/>
      <c r="GG556" s="23"/>
      <c r="GH556" s="23"/>
      <c r="GI556" s="23"/>
      <c r="GJ556" s="23"/>
      <c r="GK556" s="23"/>
      <c r="GL556" s="23"/>
      <c r="GM556" s="23"/>
      <c r="GN556" s="23"/>
      <c r="GO556" s="23"/>
      <c r="GP556" s="23"/>
      <c r="GQ556" s="23"/>
      <c r="GR556" s="23"/>
      <c r="GS556" s="23"/>
      <c r="GT556" s="23"/>
      <c r="GU556" s="23"/>
      <c r="GV556" s="23"/>
      <c r="GW556" s="23"/>
      <c r="GX556" s="23"/>
      <c r="GY556" s="23"/>
      <c r="GZ556" s="23"/>
      <c r="HA556" s="23"/>
      <c r="HB556" s="23"/>
      <c r="HC556" s="23"/>
      <c r="HD556" s="23"/>
      <c r="HE556" s="23"/>
      <c r="HF556" s="23"/>
      <c r="HG556" s="23"/>
      <c r="HH556" s="23"/>
      <c r="HI556" s="23"/>
      <c r="HJ556" s="23"/>
      <c r="HK556" s="23"/>
      <c r="HL556" s="23"/>
      <c r="HM556" s="23"/>
      <c r="HN556" s="23"/>
      <c r="HO556" s="23"/>
      <c r="HP556" s="23"/>
      <c r="HQ556" s="23"/>
      <c r="HR556" s="23"/>
      <c r="HS556" s="23"/>
      <c r="HT556" s="23"/>
      <c r="HU556" s="23"/>
      <c r="HV556" s="23"/>
      <c r="HW556" s="23"/>
      <c r="HX556" s="23"/>
      <c r="HY556" s="23"/>
      <c r="HZ556" s="23"/>
      <c r="IA556" s="23"/>
      <c r="IB556" s="23"/>
      <c r="IC556" s="23"/>
      <c r="ID556" s="23"/>
      <c r="IE556" s="23"/>
      <c r="IF556" s="23"/>
      <c r="IG556" s="23"/>
      <c r="IH556" s="23"/>
      <c r="II556" s="23"/>
      <c r="IJ556" s="23"/>
      <c r="IK556" s="23"/>
      <c r="IL556" s="23"/>
      <c r="IM556" s="23"/>
      <c r="IN556" s="23"/>
      <c r="IO556" s="23"/>
      <c r="IP556" s="23"/>
      <c r="IQ556" s="23"/>
    </row>
    <row r="557" spans="1:251" s="50" customFormat="1" ht="18.75" customHeight="1">
      <c r="A557" s="34"/>
      <c r="B557" s="47"/>
      <c r="C557" s="130"/>
      <c r="D557" s="130"/>
      <c r="E557" s="130"/>
      <c r="F557" s="130"/>
      <c r="G557" s="130"/>
      <c r="H557" s="130"/>
      <c r="I557" s="130"/>
      <c r="J557" s="130"/>
      <c r="K557" s="130"/>
      <c r="L557" s="130"/>
      <c r="M557" s="130"/>
      <c r="N557" s="130"/>
      <c r="O557" s="130"/>
      <c r="P557" s="130"/>
      <c r="Q557" s="130"/>
      <c r="R557" s="130"/>
      <c r="S557" s="130"/>
      <c r="T557" s="130"/>
      <c r="U557" s="130"/>
      <c r="V557" s="130"/>
      <c r="W557" s="130"/>
      <c r="X557" s="130"/>
      <c r="Y557" s="130"/>
      <c r="Z557" s="131"/>
      <c r="AA557" s="132"/>
      <c r="AB557" s="200"/>
      <c r="AC557" s="200"/>
      <c r="AD557" s="200"/>
      <c r="AE557" s="200"/>
      <c r="AF557" s="200"/>
      <c r="AG557" s="200"/>
      <c r="AH557" s="200"/>
      <c r="AI557" s="201"/>
      <c r="AJ557" s="132"/>
      <c r="AK557" s="196"/>
      <c r="AL557" s="196"/>
      <c r="AM557" s="196"/>
      <c r="AN557" s="196"/>
      <c r="AO557" s="196"/>
      <c r="AP557" s="196"/>
      <c r="AQ557" s="196"/>
      <c r="AR557" s="197"/>
      <c r="AS557" s="132"/>
      <c r="AT557" s="196"/>
      <c r="AU557" s="196"/>
      <c r="AV557" s="196"/>
      <c r="AW557" s="196"/>
      <c r="AX557" s="202"/>
      <c r="AY557" s="23"/>
      <c r="AZ557" s="23"/>
      <c r="BA557" s="23"/>
      <c r="BB557" s="23"/>
      <c r="BC557" s="23"/>
      <c r="BD557" s="23"/>
      <c r="BE557" s="23"/>
      <c r="BF557" s="23"/>
      <c r="BG557" s="23"/>
      <c r="BH557" s="23"/>
      <c r="BI557" s="23"/>
      <c r="BJ557" s="23"/>
      <c r="BK557" s="23"/>
      <c r="BL557" s="23"/>
      <c r="BM557" s="23"/>
      <c r="BN557" s="23"/>
      <c r="BO557" s="23"/>
      <c r="BP557" s="23"/>
      <c r="BQ557" s="23"/>
      <c r="BR557" s="23"/>
      <c r="BS557" s="23"/>
      <c r="BT557" s="23"/>
      <c r="BU557" s="23"/>
      <c r="BV557" s="23"/>
      <c r="BW557" s="23"/>
      <c r="BX557" s="23"/>
      <c r="BY557" s="23"/>
      <c r="BZ557" s="23"/>
      <c r="CA557" s="23"/>
      <c r="CB557" s="23"/>
      <c r="CC557" s="23"/>
      <c r="CD557" s="23"/>
      <c r="CE557" s="23"/>
      <c r="CF557" s="23"/>
      <c r="CG557" s="23"/>
      <c r="CH557" s="23"/>
      <c r="CI557" s="23"/>
      <c r="CJ557" s="23"/>
      <c r="CK557" s="23"/>
      <c r="CL557" s="23"/>
      <c r="CM557" s="23"/>
      <c r="CN557" s="23"/>
      <c r="CO557" s="23"/>
      <c r="CP557" s="23"/>
      <c r="CQ557" s="23"/>
      <c r="CR557" s="23"/>
      <c r="CS557" s="23"/>
      <c r="CT557" s="23"/>
      <c r="CU557" s="23"/>
      <c r="CV557" s="23"/>
      <c r="CW557" s="23"/>
      <c r="CX557" s="23"/>
      <c r="CY557" s="23"/>
      <c r="CZ557" s="23"/>
      <c r="DA557" s="23"/>
      <c r="DB557" s="23"/>
      <c r="DC557" s="23"/>
      <c r="DD557" s="23"/>
      <c r="DE557" s="23"/>
      <c r="DF557" s="23"/>
      <c r="DG557" s="23"/>
      <c r="DH557" s="23"/>
      <c r="DI557" s="23"/>
      <c r="DJ557" s="23"/>
      <c r="DK557" s="23"/>
      <c r="DL557" s="23"/>
      <c r="DM557" s="23"/>
      <c r="DN557" s="23"/>
      <c r="DO557" s="23"/>
      <c r="DP557" s="23"/>
      <c r="DQ557" s="23"/>
      <c r="DR557" s="23"/>
      <c r="DS557" s="23"/>
      <c r="DT557" s="23"/>
      <c r="DU557" s="23"/>
      <c r="DV557" s="23"/>
      <c r="DW557" s="23"/>
      <c r="DX557" s="23"/>
      <c r="DY557" s="23"/>
      <c r="DZ557" s="23"/>
      <c r="EA557" s="23"/>
      <c r="EB557" s="23"/>
      <c r="EC557" s="23"/>
      <c r="ED557" s="23"/>
      <c r="EE557" s="23"/>
      <c r="EF557" s="23"/>
      <c r="EG557" s="23"/>
      <c r="EH557" s="23"/>
      <c r="EI557" s="23"/>
      <c r="EJ557" s="23"/>
      <c r="EK557" s="23"/>
      <c r="EL557" s="23"/>
      <c r="EM557" s="23"/>
      <c r="EN557" s="23"/>
      <c r="EO557" s="23"/>
      <c r="EP557" s="23"/>
      <c r="EQ557" s="23"/>
      <c r="ER557" s="23"/>
      <c r="ES557" s="23"/>
      <c r="ET557" s="23"/>
      <c r="EU557" s="23"/>
      <c r="EV557" s="23"/>
      <c r="EW557" s="23"/>
      <c r="EX557" s="23"/>
      <c r="EY557" s="23"/>
      <c r="EZ557" s="23"/>
      <c r="FA557" s="23"/>
      <c r="FB557" s="23"/>
      <c r="FC557" s="23"/>
      <c r="FD557" s="23"/>
      <c r="FE557" s="23"/>
      <c r="FF557" s="23"/>
      <c r="FG557" s="23"/>
      <c r="FH557" s="23"/>
      <c r="FI557" s="23"/>
      <c r="FJ557" s="23"/>
      <c r="FK557" s="23"/>
      <c r="FL557" s="23"/>
      <c r="FM557" s="23"/>
      <c r="FN557" s="23"/>
      <c r="FO557" s="23"/>
      <c r="FP557" s="23"/>
      <c r="FQ557" s="23"/>
      <c r="FR557" s="23"/>
      <c r="FS557" s="23"/>
      <c r="FT557" s="23"/>
      <c r="FU557" s="23"/>
      <c r="FV557" s="23"/>
      <c r="FW557" s="23"/>
      <c r="FX557" s="23"/>
      <c r="FY557" s="23"/>
      <c r="FZ557" s="23"/>
      <c r="GA557" s="23"/>
      <c r="GB557" s="23"/>
      <c r="GC557" s="23"/>
      <c r="GD557" s="23"/>
      <c r="GE557" s="23"/>
      <c r="GF557" s="23"/>
      <c r="GG557" s="23"/>
      <c r="GH557" s="23"/>
      <c r="GI557" s="23"/>
      <c r="GJ557" s="23"/>
      <c r="GK557" s="23"/>
      <c r="GL557" s="23"/>
      <c r="GM557" s="23"/>
      <c r="GN557" s="23"/>
      <c r="GO557" s="23"/>
      <c r="GP557" s="23"/>
      <c r="GQ557" s="23"/>
      <c r="GR557" s="23"/>
      <c r="GS557" s="23"/>
      <c r="GT557" s="23"/>
      <c r="GU557" s="23"/>
      <c r="GV557" s="23"/>
      <c r="GW557" s="23"/>
      <c r="GX557" s="23"/>
      <c r="GY557" s="23"/>
      <c r="GZ557" s="23"/>
      <c r="HA557" s="23"/>
      <c r="HB557" s="23"/>
      <c r="HC557" s="23"/>
      <c r="HD557" s="23"/>
      <c r="HE557" s="23"/>
      <c r="HF557" s="23"/>
      <c r="HG557" s="23"/>
      <c r="HH557" s="23"/>
      <c r="HI557" s="23"/>
      <c r="HJ557" s="23"/>
      <c r="HK557" s="23"/>
      <c r="HL557" s="23"/>
      <c r="HM557" s="23"/>
      <c r="HN557" s="23"/>
      <c r="HO557" s="23"/>
      <c r="HP557" s="23"/>
      <c r="HQ557" s="23"/>
      <c r="HR557" s="23"/>
      <c r="HS557" s="23"/>
      <c r="HT557" s="23"/>
      <c r="HU557" s="23"/>
      <c r="HV557" s="23"/>
      <c r="HW557" s="23"/>
      <c r="HX557" s="23"/>
      <c r="HY557" s="23"/>
      <c r="HZ557" s="23"/>
      <c r="IA557" s="23"/>
      <c r="IB557" s="23"/>
      <c r="IC557" s="23"/>
      <c r="ID557" s="23"/>
      <c r="IE557" s="23"/>
      <c r="IF557" s="23"/>
      <c r="IG557" s="23"/>
      <c r="IH557" s="23"/>
      <c r="II557" s="23"/>
      <c r="IJ557" s="23"/>
      <c r="IK557" s="23"/>
      <c r="IL557" s="23"/>
      <c r="IM557" s="23"/>
      <c r="IN557" s="23"/>
      <c r="IO557" s="23"/>
      <c r="IP557" s="23"/>
      <c r="IQ557" s="23"/>
    </row>
    <row r="558" spans="1:251" s="50" customFormat="1" ht="18.75" customHeight="1">
      <c r="A558" s="34"/>
      <c r="B558" s="48"/>
      <c r="C558" s="130"/>
      <c r="D558" s="130"/>
      <c r="E558" s="130"/>
      <c r="F558" s="130"/>
      <c r="G558" s="130"/>
      <c r="H558" s="130"/>
      <c r="I558" s="130"/>
      <c r="J558" s="130"/>
      <c r="K558" s="130"/>
      <c r="L558" s="130"/>
      <c r="M558" s="130"/>
      <c r="N558" s="130"/>
      <c r="O558" s="130"/>
      <c r="P558" s="130"/>
      <c r="Q558" s="130"/>
      <c r="R558" s="130"/>
      <c r="S558" s="130"/>
      <c r="T558" s="130"/>
      <c r="U558" s="130"/>
      <c r="V558" s="130"/>
      <c r="W558" s="130"/>
      <c r="X558" s="130"/>
      <c r="Y558" s="130"/>
      <c r="Z558" s="131"/>
      <c r="AA558" s="132"/>
      <c r="AB558" s="200"/>
      <c r="AC558" s="200"/>
      <c r="AD558" s="200"/>
      <c r="AE558" s="200"/>
      <c r="AF558" s="200"/>
      <c r="AG558" s="200"/>
      <c r="AH558" s="200"/>
      <c r="AI558" s="201"/>
      <c r="AJ558" s="132"/>
      <c r="AK558" s="133"/>
      <c r="AL558" s="133"/>
      <c r="AM558" s="133"/>
      <c r="AN558" s="133"/>
      <c r="AO558" s="133"/>
      <c r="AP558" s="133"/>
      <c r="AQ558" s="133"/>
      <c r="AR558" s="134"/>
      <c r="AS558" s="132"/>
      <c r="AT558" s="196"/>
      <c r="AU558" s="196"/>
      <c r="AV558" s="196"/>
      <c r="AW558" s="196"/>
      <c r="AX558" s="202"/>
      <c r="AY558" s="23"/>
      <c r="AZ558" s="23"/>
      <c r="BA558" s="23"/>
      <c r="BB558" s="23"/>
      <c r="BC558" s="23"/>
      <c r="BD558" s="23"/>
      <c r="BE558" s="23"/>
      <c r="BF558" s="23"/>
      <c r="BG558" s="23"/>
      <c r="BH558" s="23"/>
      <c r="BI558" s="23"/>
      <c r="BJ558" s="23"/>
      <c r="BK558" s="23"/>
      <c r="BL558" s="23"/>
      <c r="BM558" s="23"/>
      <c r="BN558" s="23"/>
      <c r="BO558" s="23"/>
      <c r="BP558" s="23"/>
      <c r="BQ558" s="23"/>
      <c r="BR558" s="23"/>
      <c r="BS558" s="23"/>
      <c r="BT558" s="23"/>
      <c r="BU558" s="23"/>
      <c r="BV558" s="23"/>
      <c r="BW558" s="23"/>
      <c r="BX558" s="23"/>
      <c r="BY558" s="23"/>
      <c r="BZ558" s="23"/>
      <c r="CA558" s="23"/>
      <c r="CB558" s="23"/>
      <c r="CC558" s="23"/>
      <c r="CD558" s="23"/>
      <c r="CE558" s="23"/>
      <c r="CF558" s="23"/>
      <c r="CG558" s="23"/>
      <c r="CH558" s="23"/>
      <c r="CI558" s="23"/>
      <c r="CJ558" s="23"/>
      <c r="CK558" s="23"/>
      <c r="CL558" s="23"/>
      <c r="CM558" s="23"/>
      <c r="CN558" s="23"/>
      <c r="CO558" s="23"/>
      <c r="CP558" s="23"/>
      <c r="CQ558" s="23"/>
      <c r="CR558" s="23"/>
      <c r="CS558" s="23"/>
      <c r="CT558" s="23"/>
      <c r="CU558" s="23"/>
      <c r="CV558" s="23"/>
      <c r="CW558" s="23"/>
      <c r="CX558" s="23"/>
      <c r="CY558" s="23"/>
      <c r="CZ558" s="23"/>
      <c r="DA558" s="23"/>
      <c r="DB558" s="23"/>
      <c r="DC558" s="23"/>
      <c r="DD558" s="23"/>
      <c r="DE558" s="23"/>
      <c r="DF558" s="23"/>
      <c r="DG558" s="23"/>
      <c r="DH558" s="23"/>
      <c r="DI558" s="23"/>
      <c r="DJ558" s="23"/>
      <c r="DK558" s="23"/>
      <c r="DL558" s="23"/>
      <c r="DM558" s="23"/>
      <c r="DN558" s="23"/>
      <c r="DO558" s="23"/>
      <c r="DP558" s="23"/>
      <c r="DQ558" s="23"/>
      <c r="DR558" s="23"/>
      <c r="DS558" s="23"/>
      <c r="DT558" s="23"/>
      <c r="DU558" s="23"/>
      <c r="DV558" s="23"/>
      <c r="DW558" s="23"/>
      <c r="DX558" s="23"/>
      <c r="DY558" s="23"/>
      <c r="DZ558" s="23"/>
      <c r="EA558" s="23"/>
      <c r="EB558" s="23"/>
      <c r="EC558" s="23"/>
      <c r="ED558" s="23"/>
      <c r="EE558" s="23"/>
      <c r="EF558" s="23"/>
      <c r="EG558" s="23"/>
      <c r="EH558" s="23"/>
      <c r="EI558" s="23"/>
      <c r="EJ558" s="23"/>
      <c r="EK558" s="23"/>
      <c r="EL558" s="23"/>
      <c r="EM558" s="23"/>
      <c r="EN558" s="23"/>
      <c r="EO558" s="23"/>
      <c r="EP558" s="23"/>
      <c r="EQ558" s="23"/>
      <c r="ER558" s="23"/>
      <c r="ES558" s="23"/>
      <c r="ET558" s="23"/>
      <c r="EU558" s="23"/>
      <c r="EV558" s="23"/>
      <c r="EW558" s="23"/>
      <c r="EX558" s="23"/>
      <c r="EY558" s="23"/>
      <c r="EZ558" s="23"/>
      <c r="FA558" s="23"/>
      <c r="FB558" s="23"/>
      <c r="FC558" s="23"/>
      <c r="FD558" s="23"/>
      <c r="FE558" s="23"/>
      <c r="FF558" s="23"/>
      <c r="FG558" s="23"/>
      <c r="FH558" s="23"/>
      <c r="FI558" s="23"/>
      <c r="FJ558" s="23"/>
      <c r="FK558" s="23"/>
      <c r="FL558" s="23"/>
      <c r="FM558" s="23"/>
      <c r="FN558" s="23"/>
      <c r="FO558" s="23"/>
      <c r="FP558" s="23"/>
      <c r="FQ558" s="23"/>
      <c r="FR558" s="23"/>
      <c r="FS558" s="23"/>
      <c r="FT558" s="23"/>
      <c r="FU558" s="23"/>
      <c r="FV558" s="23"/>
      <c r="FW558" s="23"/>
      <c r="FX558" s="23"/>
      <c r="FY558" s="23"/>
      <c r="FZ558" s="23"/>
      <c r="GA558" s="23"/>
      <c r="GB558" s="23"/>
      <c r="GC558" s="23"/>
      <c r="GD558" s="23"/>
      <c r="GE558" s="23"/>
      <c r="GF558" s="23"/>
      <c r="GG558" s="23"/>
      <c r="GH558" s="23"/>
      <c r="GI558" s="23"/>
      <c r="GJ558" s="23"/>
      <c r="GK558" s="23"/>
      <c r="GL558" s="23"/>
      <c r="GM558" s="23"/>
      <c r="GN558" s="23"/>
      <c r="GO558" s="23"/>
      <c r="GP558" s="23"/>
      <c r="GQ558" s="23"/>
      <c r="GR558" s="23"/>
      <c r="GS558" s="23"/>
      <c r="GT558" s="23"/>
      <c r="GU558" s="23"/>
      <c r="GV558" s="23"/>
      <c r="GW558" s="23"/>
      <c r="GX558" s="23"/>
      <c r="GY558" s="23"/>
      <c r="GZ558" s="23"/>
      <c r="HA558" s="23"/>
      <c r="HB558" s="23"/>
      <c r="HC558" s="23"/>
      <c r="HD558" s="23"/>
      <c r="HE558" s="23"/>
      <c r="HF558" s="23"/>
      <c r="HG558" s="23"/>
      <c r="HH558" s="23"/>
      <c r="HI558" s="23"/>
      <c r="HJ558" s="23"/>
      <c r="HK558" s="23"/>
      <c r="HL558" s="23"/>
      <c r="HM558" s="23"/>
      <c r="HN558" s="23"/>
      <c r="HO558" s="23"/>
      <c r="HP558" s="23"/>
      <c r="HQ558" s="23"/>
      <c r="HR558" s="23"/>
      <c r="HS558" s="23"/>
      <c r="HT558" s="23"/>
      <c r="HU558" s="23"/>
      <c r="HV558" s="23"/>
      <c r="HW558" s="23"/>
      <c r="HX558" s="23"/>
      <c r="HY558" s="23"/>
      <c r="HZ558" s="23"/>
      <c r="IA558" s="23"/>
      <c r="IB558" s="23"/>
      <c r="IC558" s="23"/>
      <c r="ID558" s="23"/>
      <c r="IE558" s="23"/>
      <c r="IF558" s="23"/>
      <c r="IG558" s="23"/>
      <c r="IH558" s="23"/>
      <c r="II558" s="23"/>
      <c r="IJ558" s="23"/>
      <c r="IK558" s="23"/>
      <c r="IL558" s="23"/>
      <c r="IM558" s="23"/>
      <c r="IN558" s="23"/>
      <c r="IO558" s="23"/>
      <c r="IP558" s="23"/>
      <c r="IQ558" s="23"/>
    </row>
    <row r="559" spans="1:251" s="50" customFormat="1" ht="18.75" customHeight="1" thickBot="1">
      <c r="A559" s="34"/>
      <c r="B559" s="49"/>
      <c r="C559" s="158"/>
      <c r="D559" s="158"/>
      <c r="E559" s="158"/>
      <c r="F559" s="158"/>
      <c r="G559" s="158"/>
      <c r="H559" s="158"/>
      <c r="I559" s="158"/>
      <c r="J559" s="158"/>
      <c r="K559" s="158"/>
      <c r="L559" s="158"/>
      <c r="M559" s="158"/>
      <c r="N559" s="158"/>
      <c r="O559" s="158"/>
      <c r="P559" s="158"/>
      <c r="Q559" s="158"/>
      <c r="R559" s="158"/>
      <c r="S559" s="158"/>
      <c r="T559" s="158"/>
      <c r="U559" s="158"/>
      <c r="V559" s="158"/>
      <c r="W559" s="158"/>
      <c r="X559" s="158"/>
      <c r="Y559" s="158"/>
      <c r="Z559" s="159"/>
      <c r="AA559" s="160"/>
      <c r="AB559" s="211"/>
      <c r="AC559" s="211"/>
      <c r="AD559" s="211"/>
      <c r="AE559" s="211"/>
      <c r="AF559" s="211"/>
      <c r="AG559" s="211"/>
      <c r="AH559" s="211"/>
      <c r="AI559" s="212"/>
      <c r="AJ559" s="160"/>
      <c r="AK559" s="161"/>
      <c r="AL559" s="161"/>
      <c r="AM559" s="161"/>
      <c r="AN559" s="161"/>
      <c r="AO559" s="161"/>
      <c r="AP559" s="161"/>
      <c r="AQ559" s="161"/>
      <c r="AR559" s="162"/>
      <c r="AS559" s="188"/>
      <c r="AT559" s="213"/>
      <c r="AU559" s="213"/>
      <c r="AV559" s="213"/>
      <c r="AW559" s="213"/>
      <c r="AX559" s="214"/>
      <c r="AY559" s="23"/>
      <c r="AZ559" s="23"/>
      <c r="BA559" s="23"/>
      <c r="BB559" s="23"/>
      <c r="BC559" s="23"/>
      <c r="BD559" s="23"/>
      <c r="BE559" s="23"/>
      <c r="BF559" s="23"/>
      <c r="BG559" s="23"/>
      <c r="BH559" s="23"/>
      <c r="BI559" s="23"/>
      <c r="BJ559" s="23"/>
      <c r="BK559" s="23"/>
      <c r="BL559" s="23"/>
      <c r="BM559" s="23"/>
      <c r="BN559" s="23"/>
      <c r="BO559" s="23"/>
      <c r="BP559" s="23"/>
      <c r="BQ559" s="23"/>
      <c r="BR559" s="23"/>
      <c r="BS559" s="23"/>
      <c r="BT559" s="23"/>
      <c r="BU559" s="23"/>
      <c r="BV559" s="23"/>
      <c r="BW559" s="23"/>
      <c r="BX559" s="23"/>
      <c r="BY559" s="23"/>
      <c r="BZ559" s="23"/>
      <c r="CA559" s="23"/>
      <c r="CB559" s="23"/>
      <c r="CC559" s="23"/>
      <c r="CD559" s="23"/>
      <c r="CE559" s="23"/>
      <c r="CF559" s="23"/>
      <c r="CG559" s="23"/>
      <c r="CH559" s="23"/>
      <c r="CI559" s="23"/>
      <c r="CJ559" s="23"/>
      <c r="CK559" s="23"/>
      <c r="CL559" s="23"/>
      <c r="CM559" s="23"/>
      <c r="CN559" s="23"/>
      <c r="CO559" s="23"/>
      <c r="CP559" s="23"/>
      <c r="CQ559" s="23"/>
      <c r="CR559" s="23"/>
      <c r="CS559" s="23"/>
      <c r="CT559" s="23"/>
      <c r="CU559" s="23"/>
      <c r="CV559" s="23"/>
      <c r="CW559" s="23"/>
      <c r="CX559" s="23"/>
      <c r="CY559" s="23"/>
      <c r="CZ559" s="23"/>
      <c r="DA559" s="23"/>
      <c r="DB559" s="23"/>
      <c r="DC559" s="23"/>
      <c r="DD559" s="23"/>
      <c r="DE559" s="23"/>
      <c r="DF559" s="23"/>
      <c r="DG559" s="23"/>
      <c r="DH559" s="23"/>
      <c r="DI559" s="23"/>
      <c r="DJ559" s="23"/>
      <c r="DK559" s="23"/>
      <c r="DL559" s="23"/>
      <c r="DM559" s="23"/>
      <c r="DN559" s="23"/>
      <c r="DO559" s="23"/>
      <c r="DP559" s="23"/>
      <c r="DQ559" s="23"/>
      <c r="DR559" s="23"/>
      <c r="DS559" s="23"/>
      <c r="DT559" s="23"/>
      <c r="DU559" s="23"/>
      <c r="DV559" s="23"/>
      <c r="DW559" s="23"/>
      <c r="DX559" s="23"/>
      <c r="DY559" s="23"/>
      <c r="DZ559" s="23"/>
      <c r="EA559" s="23"/>
      <c r="EB559" s="23"/>
      <c r="EC559" s="23"/>
      <c r="ED559" s="23"/>
      <c r="EE559" s="23"/>
      <c r="EF559" s="23"/>
      <c r="EG559" s="23"/>
      <c r="EH559" s="23"/>
      <c r="EI559" s="23"/>
      <c r="EJ559" s="23"/>
      <c r="EK559" s="23"/>
      <c r="EL559" s="23"/>
      <c r="EM559" s="23"/>
      <c r="EN559" s="23"/>
      <c r="EO559" s="23"/>
      <c r="EP559" s="23"/>
      <c r="EQ559" s="23"/>
      <c r="ER559" s="23"/>
      <c r="ES559" s="23"/>
      <c r="ET559" s="23"/>
      <c r="EU559" s="23"/>
      <c r="EV559" s="23"/>
      <c r="EW559" s="23"/>
      <c r="EX559" s="23"/>
      <c r="EY559" s="23"/>
      <c r="EZ559" s="23"/>
      <c r="FA559" s="23"/>
      <c r="FB559" s="23"/>
      <c r="FC559" s="23"/>
      <c r="FD559" s="23"/>
      <c r="FE559" s="23"/>
      <c r="FF559" s="23"/>
      <c r="FG559" s="23"/>
      <c r="FH559" s="23"/>
      <c r="FI559" s="23"/>
      <c r="FJ559" s="23"/>
      <c r="FK559" s="23"/>
      <c r="FL559" s="23"/>
      <c r="FM559" s="23"/>
      <c r="FN559" s="23"/>
      <c r="FO559" s="23"/>
      <c r="FP559" s="23"/>
      <c r="FQ559" s="23"/>
      <c r="FR559" s="23"/>
      <c r="FS559" s="23"/>
      <c r="FT559" s="23"/>
      <c r="FU559" s="23"/>
      <c r="FV559" s="23"/>
      <c r="FW559" s="23"/>
      <c r="FX559" s="23"/>
      <c r="FY559" s="23"/>
      <c r="FZ559" s="23"/>
      <c r="GA559" s="23"/>
      <c r="GB559" s="23"/>
      <c r="GC559" s="23"/>
      <c r="GD559" s="23"/>
      <c r="GE559" s="23"/>
      <c r="GF559" s="23"/>
      <c r="GG559" s="23"/>
      <c r="GH559" s="23"/>
      <c r="GI559" s="23"/>
      <c r="GJ559" s="23"/>
      <c r="GK559" s="23"/>
      <c r="GL559" s="23"/>
      <c r="GM559" s="23"/>
      <c r="GN559" s="23"/>
      <c r="GO559" s="23"/>
      <c r="GP559" s="23"/>
      <c r="GQ559" s="23"/>
      <c r="GR559" s="23"/>
      <c r="GS559" s="23"/>
      <c r="GT559" s="23"/>
      <c r="GU559" s="23"/>
      <c r="GV559" s="23"/>
      <c r="GW559" s="23"/>
      <c r="GX559" s="23"/>
      <c r="GY559" s="23"/>
      <c r="GZ559" s="23"/>
      <c r="HA559" s="23"/>
      <c r="HB559" s="23"/>
      <c r="HC559" s="23"/>
      <c r="HD559" s="23"/>
      <c r="HE559" s="23"/>
      <c r="HF559" s="23"/>
      <c r="HG559" s="23"/>
      <c r="HH559" s="23"/>
      <c r="HI559" s="23"/>
      <c r="HJ559" s="23"/>
      <c r="HK559" s="23"/>
      <c r="HL559" s="23"/>
      <c r="HM559" s="23"/>
      <c r="HN559" s="23"/>
      <c r="HO559" s="23"/>
      <c r="HP559" s="23"/>
      <c r="HQ559" s="23"/>
      <c r="HR559" s="23"/>
      <c r="HS559" s="23"/>
      <c r="HT559" s="23"/>
      <c r="HU559" s="23"/>
      <c r="HV559" s="23"/>
      <c r="HW559" s="23"/>
      <c r="HX559" s="23"/>
      <c r="HY559" s="23"/>
      <c r="HZ559" s="23"/>
      <c r="IA559" s="23"/>
      <c r="IB559" s="23"/>
      <c r="IC559" s="23"/>
      <c r="ID559" s="23"/>
      <c r="IE559" s="23"/>
      <c r="IF559" s="23"/>
      <c r="IG559" s="23"/>
      <c r="IH559" s="23"/>
      <c r="II559" s="23"/>
      <c r="IJ559" s="23"/>
      <c r="IK559" s="23"/>
      <c r="IL559" s="23"/>
      <c r="IM559" s="23"/>
      <c r="IN559" s="23"/>
      <c r="IO559" s="23"/>
      <c r="IP559" s="23"/>
      <c r="IQ559" s="23"/>
    </row>
    <row r="560" spans="1:251" s="50" customFormat="1" ht="18.75" customHeight="1" thickTop="1" thickBot="1">
      <c r="A560" s="38"/>
      <c r="B560" s="164" t="s">
        <v>105</v>
      </c>
      <c r="C560" s="191"/>
      <c r="D560" s="191"/>
      <c r="E560" s="191"/>
      <c r="F560" s="191"/>
      <c r="G560" s="191"/>
      <c r="H560" s="191"/>
      <c r="I560" s="191"/>
      <c r="J560" s="191"/>
      <c r="K560" s="191"/>
      <c r="L560" s="191"/>
      <c r="M560" s="191"/>
      <c r="N560" s="191"/>
      <c r="O560" s="191"/>
      <c r="P560" s="191"/>
      <c r="Q560" s="191"/>
      <c r="R560" s="191"/>
      <c r="S560" s="191"/>
      <c r="T560" s="191"/>
      <c r="U560" s="191"/>
      <c r="V560" s="191"/>
      <c r="W560" s="191"/>
      <c r="X560" s="191"/>
      <c r="Y560" s="191"/>
      <c r="Z560" s="192"/>
      <c r="AA560" s="167">
        <f>SUM(AA552:AA559)</f>
        <v>60791</v>
      </c>
      <c r="AB560" s="215"/>
      <c r="AC560" s="215"/>
      <c r="AD560" s="215"/>
      <c r="AE560" s="215"/>
      <c r="AF560" s="215"/>
      <c r="AG560" s="215"/>
      <c r="AH560" s="215"/>
      <c r="AI560" s="216"/>
      <c r="AJ560" s="167">
        <f>SUM(AJ552:AJ559)</f>
        <v>63769</v>
      </c>
      <c r="AK560" s="215"/>
      <c r="AL560" s="215"/>
      <c r="AM560" s="215"/>
      <c r="AN560" s="215"/>
      <c r="AO560" s="215"/>
      <c r="AP560" s="215"/>
      <c r="AQ560" s="215"/>
      <c r="AR560" s="216"/>
      <c r="AS560" s="167"/>
      <c r="AT560" s="215"/>
      <c r="AU560" s="215"/>
      <c r="AV560" s="215"/>
      <c r="AW560" s="215"/>
      <c r="AX560" s="217"/>
      <c r="AY560" s="23"/>
      <c r="AZ560" s="23"/>
      <c r="BA560" s="23"/>
      <c r="BB560" s="23"/>
      <c r="BC560" s="23"/>
      <c r="BD560" s="23"/>
      <c r="BE560" s="23"/>
      <c r="BF560" s="23"/>
      <c r="BG560" s="23"/>
      <c r="BH560" s="23"/>
      <c r="BI560" s="23"/>
      <c r="BJ560" s="23"/>
      <c r="BK560" s="23"/>
      <c r="BL560" s="23"/>
      <c r="BM560" s="23"/>
      <c r="BN560" s="23"/>
      <c r="BO560" s="23"/>
      <c r="BP560" s="23"/>
      <c r="BQ560" s="23"/>
      <c r="BR560" s="23"/>
      <c r="BS560" s="23"/>
      <c r="BT560" s="23"/>
      <c r="BU560" s="23"/>
      <c r="BV560" s="23"/>
      <c r="BW560" s="23"/>
      <c r="BX560" s="23"/>
      <c r="BY560" s="23"/>
      <c r="BZ560" s="23"/>
      <c r="CA560" s="23"/>
      <c r="CB560" s="23"/>
      <c r="CC560" s="23"/>
      <c r="CD560" s="23"/>
      <c r="CE560" s="23"/>
      <c r="CF560" s="23"/>
      <c r="CG560" s="23"/>
      <c r="CH560" s="23"/>
      <c r="CI560" s="23"/>
      <c r="CJ560" s="23"/>
      <c r="CK560" s="23"/>
      <c r="CL560" s="23"/>
      <c r="CM560" s="23"/>
      <c r="CN560" s="23"/>
      <c r="CO560" s="23"/>
      <c r="CP560" s="23"/>
      <c r="CQ560" s="23"/>
      <c r="CR560" s="23"/>
      <c r="CS560" s="23"/>
      <c r="CT560" s="23"/>
      <c r="CU560" s="23"/>
      <c r="CV560" s="23"/>
      <c r="CW560" s="23"/>
      <c r="CX560" s="23"/>
      <c r="CY560" s="23"/>
      <c r="CZ560" s="23"/>
      <c r="DA560" s="23"/>
      <c r="DB560" s="23"/>
      <c r="DC560" s="23"/>
      <c r="DD560" s="23"/>
      <c r="DE560" s="23"/>
      <c r="DF560" s="23"/>
      <c r="DG560" s="23"/>
      <c r="DH560" s="23"/>
      <c r="DI560" s="23"/>
      <c r="DJ560" s="23"/>
      <c r="DK560" s="23"/>
      <c r="DL560" s="23"/>
      <c r="DM560" s="23"/>
      <c r="DN560" s="23"/>
      <c r="DO560" s="23"/>
      <c r="DP560" s="23"/>
      <c r="DQ560" s="23"/>
      <c r="DR560" s="23"/>
      <c r="DS560" s="23"/>
      <c r="DT560" s="23"/>
      <c r="DU560" s="23"/>
      <c r="DV560" s="23"/>
      <c r="DW560" s="23"/>
      <c r="DX560" s="23"/>
      <c r="DY560" s="23"/>
      <c r="DZ560" s="23"/>
      <c r="EA560" s="23"/>
      <c r="EB560" s="23"/>
      <c r="EC560" s="23"/>
      <c r="ED560" s="23"/>
      <c r="EE560" s="23"/>
      <c r="EF560" s="23"/>
      <c r="EG560" s="23"/>
      <c r="EH560" s="23"/>
      <c r="EI560" s="23"/>
      <c r="EJ560" s="23"/>
      <c r="EK560" s="23"/>
      <c r="EL560" s="23"/>
      <c r="EM560" s="23"/>
      <c r="EN560" s="23"/>
      <c r="EO560" s="23"/>
      <c r="EP560" s="23"/>
      <c r="EQ560" s="23"/>
      <c r="ER560" s="23"/>
      <c r="ES560" s="23"/>
      <c r="ET560" s="23"/>
      <c r="EU560" s="23"/>
      <c r="EV560" s="23"/>
      <c r="EW560" s="23"/>
      <c r="EX560" s="23"/>
      <c r="EY560" s="23"/>
      <c r="EZ560" s="23"/>
      <c r="FA560" s="23"/>
      <c r="FB560" s="23"/>
      <c r="FC560" s="23"/>
      <c r="FD560" s="23"/>
      <c r="FE560" s="23"/>
      <c r="FF560" s="23"/>
      <c r="FG560" s="23"/>
      <c r="FH560" s="23"/>
      <c r="FI560" s="23"/>
      <c r="FJ560" s="23"/>
      <c r="FK560" s="23"/>
      <c r="FL560" s="23"/>
      <c r="FM560" s="23"/>
      <c r="FN560" s="23"/>
      <c r="FO560" s="23"/>
      <c r="FP560" s="23"/>
      <c r="FQ560" s="23"/>
      <c r="FR560" s="23"/>
      <c r="FS560" s="23"/>
      <c r="FT560" s="23"/>
      <c r="FU560" s="23"/>
      <c r="FV560" s="23"/>
      <c r="FW560" s="23"/>
      <c r="FX560" s="23"/>
      <c r="FY560" s="23"/>
      <c r="FZ560" s="23"/>
      <c r="GA560" s="23"/>
      <c r="GB560" s="23"/>
      <c r="GC560" s="23"/>
      <c r="GD560" s="23"/>
      <c r="GE560" s="23"/>
      <c r="GF560" s="23"/>
      <c r="GG560" s="23"/>
      <c r="GH560" s="23"/>
      <c r="GI560" s="23"/>
      <c r="GJ560" s="23"/>
      <c r="GK560" s="23"/>
      <c r="GL560" s="23"/>
      <c r="GM560" s="23"/>
      <c r="GN560" s="23"/>
      <c r="GO560" s="23"/>
      <c r="GP560" s="23"/>
      <c r="GQ560" s="23"/>
      <c r="GR560" s="23"/>
      <c r="GS560" s="23"/>
      <c r="GT560" s="23"/>
      <c r="GU560" s="23"/>
      <c r="GV560" s="23"/>
      <c r="GW560" s="23"/>
      <c r="GX560" s="23"/>
      <c r="GY560" s="23"/>
      <c r="GZ560" s="23"/>
      <c r="HA560" s="23"/>
      <c r="HB560" s="23"/>
      <c r="HC560" s="23"/>
      <c r="HD560" s="23"/>
      <c r="HE560" s="23"/>
      <c r="HF560" s="23"/>
      <c r="HG560" s="23"/>
      <c r="HH560" s="23"/>
      <c r="HI560" s="23"/>
      <c r="HJ560" s="23"/>
      <c r="HK560" s="23"/>
      <c r="HL560" s="23"/>
      <c r="HM560" s="23"/>
      <c r="HN560" s="23"/>
      <c r="HO560" s="23"/>
      <c r="HP560" s="23"/>
      <c r="HQ560" s="23"/>
      <c r="HR560" s="23"/>
      <c r="HS560" s="23"/>
      <c r="HT560" s="23"/>
      <c r="HU560" s="23"/>
      <c r="HV560" s="23"/>
      <c r="HW560" s="23"/>
      <c r="HX560" s="23"/>
      <c r="HY560" s="23"/>
      <c r="HZ560" s="23"/>
      <c r="IA560" s="23"/>
      <c r="IB560" s="23"/>
      <c r="IC560" s="23"/>
      <c r="ID560" s="23"/>
      <c r="IE560" s="23"/>
      <c r="IF560" s="23"/>
      <c r="IG560" s="23"/>
      <c r="IH560" s="23"/>
      <c r="II560" s="23"/>
      <c r="IJ560" s="23"/>
      <c r="IK560" s="23"/>
      <c r="IL560" s="23"/>
      <c r="IM560" s="23"/>
      <c r="IN560" s="23"/>
      <c r="IO560" s="23"/>
      <c r="IP560" s="23"/>
      <c r="IQ560" s="23"/>
    </row>
    <row r="562" spans="1:113" s="23" customFormat="1" ht="19.2">
      <c r="A562" s="22" t="s">
        <v>86</v>
      </c>
      <c r="AW562" s="24"/>
      <c r="AX562" s="25"/>
      <c r="AY562" s="24"/>
    </row>
    <row r="563" spans="1:113" s="23" customFormat="1" ht="13.2"/>
    <row r="564" spans="1:113" s="23" customFormat="1">
      <c r="A564" s="26"/>
      <c r="B564" s="115" t="s">
        <v>87</v>
      </c>
      <c r="C564" s="153"/>
      <c r="D564" s="153"/>
      <c r="E564" s="153"/>
      <c r="F564" s="153"/>
      <c r="G564" s="153"/>
      <c r="H564" s="153"/>
      <c r="I564" s="153"/>
      <c r="J564" s="153"/>
      <c r="K564" s="153"/>
      <c r="L564" s="153"/>
      <c r="M564" s="153"/>
      <c r="N564" s="153"/>
      <c r="O564" s="153"/>
      <c r="P564" s="153"/>
      <c r="Q564" s="153"/>
      <c r="R564" s="153"/>
      <c r="S564" s="153"/>
      <c r="T564" s="153"/>
      <c r="U564" s="153"/>
      <c r="V564" s="153"/>
      <c r="W564" s="153"/>
      <c r="X564" s="153"/>
      <c r="Y564" s="153"/>
      <c r="Z564" s="153"/>
      <c r="AA564" s="153"/>
      <c r="AB564" s="153"/>
      <c r="AC564" s="153"/>
      <c r="AD564" s="153"/>
      <c r="AE564" s="153"/>
      <c r="AF564" s="153"/>
      <c r="AG564" s="153"/>
      <c r="AH564" s="153"/>
      <c r="AI564" s="153"/>
      <c r="AJ564" s="153"/>
      <c r="AK564" s="153"/>
      <c r="AL564" s="153"/>
      <c r="AM564" s="153"/>
      <c r="AN564" s="153"/>
      <c r="AO564" s="153"/>
      <c r="AP564" s="153"/>
      <c r="AQ564" s="153"/>
      <c r="AR564" s="153"/>
      <c r="AS564" s="153"/>
      <c r="AT564" s="153"/>
      <c r="AU564" s="153"/>
      <c r="AV564" s="153"/>
      <c r="AW564" s="153"/>
      <c r="AX564" s="153"/>
      <c r="AY564" s="26"/>
    </row>
    <row r="565" spans="1:113" s="23" customFormat="1" ht="13.2">
      <c r="Z565" s="27"/>
      <c r="AD565" s="27"/>
      <c r="AE565" s="27"/>
      <c r="AF565" s="27"/>
      <c r="AG565" s="27"/>
      <c r="AH565" s="27"/>
      <c r="AI565" s="27"/>
      <c r="AO565" s="27"/>
    </row>
    <row r="566" spans="1:113" s="23" customFormat="1" ht="13.8" thickBot="1">
      <c r="Z566" s="27"/>
      <c r="AD566" s="27"/>
      <c r="AE566" s="27"/>
      <c r="AF566" s="27"/>
      <c r="AG566" s="27"/>
      <c r="AH566" s="27"/>
      <c r="AI566" s="27"/>
      <c r="AO566" s="27"/>
      <c r="DI566" s="28"/>
    </row>
    <row r="567" spans="1:113" s="23" customFormat="1" ht="24.6" customHeight="1" thickBot="1">
      <c r="A567" s="116" t="s">
        <v>88</v>
      </c>
      <c r="B567" s="117"/>
      <c r="C567" s="117"/>
      <c r="D567" s="117"/>
      <c r="E567" s="117"/>
      <c r="F567" s="117"/>
      <c r="G567" s="117"/>
      <c r="H567" s="117"/>
      <c r="I567" s="117"/>
      <c r="J567" s="117"/>
      <c r="K567" s="118"/>
      <c r="L567" s="154">
        <v>17</v>
      </c>
      <c r="M567" s="154"/>
      <c r="N567" s="154"/>
      <c r="O567" s="155"/>
      <c r="P567" s="122" t="s">
        <v>89</v>
      </c>
      <c r="Q567" s="120"/>
      <c r="R567" s="120"/>
      <c r="S567" s="120"/>
      <c r="T567" s="120"/>
      <c r="U567" s="123"/>
      <c r="V567" s="156" t="s">
        <v>123</v>
      </c>
      <c r="W567" s="156"/>
      <c r="X567" s="156"/>
      <c r="Y567" s="156"/>
      <c r="Z567" s="156"/>
      <c r="AA567" s="156"/>
      <c r="AB567" s="156"/>
      <c r="AC567" s="156"/>
      <c r="AD567" s="156"/>
      <c r="AE567" s="156"/>
      <c r="AF567" s="156"/>
      <c r="AG567" s="156"/>
      <c r="AH567" s="156"/>
      <c r="AI567" s="156"/>
      <c r="AJ567" s="156"/>
      <c r="AK567" s="156"/>
      <c r="AL567" s="156"/>
      <c r="AM567" s="156"/>
      <c r="AN567" s="156"/>
      <c r="AO567" s="156"/>
      <c r="AP567" s="156"/>
      <c r="AQ567" s="156"/>
      <c r="AR567" s="156"/>
      <c r="AS567" s="156"/>
      <c r="AT567" s="156"/>
      <c r="AU567" s="156"/>
      <c r="AV567" s="156"/>
      <c r="AW567" s="156"/>
      <c r="AX567" s="157"/>
      <c r="DI567" s="28"/>
    </row>
    <row r="568" spans="1:113" s="23" customFormat="1" ht="14.4">
      <c r="A568" s="29"/>
      <c r="B568" s="29"/>
      <c r="C568" s="29"/>
      <c r="D568" s="29"/>
      <c r="E568" s="29"/>
      <c r="F568" s="29"/>
      <c r="G568" s="29"/>
      <c r="H568" s="29"/>
      <c r="I568" s="29"/>
      <c r="J568" s="29"/>
      <c r="K568" s="29"/>
      <c r="L568" s="30"/>
      <c r="M568" s="30"/>
      <c r="N568" s="30"/>
      <c r="O568" s="30"/>
      <c r="P568" s="29"/>
      <c r="Q568" s="29"/>
      <c r="R568" s="29"/>
      <c r="S568" s="29"/>
      <c r="T568" s="29"/>
      <c r="U568" s="29"/>
      <c r="V568" s="31"/>
      <c r="W568" s="31"/>
      <c r="X568" s="31"/>
      <c r="Y568" s="31"/>
      <c r="Z568" s="31"/>
      <c r="AA568" s="31"/>
      <c r="AB568" s="31"/>
      <c r="AC568" s="31"/>
      <c r="AD568" s="31"/>
      <c r="AE568" s="31"/>
      <c r="AF568" s="31"/>
      <c r="AG568" s="31"/>
      <c r="AH568" s="31"/>
      <c r="AI568" s="31"/>
      <c r="AJ568" s="31"/>
      <c r="AK568" s="31"/>
      <c r="AL568" s="31"/>
      <c r="AM568" s="31"/>
      <c r="AN568" s="31"/>
      <c r="AO568" s="31"/>
      <c r="AP568" s="31"/>
      <c r="AQ568" s="31"/>
      <c r="AR568" s="31"/>
      <c r="AS568" s="31"/>
      <c r="AT568" s="31"/>
      <c r="AU568" s="31"/>
      <c r="AV568" s="31"/>
      <c r="AW568" s="31"/>
      <c r="AX568" s="31"/>
      <c r="DI568" s="28"/>
    </row>
    <row r="569" spans="1:113" s="23" customFormat="1" ht="15" thickBot="1">
      <c r="A569" s="32"/>
      <c r="B569" s="33" t="s">
        <v>91</v>
      </c>
      <c r="C569" s="34"/>
      <c r="D569" s="34"/>
      <c r="E569" s="34"/>
      <c r="F569" s="34"/>
      <c r="G569" s="34"/>
      <c r="H569" s="34"/>
      <c r="I569" s="34"/>
      <c r="J569" s="34"/>
      <c r="K569" s="34"/>
      <c r="L569" s="35"/>
      <c r="M569" s="35"/>
      <c r="N569" s="35"/>
      <c r="O569" s="35"/>
      <c r="P569" s="34"/>
      <c r="Q569" s="34"/>
      <c r="R569" s="34"/>
      <c r="S569" s="34"/>
      <c r="T569" s="34"/>
      <c r="U569" s="34"/>
      <c r="V569" s="33"/>
      <c r="W569" s="33"/>
      <c r="X569" s="33"/>
      <c r="Y569" s="33"/>
      <c r="Z569" s="33"/>
      <c r="AA569" s="33"/>
      <c r="AB569" s="33"/>
      <c r="AC569" s="33"/>
      <c r="AD569" s="33"/>
      <c r="AE569" s="33"/>
      <c r="AF569" s="33"/>
      <c r="AG569" s="33"/>
      <c r="AH569" s="33"/>
      <c r="AI569" s="33"/>
      <c r="AJ569" s="33"/>
      <c r="AK569" s="33"/>
      <c r="AL569" s="33"/>
      <c r="AM569" s="33"/>
      <c r="AN569" s="33"/>
      <c r="AO569" s="33"/>
      <c r="AP569" s="33"/>
      <c r="AQ569" s="33"/>
      <c r="AR569" s="33"/>
      <c r="AS569" s="33"/>
      <c r="AT569" s="33"/>
      <c r="AU569" s="33"/>
      <c r="AV569" s="33"/>
      <c r="AW569" s="33"/>
      <c r="AX569" s="33"/>
      <c r="DI569" s="28"/>
    </row>
    <row r="570" spans="1:113" s="23" customFormat="1" ht="14.4">
      <c r="A570" s="34"/>
      <c r="B570" s="36"/>
      <c r="C570" s="29"/>
      <c r="D570" s="29"/>
      <c r="E570" s="29"/>
      <c r="F570" s="29"/>
      <c r="G570" s="29"/>
      <c r="H570" s="29"/>
      <c r="I570" s="29"/>
      <c r="J570" s="29"/>
      <c r="K570" s="29"/>
      <c r="L570" s="30"/>
      <c r="M570" s="30"/>
      <c r="N570" s="30"/>
      <c r="O570" s="30"/>
      <c r="P570" s="29"/>
      <c r="Q570" s="29"/>
      <c r="R570" s="29"/>
      <c r="S570" s="29"/>
      <c r="T570" s="29"/>
      <c r="U570" s="29"/>
      <c r="V570" s="31"/>
      <c r="W570" s="31"/>
      <c r="X570" s="31"/>
      <c r="Y570" s="31"/>
      <c r="Z570" s="31"/>
      <c r="AA570" s="31"/>
      <c r="AB570" s="31"/>
      <c r="AC570" s="31"/>
      <c r="AD570" s="31"/>
      <c r="AE570" s="31"/>
      <c r="AF570" s="31"/>
      <c r="AG570" s="31"/>
      <c r="AH570" s="31"/>
      <c r="AI570" s="31"/>
      <c r="AJ570" s="31"/>
      <c r="AK570" s="31"/>
      <c r="AL570" s="31"/>
      <c r="AM570" s="31"/>
      <c r="AN570" s="31"/>
      <c r="AO570" s="31"/>
      <c r="AP570" s="31"/>
      <c r="AQ570" s="31"/>
      <c r="AR570" s="31"/>
      <c r="AS570" s="31"/>
      <c r="AT570" s="31"/>
      <c r="AU570" s="31"/>
      <c r="AV570" s="31"/>
      <c r="AW570" s="31"/>
      <c r="AX570" s="37"/>
    </row>
    <row r="571" spans="1:113" s="23" customFormat="1" ht="10.8" customHeight="1">
      <c r="A571" s="34"/>
      <c r="B571" s="127" t="s">
        <v>165</v>
      </c>
      <c r="C571" s="128"/>
      <c r="D571" s="128"/>
      <c r="E571" s="128"/>
      <c r="F571" s="128"/>
      <c r="G571" s="128"/>
      <c r="H571" s="128"/>
      <c r="I571" s="128"/>
      <c r="J571" s="128"/>
      <c r="K571" s="128"/>
      <c r="L571" s="128"/>
      <c r="M571" s="128"/>
      <c r="N571" s="128"/>
      <c r="O571" s="128"/>
      <c r="P571" s="128"/>
      <c r="Q571" s="128"/>
      <c r="R571" s="128"/>
      <c r="S571" s="128"/>
      <c r="T571" s="128"/>
      <c r="U571" s="128"/>
      <c r="V571" s="128"/>
      <c r="W571" s="128"/>
      <c r="X571" s="128"/>
      <c r="Y571" s="128"/>
      <c r="Z571" s="128"/>
      <c r="AA571" s="128"/>
      <c r="AB571" s="128"/>
      <c r="AC571" s="128"/>
      <c r="AD571" s="128"/>
      <c r="AE571" s="128"/>
      <c r="AF571" s="128"/>
      <c r="AG571" s="128"/>
      <c r="AH571" s="128"/>
      <c r="AI571" s="128"/>
      <c r="AJ571" s="128"/>
      <c r="AK571" s="128"/>
      <c r="AL571" s="128"/>
      <c r="AM571" s="128"/>
      <c r="AN571" s="128"/>
      <c r="AO571" s="128"/>
      <c r="AP571" s="128"/>
      <c r="AQ571" s="128"/>
      <c r="AR571" s="128"/>
      <c r="AS571" s="128"/>
      <c r="AT571" s="128"/>
      <c r="AU571" s="128"/>
      <c r="AV571" s="128"/>
      <c r="AW571" s="128"/>
      <c r="AX571" s="129"/>
    </row>
    <row r="572" spans="1:113" s="23" customFormat="1" ht="10.8" customHeight="1">
      <c r="A572" s="34"/>
      <c r="B572" s="127"/>
      <c r="C572" s="128"/>
      <c r="D572" s="128"/>
      <c r="E572" s="128"/>
      <c r="F572" s="128"/>
      <c r="G572" s="128"/>
      <c r="H572" s="128"/>
      <c r="I572" s="128"/>
      <c r="J572" s="128"/>
      <c r="K572" s="128"/>
      <c r="L572" s="128"/>
      <c r="M572" s="128"/>
      <c r="N572" s="128"/>
      <c r="O572" s="128"/>
      <c r="P572" s="128"/>
      <c r="Q572" s="128"/>
      <c r="R572" s="128"/>
      <c r="S572" s="128"/>
      <c r="T572" s="128"/>
      <c r="U572" s="128"/>
      <c r="V572" s="128"/>
      <c r="W572" s="128"/>
      <c r="X572" s="128"/>
      <c r="Y572" s="128"/>
      <c r="Z572" s="128"/>
      <c r="AA572" s="128"/>
      <c r="AB572" s="128"/>
      <c r="AC572" s="128"/>
      <c r="AD572" s="128"/>
      <c r="AE572" s="128"/>
      <c r="AF572" s="128"/>
      <c r="AG572" s="128"/>
      <c r="AH572" s="128"/>
      <c r="AI572" s="128"/>
      <c r="AJ572" s="128"/>
      <c r="AK572" s="128"/>
      <c r="AL572" s="128"/>
      <c r="AM572" s="128"/>
      <c r="AN572" s="128"/>
      <c r="AO572" s="128"/>
      <c r="AP572" s="128"/>
      <c r="AQ572" s="128"/>
      <c r="AR572" s="128"/>
      <c r="AS572" s="128"/>
      <c r="AT572" s="128"/>
      <c r="AU572" s="128"/>
      <c r="AV572" s="128"/>
      <c r="AW572" s="128"/>
      <c r="AX572" s="129"/>
      <c r="BC572" s="17"/>
    </row>
    <row r="573" spans="1:113" s="23" customFormat="1" ht="10.8" customHeight="1">
      <c r="A573" s="34"/>
      <c r="B573" s="127"/>
      <c r="C573" s="128"/>
      <c r="D573" s="128"/>
      <c r="E573" s="128"/>
      <c r="F573" s="128"/>
      <c r="G573" s="128"/>
      <c r="H573" s="128"/>
      <c r="I573" s="128"/>
      <c r="J573" s="128"/>
      <c r="K573" s="128"/>
      <c r="L573" s="128"/>
      <c r="M573" s="128"/>
      <c r="N573" s="128"/>
      <c r="O573" s="128"/>
      <c r="P573" s="128"/>
      <c r="Q573" s="128"/>
      <c r="R573" s="128"/>
      <c r="S573" s="128"/>
      <c r="T573" s="128"/>
      <c r="U573" s="128"/>
      <c r="V573" s="128"/>
      <c r="W573" s="128"/>
      <c r="X573" s="128"/>
      <c r="Y573" s="128"/>
      <c r="Z573" s="128"/>
      <c r="AA573" s="128"/>
      <c r="AB573" s="128"/>
      <c r="AC573" s="128"/>
      <c r="AD573" s="128"/>
      <c r="AE573" s="128"/>
      <c r="AF573" s="128"/>
      <c r="AG573" s="128"/>
      <c r="AH573" s="128"/>
      <c r="AI573" s="128"/>
      <c r="AJ573" s="128"/>
      <c r="AK573" s="128"/>
      <c r="AL573" s="128"/>
      <c r="AM573" s="128"/>
      <c r="AN573" s="128"/>
      <c r="AO573" s="128"/>
      <c r="AP573" s="128"/>
      <c r="AQ573" s="128"/>
      <c r="AR573" s="128"/>
      <c r="AS573" s="128"/>
      <c r="AT573" s="128"/>
      <c r="AU573" s="128"/>
      <c r="AV573" s="128"/>
      <c r="AW573" s="128"/>
      <c r="AX573" s="129"/>
    </row>
    <row r="574" spans="1:113" s="23" customFormat="1" ht="10.8" customHeight="1">
      <c r="A574" s="34"/>
      <c r="B574" s="127"/>
      <c r="C574" s="128"/>
      <c r="D574" s="128"/>
      <c r="E574" s="128"/>
      <c r="F574" s="128"/>
      <c r="G574" s="128"/>
      <c r="H574" s="128"/>
      <c r="I574" s="128"/>
      <c r="J574" s="128"/>
      <c r="K574" s="128"/>
      <c r="L574" s="128"/>
      <c r="M574" s="128"/>
      <c r="N574" s="128"/>
      <c r="O574" s="128"/>
      <c r="P574" s="128"/>
      <c r="Q574" s="128"/>
      <c r="R574" s="128"/>
      <c r="S574" s="128"/>
      <c r="T574" s="128"/>
      <c r="U574" s="128"/>
      <c r="V574" s="128"/>
      <c r="W574" s="128"/>
      <c r="X574" s="128"/>
      <c r="Y574" s="128"/>
      <c r="Z574" s="128"/>
      <c r="AA574" s="128"/>
      <c r="AB574" s="128"/>
      <c r="AC574" s="128"/>
      <c r="AD574" s="128"/>
      <c r="AE574" s="128"/>
      <c r="AF574" s="128"/>
      <c r="AG574" s="128"/>
      <c r="AH574" s="128"/>
      <c r="AI574" s="128"/>
      <c r="AJ574" s="128"/>
      <c r="AK574" s="128"/>
      <c r="AL574" s="128"/>
      <c r="AM574" s="128"/>
      <c r="AN574" s="128"/>
      <c r="AO574" s="128"/>
      <c r="AP574" s="128"/>
      <c r="AQ574" s="128"/>
      <c r="AR574" s="128"/>
      <c r="AS574" s="128"/>
      <c r="AT574" s="128"/>
      <c r="AU574" s="128"/>
      <c r="AV574" s="128"/>
      <c r="AW574" s="128"/>
      <c r="AX574" s="129"/>
    </row>
    <row r="575" spans="1:113" s="23" customFormat="1" ht="10.8" customHeight="1">
      <c r="A575" s="34"/>
      <c r="B575" s="127"/>
      <c r="C575" s="128"/>
      <c r="D575" s="128"/>
      <c r="E575" s="128"/>
      <c r="F575" s="128"/>
      <c r="G575" s="128"/>
      <c r="H575" s="128"/>
      <c r="I575" s="128"/>
      <c r="J575" s="128"/>
      <c r="K575" s="128"/>
      <c r="L575" s="128"/>
      <c r="M575" s="128"/>
      <c r="N575" s="128"/>
      <c r="O575" s="128"/>
      <c r="P575" s="128"/>
      <c r="Q575" s="128"/>
      <c r="R575" s="128"/>
      <c r="S575" s="128"/>
      <c r="T575" s="128"/>
      <c r="U575" s="128"/>
      <c r="V575" s="128"/>
      <c r="W575" s="128"/>
      <c r="X575" s="128"/>
      <c r="Y575" s="128"/>
      <c r="Z575" s="128"/>
      <c r="AA575" s="128"/>
      <c r="AB575" s="128"/>
      <c r="AC575" s="128"/>
      <c r="AD575" s="128"/>
      <c r="AE575" s="128"/>
      <c r="AF575" s="128"/>
      <c r="AG575" s="128"/>
      <c r="AH575" s="128"/>
      <c r="AI575" s="128"/>
      <c r="AJ575" s="128"/>
      <c r="AK575" s="128"/>
      <c r="AL575" s="128"/>
      <c r="AM575" s="128"/>
      <c r="AN575" s="128"/>
      <c r="AO575" s="128"/>
      <c r="AP575" s="128"/>
      <c r="AQ575" s="128"/>
      <c r="AR575" s="128"/>
      <c r="AS575" s="128"/>
      <c r="AT575" s="128"/>
      <c r="AU575" s="128"/>
      <c r="AV575" s="128"/>
      <c r="AW575" s="128"/>
      <c r="AX575" s="129"/>
    </row>
    <row r="576" spans="1:113" s="23" customFormat="1" ht="10.8" customHeight="1">
      <c r="A576" s="34"/>
      <c r="B576" s="127"/>
      <c r="C576" s="128"/>
      <c r="D576" s="128"/>
      <c r="E576" s="128"/>
      <c r="F576" s="128"/>
      <c r="G576" s="128"/>
      <c r="H576" s="128"/>
      <c r="I576" s="128"/>
      <c r="J576" s="128"/>
      <c r="K576" s="128"/>
      <c r="L576" s="128"/>
      <c r="M576" s="128"/>
      <c r="N576" s="128"/>
      <c r="O576" s="128"/>
      <c r="P576" s="128"/>
      <c r="Q576" s="128"/>
      <c r="R576" s="128"/>
      <c r="S576" s="128"/>
      <c r="T576" s="128"/>
      <c r="U576" s="128"/>
      <c r="V576" s="128"/>
      <c r="W576" s="128"/>
      <c r="X576" s="128"/>
      <c r="Y576" s="128"/>
      <c r="Z576" s="128"/>
      <c r="AA576" s="128"/>
      <c r="AB576" s="128"/>
      <c r="AC576" s="128"/>
      <c r="AD576" s="128"/>
      <c r="AE576" s="128"/>
      <c r="AF576" s="128"/>
      <c r="AG576" s="128"/>
      <c r="AH576" s="128"/>
      <c r="AI576" s="128"/>
      <c r="AJ576" s="128"/>
      <c r="AK576" s="128"/>
      <c r="AL576" s="128"/>
      <c r="AM576" s="128"/>
      <c r="AN576" s="128"/>
      <c r="AO576" s="128"/>
      <c r="AP576" s="128"/>
      <c r="AQ576" s="128"/>
      <c r="AR576" s="128"/>
      <c r="AS576" s="128"/>
      <c r="AT576" s="128"/>
      <c r="AU576" s="128"/>
      <c r="AV576" s="128"/>
      <c r="AW576" s="128"/>
      <c r="AX576" s="129"/>
    </row>
    <row r="577" spans="1:251" s="23" customFormat="1" ht="10.8" customHeight="1">
      <c r="A577" s="34"/>
      <c r="B577" s="127"/>
      <c r="C577" s="128"/>
      <c r="D577" s="128"/>
      <c r="E577" s="128"/>
      <c r="F577" s="128"/>
      <c r="G577" s="128"/>
      <c r="H577" s="128"/>
      <c r="I577" s="128"/>
      <c r="J577" s="128"/>
      <c r="K577" s="128"/>
      <c r="L577" s="128"/>
      <c r="M577" s="128"/>
      <c r="N577" s="128"/>
      <c r="O577" s="128"/>
      <c r="P577" s="128"/>
      <c r="Q577" s="128"/>
      <c r="R577" s="128"/>
      <c r="S577" s="128"/>
      <c r="T577" s="128"/>
      <c r="U577" s="128"/>
      <c r="V577" s="128"/>
      <c r="W577" s="128"/>
      <c r="X577" s="128"/>
      <c r="Y577" s="128"/>
      <c r="Z577" s="128"/>
      <c r="AA577" s="128"/>
      <c r="AB577" s="128"/>
      <c r="AC577" s="128"/>
      <c r="AD577" s="128"/>
      <c r="AE577" s="128"/>
      <c r="AF577" s="128"/>
      <c r="AG577" s="128"/>
      <c r="AH577" s="128"/>
      <c r="AI577" s="128"/>
      <c r="AJ577" s="128"/>
      <c r="AK577" s="128"/>
      <c r="AL577" s="128"/>
      <c r="AM577" s="128"/>
      <c r="AN577" s="128"/>
      <c r="AO577" s="128"/>
      <c r="AP577" s="128"/>
      <c r="AQ577" s="128"/>
      <c r="AR577" s="128"/>
      <c r="AS577" s="128"/>
      <c r="AT577" s="128"/>
      <c r="AU577" s="128"/>
      <c r="AV577" s="128"/>
      <c r="AW577" s="128"/>
      <c r="AX577" s="129"/>
    </row>
    <row r="578" spans="1:251" s="23" customFormat="1" ht="10.8" customHeight="1">
      <c r="A578" s="34"/>
      <c r="B578" s="127"/>
      <c r="C578" s="128"/>
      <c r="D578" s="128"/>
      <c r="E578" s="128"/>
      <c r="F578" s="128"/>
      <c r="G578" s="128"/>
      <c r="H578" s="128"/>
      <c r="I578" s="128"/>
      <c r="J578" s="128"/>
      <c r="K578" s="128"/>
      <c r="L578" s="128"/>
      <c r="M578" s="128"/>
      <c r="N578" s="128"/>
      <c r="O578" s="128"/>
      <c r="P578" s="128"/>
      <c r="Q578" s="128"/>
      <c r="R578" s="128"/>
      <c r="S578" s="128"/>
      <c r="T578" s="128"/>
      <c r="U578" s="128"/>
      <c r="V578" s="128"/>
      <c r="W578" s="128"/>
      <c r="X578" s="128"/>
      <c r="Y578" s="128"/>
      <c r="Z578" s="128"/>
      <c r="AA578" s="128"/>
      <c r="AB578" s="128"/>
      <c r="AC578" s="128"/>
      <c r="AD578" s="128"/>
      <c r="AE578" s="128"/>
      <c r="AF578" s="128"/>
      <c r="AG578" s="128"/>
      <c r="AH578" s="128"/>
      <c r="AI578" s="128"/>
      <c r="AJ578" s="128"/>
      <c r="AK578" s="128"/>
      <c r="AL578" s="128"/>
      <c r="AM578" s="128"/>
      <c r="AN578" s="128"/>
      <c r="AO578" s="128"/>
      <c r="AP578" s="128"/>
      <c r="AQ578" s="128"/>
      <c r="AR578" s="128"/>
      <c r="AS578" s="128"/>
      <c r="AT578" s="128"/>
      <c r="AU578" s="128"/>
      <c r="AV578" s="128"/>
      <c r="AW578" s="128"/>
      <c r="AX578" s="129"/>
    </row>
    <row r="579" spans="1:251" s="23" customFormat="1" ht="10.8" customHeight="1">
      <c r="A579" s="34"/>
      <c r="B579" s="127"/>
      <c r="C579" s="128"/>
      <c r="D579" s="128"/>
      <c r="E579" s="128"/>
      <c r="F579" s="128"/>
      <c r="G579" s="128"/>
      <c r="H579" s="128"/>
      <c r="I579" s="128"/>
      <c r="J579" s="128"/>
      <c r="K579" s="128"/>
      <c r="L579" s="128"/>
      <c r="M579" s="128"/>
      <c r="N579" s="128"/>
      <c r="O579" s="128"/>
      <c r="P579" s="128"/>
      <c r="Q579" s="128"/>
      <c r="R579" s="128"/>
      <c r="S579" s="128"/>
      <c r="T579" s="128"/>
      <c r="U579" s="128"/>
      <c r="V579" s="128"/>
      <c r="W579" s="128"/>
      <c r="X579" s="128"/>
      <c r="Y579" s="128"/>
      <c r="Z579" s="128"/>
      <c r="AA579" s="128"/>
      <c r="AB579" s="128"/>
      <c r="AC579" s="128"/>
      <c r="AD579" s="128"/>
      <c r="AE579" s="128"/>
      <c r="AF579" s="128"/>
      <c r="AG579" s="128"/>
      <c r="AH579" s="128"/>
      <c r="AI579" s="128"/>
      <c r="AJ579" s="128"/>
      <c r="AK579" s="128"/>
      <c r="AL579" s="128"/>
      <c r="AM579" s="128"/>
      <c r="AN579" s="128"/>
      <c r="AO579" s="128"/>
      <c r="AP579" s="128"/>
      <c r="AQ579" s="128"/>
      <c r="AR579" s="128"/>
      <c r="AS579" s="128"/>
      <c r="AT579" s="128"/>
      <c r="AU579" s="128"/>
      <c r="AV579" s="128"/>
      <c r="AW579" s="128"/>
      <c r="AX579" s="129"/>
    </row>
    <row r="580" spans="1:251" s="23" customFormat="1" ht="10.8" customHeight="1">
      <c r="A580" s="34"/>
      <c r="B580" s="127"/>
      <c r="C580" s="128"/>
      <c r="D580" s="128"/>
      <c r="E580" s="128"/>
      <c r="F580" s="128"/>
      <c r="G580" s="128"/>
      <c r="H580" s="128"/>
      <c r="I580" s="128"/>
      <c r="J580" s="128"/>
      <c r="K580" s="128"/>
      <c r="L580" s="128"/>
      <c r="M580" s="128"/>
      <c r="N580" s="128"/>
      <c r="O580" s="128"/>
      <c r="P580" s="128"/>
      <c r="Q580" s="128"/>
      <c r="R580" s="128"/>
      <c r="S580" s="128"/>
      <c r="T580" s="128"/>
      <c r="U580" s="128"/>
      <c r="V580" s="128"/>
      <c r="W580" s="128"/>
      <c r="X580" s="128"/>
      <c r="Y580" s="128"/>
      <c r="Z580" s="128"/>
      <c r="AA580" s="128"/>
      <c r="AB580" s="128"/>
      <c r="AC580" s="128"/>
      <c r="AD580" s="128"/>
      <c r="AE580" s="128"/>
      <c r="AF580" s="128"/>
      <c r="AG580" s="128"/>
      <c r="AH580" s="128"/>
      <c r="AI580" s="128"/>
      <c r="AJ580" s="128"/>
      <c r="AK580" s="128"/>
      <c r="AL580" s="128"/>
      <c r="AM580" s="128"/>
      <c r="AN580" s="128"/>
      <c r="AO580" s="128"/>
      <c r="AP580" s="128"/>
      <c r="AQ580" s="128"/>
      <c r="AR580" s="128"/>
      <c r="AS580" s="128"/>
      <c r="AT580" s="128"/>
      <c r="AU580" s="128"/>
      <c r="AV580" s="128"/>
      <c r="AW580" s="128"/>
      <c r="AX580" s="129"/>
    </row>
    <row r="581" spans="1:251" s="23" customFormat="1" ht="15" thickBot="1">
      <c r="A581" s="38"/>
      <c r="B581" s="39"/>
      <c r="C581" s="40"/>
      <c r="D581" s="40"/>
      <c r="E581" s="40"/>
      <c r="F581" s="40"/>
      <c r="G581" s="40"/>
      <c r="H581" s="40"/>
      <c r="I581" s="40"/>
      <c r="J581" s="40"/>
      <c r="K581" s="40"/>
      <c r="L581" s="40"/>
      <c r="M581" s="40"/>
      <c r="N581" s="40"/>
      <c r="O581" s="40"/>
      <c r="P581" s="40"/>
      <c r="Q581" s="40"/>
      <c r="R581" s="40"/>
      <c r="S581" s="40"/>
      <c r="T581" s="40"/>
      <c r="U581" s="40"/>
      <c r="V581" s="40"/>
      <c r="W581" s="40"/>
      <c r="X581" s="40"/>
      <c r="Y581" s="40"/>
      <c r="Z581" s="40"/>
      <c r="AA581" s="40"/>
      <c r="AB581" s="40"/>
      <c r="AC581" s="40"/>
      <c r="AD581" s="40"/>
      <c r="AE581" s="40"/>
      <c r="AF581" s="40"/>
      <c r="AG581" s="40"/>
      <c r="AH581" s="40"/>
      <c r="AI581" s="40"/>
      <c r="AJ581" s="40"/>
      <c r="AK581" s="40"/>
      <c r="AL581" s="40"/>
      <c r="AM581" s="40"/>
      <c r="AN581" s="40"/>
      <c r="AO581" s="40"/>
      <c r="AP581" s="40"/>
      <c r="AQ581" s="40"/>
      <c r="AR581" s="40"/>
      <c r="AS581" s="40"/>
      <c r="AT581" s="40"/>
      <c r="AU581" s="40"/>
      <c r="AV581" s="40"/>
      <c r="AW581" s="40"/>
      <c r="AX581" s="41"/>
    </row>
    <row r="582" spans="1:251" s="23" customFormat="1" ht="13.2">
      <c r="B582" s="42"/>
    </row>
    <row r="583" spans="1:251" s="23" customFormat="1" ht="14.4">
      <c r="B583" s="33" t="s">
        <v>93</v>
      </c>
      <c r="C583" s="34"/>
      <c r="D583" s="34"/>
      <c r="E583" s="34"/>
      <c r="F583" s="34"/>
      <c r="G583" s="34"/>
      <c r="H583" s="34"/>
      <c r="I583" s="34"/>
      <c r="J583" s="34"/>
      <c r="K583" s="34"/>
      <c r="L583" s="35"/>
      <c r="M583" s="35"/>
      <c r="N583" s="35"/>
      <c r="O583" s="35"/>
      <c r="P583" s="34"/>
      <c r="Q583" s="34"/>
      <c r="R583" s="34"/>
      <c r="S583" s="34"/>
      <c r="T583" s="34"/>
      <c r="U583" s="34"/>
      <c r="V583" s="33"/>
      <c r="W583" s="33"/>
      <c r="X583" s="33"/>
      <c r="Y583" s="33"/>
      <c r="Z583" s="33"/>
      <c r="AA583" s="33"/>
      <c r="AB583" s="33"/>
      <c r="AC583" s="33"/>
      <c r="AD583" s="33"/>
      <c r="AE583" s="33"/>
      <c r="AF583" s="33"/>
      <c r="AG583" s="33"/>
      <c r="AH583" s="33"/>
      <c r="AI583" s="33"/>
      <c r="AJ583" s="33"/>
      <c r="AK583" s="33"/>
      <c r="AL583" s="33"/>
      <c r="AM583" s="33"/>
      <c r="AN583" s="33"/>
      <c r="AO583" s="33"/>
      <c r="AP583" s="33"/>
      <c r="AQ583" s="33"/>
      <c r="AR583" s="33"/>
      <c r="AS583" s="33"/>
      <c r="AT583" s="33"/>
      <c r="AU583" s="33"/>
      <c r="AV583" s="33"/>
      <c r="AW583" s="33"/>
      <c r="AX583" s="33"/>
    </row>
    <row r="584" spans="1:251" s="23" customFormat="1" ht="15" thickBot="1">
      <c r="B584" s="33"/>
      <c r="C584" s="34"/>
      <c r="D584" s="34"/>
      <c r="E584" s="34"/>
      <c r="F584" s="34"/>
      <c r="G584" s="34"/>
      <c r="H584" s="34"/>
      <c r="I584" s="34"/>
      <c r="J584" s="34"/>
      <c r="K584" s="34"/>
      <c r="L584" s="35"/>
      <c r="M584" s="35"/>
      <c r="N584" s="35"/>
      <c r="O584" s="35"/>
      <c r="P584" s="34"/>
      <c r="Q584" s="34"/>
      <c r="R584" s="34"/>
      <c r="S584" s="34"/>
      <c r="T584" s="34"/>
      <c r="U584" s="34"/>
      <c r="V584" s="33"/>
      <c r="W584" s="33"/>
      <c r="X584" s="33"/>
      <c r="Y584" s="33"/>
      <c r="Z584" s="33"/>
      <c r="AA584" s="33"/>
      <c r="AB584" s="33"/>
      <c r="AC584" s="33"/>
      <c r="AD584" s="33"/>
      <c r="AE584" s="33"/>
      <c r="AF584" s="33"/>
      <c r="AG584" s="33"/>
      <c r="AH584" s="33"/>
      <c r="AI584" s="33"/>
      <c r="AJ584" s="33"/>
      <c r="AK584" s="33"/>
      <c r="AL584" s="33"/>
      <c r="AM584" s="33"/>
      <c r="AN584" s="33"/>
      <c r="AO584" s="33"/>
      <c r="AP584" s="33"/>
      <c r="AQ584" s="33"/>
      <c r="AR584" s="33"/>
      <c r="AS584" s="33"/>
      <c r="AT584" s="33"/>
      <c r="AU584" s="33"/>
      <c r="AV584" s="33"/>
      <c r="AW584" s="33"/>
      <c r="AX584" s="43" t="s">
        <v>94</v>
      </c>
    </row>
    <row r="585" spans="1:251" s="50" customFormat="1" ht="13.5" customHeight="1">
      <c r="A585" s="34"/>
      <c r="B585" s="139" t="s">
        <v>95</v>
      </c>
      <c r="C585" s="203"/>
      <c r="D585" s="203"/>
      <c r="E585" s="203"/>
      <c r="F585" s="203"/>
      <c r="G585" s="203"/>
      <c r="H585" s="203"/>
      <c r="I585" s="203"/>
      <c r="J585" s="203"/>
      <c r="K585" s="203"/>
      <c r="L585" s="203"/>
      <c r="M585" s="203"/>
      <c r="N585" s="203"/>
      <c r="O585" s="203"/>
      <c r="P585" s="203"/>
      <c r="Q585" s="203"/>
      <c r="R585" s="203"/>
      <c r="S585" s="203"/>
      <c r="T585" s="203"/>
      <c r="U585" s="203"/>
      <c r="V585" s="203"/>
      <c r="W585" s="203"/>
      <c r="X585" s="203"/>
      <c r="Y585" s="203"/>
      <c r="Z585" s="204"/>
      <c r="AA585" s="145" t="s">
        <v>116</v>
      </c>
      <c r="AB585" s="203"/>
      <c r="AC585" s="203"/>
      <c r="AD585" s="203"/>
      <c r="AE585" s="203"/>
      <c r="AF585" s="203"/>
      <c r="AG585" s="203"/>
      <c r="AH585" s="203"/>
      <c r="AI585" s="204"/>
      <c r="AJ585" s="145" t="s">
        <v>117</v>
      </c>
      <c r="AK585" s="203"/>
      <c r="AL585" s="203"/>
      <c r="AM585" s="203"/>
      <c r="AN585" s="203"/>
      <c r="AO585" s="203"/>
      <c r="AP585" s="203"/>
      <c r="AQ585" s="203"/>
      <c r="AR585" s="204"/>
      <c r="AS585" s="145" t="s">
        <v>98</v>
      </c>
      <c r="AT585" s="203"/>
      <c r="AU585" s="203"/>
      <c r="AV585" s="203"/>
      <c r="AW585" s="203"/>
      <c r="AX585" s="209"/>
      <c r="AY585" s="23"/>
      <c r="AZ585" s="23"/>
      <c r="BA585" s="23"/>
      <c r="BB585" s="23"/>
      <c r="BC585" s="23"/>
      <c r="BD585" s="23"/>
      <c r="BE585" s="23"/>
      <c r="BF585" s="23"/>
      <c r="BG585" s="23"/>
      <c r="BH585" s="23"/>
      <c r="BI585" s="23"/>
      <c r="BJ585" s="23"/>
      <c r="BK585" s="23"/>
      <c r="BL585" s="23"/>
      <c r="BM585" s="23"/>
      <c r="BN585" s="23"/>
      <c r="BO585" s="23"/>
      <c r="BP585" s="23"/>
      <c r="BQ585" s="23"/>
      <c r="BR585" s="23"/>
      <c r="BS585" s="23"/>
      <c r="BT585" s="23"/>
      <c r="BU585" s="23"/>
      <c r="BV585" s="23"/>
      <c r="BW585" s="23"/>
      <c r="BX585" s="23"/>
      <c r="BY585" s="23"/>
      <c r="BZ585" s="23"/>
      <c r="CA585" s="23"/>
      <c r="CB585" s="23"/>
      <c r="CC585" s="23"/>
      <c r="CD585" s="23"/>
      <c r="CE585" s="23"/>
      <c r="CF585" s="23"/>
      <c r="CG585" s="23"/>
      <c r="CH585" s="23"/>
      <c r="CI585" s="23"/>
      <c r="CJ585" s="23"/>
      <c r="CK585" s="23"/>
      <c r="CL585" s="23"/>
      <c r="CM585" s="23"/>
      <c r="CN585" s="23"/>
      <c r="CO585" s="23"/>
      <c r="CP585" s="23"/>
      <c r="CQ585" s="23"/>
      <c r="CR585" s="23"/>
      <c r="CS585" s="23"/>
      <c r="CT585" s="23"/>
      <c r="CU585" s="23"/>
      <c r="CV585" s="23"/>
      <c r="CW585" s="23"/>
      <c r="CX585" s="23"/>
      <c r="CY585" s="23"/>
      <c r="CZ585" s="23"/>
      <c r="DA585" s="23"/>
      <c r="DB585" s="23"/>
      <c r="DC585" s="23"/>
      <c r="DD585" s="23"/>
      <c r="DE585" s="23"/>
      <c r="DF585" s="23"/>
      <c r="DG585" s="23"/>
      <c r="DH585" s="23"/>
      <c r="DI585" s="23"/>
      <c r="DJ585" s="23"/>
      <c r="DK585" s="23"/>
      <c r="DL585" s="23"/>
      <c r="DM585" s="23"/>
      <c r="DN585" s="23"/>
      <c r="DO585" s="23"/>
      <c r="DP585" s="23"/>
      <c r="DQ585" s="23"/>
      <c r="DR585" s="23"/>
      <c r="DS585" s="23"/>
      <c r="DT585" s="23"/>
      <c r="DU585" s="23"/>
      <c r="DV585" s="23"/>
      <c r="DW585" s="23"/>
      <c r="DX585" s="23"/>
      <c r="DY585" s="23"/>
      <c r="DZ585" s="23"/>
      <c r="EA585" s="23"/>
      <c r="EB585" s="23"/>
      <c r="EC585" s="23"/>
      <c r="ED585" s="23"/>
      <c r="EE585" s="23"/>
      <c r="EF585" s="23"/>
      <c r="EG585" s="23"/>
      <c r="EH585" s="23"/>
      <c r="EI585" s="23"/>
      <c r="EJ585" s="23"/>
      <c r="EK585" s="23"/>
      <c r="EL585" s="23"/>
      <c r="EM585" s="23"/>
      <c r="EN585" s="23"/>
      <c r="EO585" s="23"/>
      <c r="EP585" s="23"/>
      <c r="EQ585" s="23"/>
      <c r="ER585" s="23"/>
      <c r="ES585" s="23"/>
      <c r="ET585" s="23"/>
      <c r="EU585" s="23"/>
      <c r="EV585" s="23"/>
      <c r="EW585" s="23"/>
      <c r="EX585" s="23"/>
      <c r="EY585" s="23"/>
      <c r="EZ585" s="23"/>
      <c r="FA585" s="23"/>
      <c r="FB585" s="23"/>
      <c r="FC585" s="23"/>
      <c r="FD585" s="23"/>
      <c r="FE585" s="23"/>
      <c r="FF585" s="23"/>
      <c r="FG585" s="23"/>
      <c r="FH585" s="23"/>
      <c r="FI585" s="23"/>
      <c r="FJ585" s="23"/>
      <c r="FK585" s="23"/>
      <c r="FL585" s="23"/>
      <c r="FM585" s="23"/>
      <c r="FN585" s="23"/>
      <c r="FO585" s="23"/>
      <c r="FP585" s="23"/>
      <c r="FQ585" s="23"/>
      <c r="FR585" s="23"/>
      <c r="FS585" s="23"/>
      <c r="FT585" s="23"/>
      <c r="FU585" s="23"/>
      <c r="FV585" s="23"/>
      <c r="FW585" s="23"/>
      <c r="FX585" s="23"/>
      <c r="FY585" s="23"/>
      <c r="FZ585" s="23"/>
      <c r="GA585" s="23"/>
      <c r="GB585" s="23"/>
      <c r="GC585" s="23"/>
      <c r="GD585" s="23"/>
      <c r="GE585" s="23"/>
      <c r="GF585" s="23"/>
      <c r="GG585" s="23"/>
      <c r="GH585" s="23"/>
      <c r="GI585" s="23"/>
      <c r="GJ585" s="23"/>
      <c r="GK585" s="23"/>
      <c r="GL585" s="23"/>
      <c r="GM585" s="23"/>
      <c r="GN585" s="23"/>
      <c r="GO585" s="23"/>
      <c r="GP585" s="23"/>
      <c r="GQ585" s="23"/>
      <c r="GR585" s="23"/>
      <c r="GS585" s="23"/>
      <c r="GT585" s="23"/>
      <c r="GU585" s="23"/>
      <c r="GV585" s="23"/>
      <c r="GW585" s="23"/>
      <c r="GX585" s="23"/>
      <c r="GY585" s="23"/>
      <c r="GZ585" s="23"/>
      <c r="HA585" s="23"/>
      <c r="HB585" s="23"/>
      <c r="HC585" s="23"/>
      <c r="HD585" s="23"/>
      <c r="HE585" s="23"/>
      <c r="HF585" s="23"/>
      <c r="HG585" s="23"/>
      <c r="HH585" s="23"/>
      <c r="HI585" s="23"/>
      <c r="HJ585" s="23"/>
      <c r="HK585" s="23"/>
      <c r="HL585" s="23"/>
      <c r="HM585" s="23"/>
      <c r="HN585" s="23"/>
      <c r="HO585" s="23"/>
      <c r="HP585" s="23"/>
      <c r="HQ585" s="23"/>
      <c r="HR585" s="23"/>
      <c r="HS585" s="23"/>
      <c r="HT585" s="23"/>
      <c r="HU585" s="23"/>
      <c r="HV585" s="23"/>
      <c r="HW585" s="23"/>
      <c r="HX585" s="23"/>
      <c r="HY585" s="23"/>
      <c r="HZ585" s="23"/>
      <c r="IA585" s="23"/>
      <c r="IB585" s="23"/>
      <c r="IC585" s="23"/>
      <c r="ID585" s="23"/>
      <c r="IE585" s="23"/>
      <c r="IF585" s="23"/>
      <c r="IG585" s="23"/>
      <c r="IH585" s="23"/>
      <c r="II585" s="23"/>
      <c r="IJ585" s="23"/>
      <c r="IK585" s="23"/>
      <c r="IL585" s="23"/>
      <c r="IM585" s="23"/>
      <c r="IN585" s="23"/>
      <c r="IO585" s="23"/>
      <c r="IP585" s="23"/>
      <c r="IQ585" s="23"/>
    </row>
    <row r="586" spans="1:251" s="50" customFormat="1">
      <c r="A586" s="34"/>
      <c r="B586" s="205"/>
      <c r="C586" s="206"/>
      <c r="D586" s="206"/>
      <c r="E586" s="206"/>
      <c r="F586" s="206"/>
      <c r="G586" s="206"/>
      <c r="H586" s="206"/>
      <c r="I586" s="206"/>
      <c r="J586" s="206"/>
      <c r="K586" s="206"/>
      <c r="L586" s="206"/>
      <c r="M586" s="206"/>
      <c r="N586" s="206"/>
      <c r="O586" s="206"/>
      <c r="P586" s="206"/>
      <c r="Q586" s="206"/>
      <c r="R586" s="206"/>
      <c r="S586" s="206"/>
      <c r="T586" s="206"/>
      <c r="U586" s="206"/>
      <c r="V586" s="206"/>
      <c r="W586" s="206"/>
      <c r="X586" s="206"/>
      <c r="Y586" s="206"/>
      <c r="Z586" s="207"/>
      <c r="AA586" s="208"/>
      <c r="AB586" s="206"/>
      <c r="AC586" s="206"/>
      <c r="AD586" s="206"/>
      <c r="AE586" s="206"/>
      <c r="AF586" s="206"/>
      <c r="AG586" s="206"/>
      <c r="AH586" s="206"/>
      <c r="AI586" s="207"/>
      <c r="AJ586" s="208"/>
      <c r="AK586" s="206"/>
      <c r="AL586" s="206"/>
      <c r="AM586" s="206"/>
      <c r="AN586" s="206"/>
      <c r="AO586" s="206"/>
      <c r="AP586" s="206"/>
      <c r="AQ586" s="206"/>
      <c r="AR586" s="207"/>
      <c r="AS586" s="208"/>
      <c r="AT586" s="206"/>
      <c r="AU586" s="206"/>
      <c r="AV586" s="206"/>
      <c r="AW586" s="206"/>
      <c r="AX586" s="210"/>
      <c r="AY586" s="23"/>
      <c r="AZ586" s="23"/>
      <c r="BA586" s="23"/>
      <c r="BB586"/>
      <c r="BC586" s="45"/>
      <c r="BE586" s="23"/>
      <c r="BF586" s="23"/>
      <c r="BG586" s="23"/>
      <c r="BH586" s="23"/>
      <c r="BI586" s="23"/>
      <c r="BJ586" s="23"/>
      <c r="BK586" s="23"/>
      <c r="BL586" s="23"/>
      <c r="BM586" s="23"/>
      <c r="BN586" s="23"/>
      <c r="BO586" s="23"/>
      <c r="BP586" s="23"/>
      <c r="BQ586" s="23"/>
      <c r="BR586" s="23"/>
      <c r="BS586" s="23"/>
      <c r="BT586" s="23"/>
      <c r="BU586" s="23"/>
      <c r="BV586" s="23"/>
      <c r="BW586" s="23"/>
      <c r="BX586" s="23"/>
      <c r="BY586" s="23"/>
      <c r="BZ586" s="23"/>
      <c r="CA586" s="23"/>
      <c r="CB586" s="23"/>
      <c r="CC586" s="23"/>
      <c r="CD586" s="23"/>
      <c r="CE586" s="23"/>
      <c r="CF586" s="23"/>
      <c r="CG586" s="23"/>
      <c r="CH586" s="23"/>
      <c r="CI586" s="23"/>
      <c r="CJ586" s="23"/>
      <c r="CK586" s="23"/>
      <c r="CL586" s="23"/>
      <c r="CM586" s="23"/>
      <c r="CN586" s="23"/>
      <c r="CO586" s="23"/>
      <c r="CP586" s="23"/>
      <c r="CQ586" s="23"/>
      <c r="CR586" s="23"/>
      <c r="CS586" s="23"/>
      <c r="CT586" s="23"/>
      <c r="CU586" s="23"/>
      <c r="CV586" s="23"/>
      <c r="CW586" s="23"/>
      <c r="CX586" s="23"/>
      <c r="CY586" s="23"/>
      <c r="CZ586" s="23"/>
      <c r="DA586" s="23"/>
      <c r="DB586" s="23"/>
      <c r="DC586" s="23"/>
      <c r="DD586" s="23"/>
      <c r="DE586" s="23"/>
      <c r="DF586" s="23"/>
      <c r="DG586" s="23"/>
      <c r="DH586" s="23"/>
      <c r="DI586" s="23"/>
      <c r="DJ586" s="23"/>
      <c r="DK586" s="23"/>
      <c r="DL586" s="23"/>
      <c r="DM586" s="23"/>
      <c r="DN586" s="23"/>
      <c r="DO586" s="23"/>
      <c r="DP586" s="23"/>
      <c r="DQ586" s="23"/>
      <c r="DR586" s="23"/>
      <c r="DS586" s="23"/>
      <c r="DT586" s="23"/>
      <c r="DU586" s="23"/>
      <c r="DV586" s="23"/>
      <c r="DW586" s="23"/>
      <c r="DX586" s="23"/>
      <c r="DY586" s="23"/>
      <c r="DZ586" s="23"/>
      <c r="EA586" s="23"/>
      <c r="EB586" s="23"/>
      <c r="EC586" s="23"/>
      <c r="ED586" s="23"/>
      <c r="EE586" s="23"/>
      <c r="EF586" s="23"/>
      <c r="EG586" s="23"/>
      <c r="EH586" s="23"/>
      <c r="EI586" s="23"/>
      <c r="EJ586" s="23"/>
      <c r="EK586" s="23"/>
      <c r="EL586" s="23"/>
      <c r="EM586" s="23"/>
      <c r="EN586" s="23"/>
      <c r="EO586" s="23"/>
      <c r="EP586" s="23"/>
      <c r="EQ586" s="23"/>
      <c r="ER586" s="23"/>
      <c r="ES586" s="23"/>
      <c r="ET586" s="23"/>
      <c r="EU586" s="23"/>
      <c r="EV586" s="23"/>
      <c r="EW586" s="23"/>
      <c r="EX586" s="23"/>
      <c r="EY586" s="23"/>
      <c r="EZ586" s="23"/>
      <c r="FA586" s="23"/>
      <c r="FB586" s="23"/>
      <c r="FC586" s="23"/>
      <c r="FD586" s="23"/>
      <c r="FE586" s="23"/>
      <c r="FF586" s="23"/>
      <c r="FG586" s="23"/>
      <c r="FH586" s="23"/>
      <c r="FI586" s="23"/>
      <c r="FJ586" s="23"/>
      <c r="FK586" s="23"/>
      <c r="FL586" s="23"/>
      <c r="FM586" s="23"/>
      <c r="FN586" s="23"/>
      <c r="FO586" s="23"/>
      <c r="FP586" s="23"/>
      <c r="FQ586" s="23"/>
      <c r="FR586" s="23"/>
      <c r="FS586" s="23"/>
      <c r="FT586" s="23"/>
      <c r="FU586" s="23"/>
      <c r="FV586" s="23"/>
      <c r="FW586" s="23"/>
      <c r="FX586" s="23"/>
      <c r="FY586" s="23"/>
      <c r="FZ586" s="23"/>
      <c r="GA586" s="23"/>
      <c r="GB586" s="23"/>
      <c r="GC586" s="23"/>
      <c r="GD586" s="23"/>
      <c r="GE586" s="23"/>
      <c r="GF586" s="23"/>
      <c r="GG586" s="23"/>
      <c r="GH586" s="23"/>
      <c r="GI586" s="23"/>
      <c r="GJ586" s="23"/>
      <c r="GK586" s="23"/>
      <c r="GL586" s="23"/>
      <c r="GM586" s="23"/>
      <c r="GN586" s="23"/>
      <c r="GO586" s="23"/>
      <c r="GP586" s="23"/>
      <c r="GQ586" s="23"/>
      <c r="GR586" s="23"/>
      <c r="GS586" s="23"/>
      <c r="GT586" s="23"/>
      <c r="GU586" s="23"/>
      <c r="GV586" s="23"/>
      <c r="GW586" s="23"/>
      <c r="GX586" s="23"/>
      <c r="GY586" s="23"/>
      <c r="GZ586" s="23"/>
      <c r="HA586" s="23"/>
      <c r="HB586" s="23"/>
      <c r="HC586" s="23"/>
      <c r="HD586" s="23"/>
      <c r="HE586" s="23"/>
      <c r="HF586" s="23"/>
      <c r="HG586" s="23"/>
      <c r="HH586" s="23"/>
      <c r="HI586" s="23"/>
      <c r="HJ586" s="23"/>
      <c r="HK586" s="23"/>
      <c r="HL586" s="23"/>
      <c r="HM586" s="23"/>
      <c r="HN586" s="23"/>
      <c r="HO586" s="23"/>
      <c r="HP586" s="23"/>
      <c r="HQ586" s="23"/>
      <c r="HR586" s="23"/>
      <c r="HS586" s="23"/>
      <c r="HT586" s="23"/>
      <c r="HU586" s="23"/>
      <c r="HV586" s="23"/>
      <c r="HW586" s="23"/>
      <c r="HX586" s="23"/>
      <c r="HY586" s="23"/>
      <c r="HZ586" s="23"/>
      <c r="IA586" s="23"/>
      <c r="IB586" s="23"/>
      <c r="IC586" s="23"/>
      <c r="ID586" s="23"/>
      <c r="IE586" s="23"/>
      <c r="IF586" s="23"/>
      <c r="IG586" s="23"/>
      <c r="IH586" s="23"/>
      <c r="II586" s="23"/>
      <c r="IJ586" s="23"/>
      <c r="IK586" s="23"/>
      <c r="IL586" s="23"/>
      <c r="IM586" s="23"/>
      <c r="IN586" s="23"/>
      <c r="IO586" s="23"/>
      <c r="IP586" s="23"/>
      <c r="IQ586" s="23"/>
    </row>
    <row r="587" spans="1:251" s="50" customFormat="1" ht="18.75" customHeight="1">
      <c r="A587" s="34"/>
      <c r="B587" s="46"/>
      <c r="C587" s="130" t="s">
        <v>125</v>
      </c>
      <c r="D587" s="130"/>
      <c r="E587" s="130"/>
      <c r="F587" s="130"/>
      <c r="G587" s="130"/>
      <c r="H587" s="130"/>
      <c r="I587" s="130"/>
      <c r="J587" s="130"/>
      <c r="K587" s="130"/>
      <c r="L587" s="130"/>
      <c r="M587" s="130"/>
      <c r="N587" s="130"/>
      <c r="O587" s="130"/>
      <c r="P587" s="130"/>
      <c r="Q587" s="130"/>
      <c r="R587" s="130"/>
      <c r="S587" s="130"/>
      <c r="T587" s="130"/>
      <c r="U587" s="130"/>
      <c r="V587" s="130"/>
      <c r="W587" s="130"/>
      <c r="X587" s="130"/>
      <c r="Y587" s="130"/>
      <c r="Z587" s="131"/>
      <c r="AA587" s="132">
        <v>43248</v>
      </c>
      <c r="AB587" s="196"/>
      <c r="AC587" s="196"/>
      <c r="AD587" s="196"/>
      <c r="AE587" s="196"/>
      <c r="AF587" s="196"/>
      <c r="AG587" s="196"/>
      <c r="AH587" s="196"/>
      <c r="AI587" s="197"/>
      <c r="AJ587" s="132">
        <v>69117</v>
      </c>
      <c r="AK587" s="196"/>
      <c r="AL587" s="196"/>
      <c r="AM587" s="196"/>
      <c r="AN587" s="196"/>
      <c r="AO587" s="196"/>
      <c r="AP587" s="196"/>
      <c r="AQ587" s="196"/>
      <c r="AR587" s="197"/>
      <c r="AS587" s="132"/>
      <c r="AT587" s="196"/>
      <c r="AU587" s="196"/>
      <c r="AV587" s="196"/>
      <c r="AW587" s="196"/>
      <c r="AX587" s="202"/>
      <c r="AY587" s="23"/>
      <c r="AZ587" s="23"/>
      <c r="BA587" s="23"/>
      <c r="BB587" s="23"/>
      <c r="BC587" s="23"/>
      <c r="BD587" s="23"/>
      <c r="BE587" s="23"/>
      <c r="BF587" s="23"/>
      <c r="BG587" s="23"/>
      <c r="BH587" s="23"/>
      <c r="BI587" s="23"/>
      <c r="BJ587" s="23"/>
      <c r="BK587" s="23"/>
      <c r="BL587" s="23"/>
      <c r="BM587" s="23"/>
      <c r="BN587" s="23"/>
      <c r="BO587" s="23"/>
      <c r="BP587" s="23"/>
      <c r="BQ587" s="23"/>
      <c r="BR587" s="23"/>
      <c r="BS587" s="23"/>
      <c r="BT587" s="23"/>
      <c r="BU587" s="23"/>
      <c r="BV587" s="23"/>
      <c r="BW587" s="23"/>
      <c r="BX587" s="23"/>
      <c r="BY587" s="23"/>
      <c r="BZ587" s="23"/>
      <c r="CA587" s="23"/>
      <c r="CB587" s="23"/>
      <c r="CC587" s="23"/>
      <c r="CD587" s="23"/>
      <c r="CE587" s="23"/>
      <c r="CF587" s="23"/>
      <c r="CG587" s="23"/>
      <c r="CH587" s="23"/>
      <c r="CI587" s="23"/>
      <c r="CJ587" s="23"/>
      <c r="CK587" s="23"/>
      <c r="CL587" s="23"/>
      <c r="CM587" s="23"/>
      <c r="CN587" s="23"/>
      <c r="CO587" s="23"/>
      <c r="CP587" s="23"/>
      <c r="CQ587" s="23"/>
      <c r="CR587" s="23"/>
      <c r="CS587" s="23"/>
      <c r="CT587" s="23"/>
      <c r="CU587" s="23"/>
      <c r="CV587" s="23"/>
      <c r="CW587" s="23"/>
      <c r="CX587" s="23"/>
      <c r="CY587" s="23"/>
      <c r="CZ587" s="23"/>
      <c r="DA587" s="23"/>
      <c r="DB587" s="23"/>
      <c r="DC587" s="23"/>
      <c r="DD587" s="23"/>
      <c r="DE587" s="23"/>
      <c r="DF587" s="23"/>
      <c r="DG587" s="23"/>
      <c r="DH587" s="23"/>
      <c r="DI587" s="23"/>
      <c r="DJ587" s="23"/>
      <c r="DK587" s="23"/>
      <c r="DL587" s="23"/>
      <c r="DM587" s="23"/>
      <c r="DN587" s="23"/>
      <c r="DO587" s="23"/>
      <c r="DP587" s="23"/>
      <c r="DQ587" s="23"/>
      <c r="DR587" s="23"/>
      <c r="DS587" s="23"/>
      <c r="DT587" s="23"/>
      <c r="DU587" s="23"/>
      <c r="DV587" s="23"/>
      <c r="DW587" s="23"/>
      <c r="DX587" s="23"/>
      <c r="DY587" s="23"/>
      <c r="DZ587" s="23"/>
      <c r="EA587" s="23"/>
      <c r="EB587" s="23"/>
      <c r="EC587" s="23"/>
      <c r="ED587" s="23"/>
      <c r="EE587" s="23"/>
      <c r="EF587" s="23"/>
      <c r="EG587" s="23"/>
      <c r="EH587" s="23"/>
      <c r="EI587" s="23"/>
      <c r="EJ587" s="23"/>
      <c r="EK587" s="23"/>
      <c r="EL587" s="23"/>
      <c r="EM587" s="23"/>
      <c r="EN587" s="23"/>
      <c r="EO587" s="23"/>
      <c r="EP587" s="23"/>
      <c r="EQ587" s="23"/>
      <c r="ER587" s="23"/>
      <c r="ES587" s="23"/>
      <c r="ET587" s="23"/>
      <c r="EU587" s="23"/>
      <c r="EV587" s="23"/>
      <c r="EW587" s="23"/>
      <c r="EX587" s="23"/>
      <c r="EY587" s="23"/>
      <c r="EZ587" s="23"/>
      <c r="FA587" s="23"/>
      <c r="FB587" s="23"/>
      <c r="FC587" s="23"/>
      <c r="FD587" s="23"/>
      <c r="FE587" s="23"/>
      <c r="FF587" s="23"/>
      <c r="FG587" s="23"/>
      <c r="FH587" s="23"/>
      <c r="FI587" s="23"/>
      <c r="FJ587" s="23"/>
      <c r="FK587" s="23"/>
      <c r="FL587" s="23"/>
      <c r="FM587" s="23"/>
      <c r="FN587" s="23"/>
      <c r="FO587" s="23"/>
      <c r="FP587" s="23"/>
      <c r="FQ587" s="23"/>
      <c r="FR587" s="23"/>
      <c r="FS587" s="23"/>
      <c r="FT587" s="23"/>
      <c r="FU587" s="23"/>
      <c r="FV587" s="23"/>
      <c r="FW587" s="23"/>
      <c r="FX587" s="23"/>
      <c r="FY587" s="23"/>
      <c r="FZ587" s="23"/>
      <c r="GA587" s="23"/>
      <c r="GB587" s="23"/>
      <c r="GC587" s="23"/>
      <c r="GD587" s="23"/>
      <c r="GE587" s="23"/>
      <c r="GF587" s="23"/>
      <c r="GG587" s="23"/>
      <c r="GH587" s="23"/>
      <c r="GI587" s="23"/>
      <c r="GJ587" s="23"/>
      <c r="GK587" s="23"/>
      <c r="GL587" s="23"/>
      <c r="GM587" s="23"/>
      <c r="GN587" s="23"/>
      <c r="GO587" s="23"/>
      <c r="GP587" s="23"/>
      <c r="GQ587" s="23"/>
      <c r="GR587" s="23"/>
      <c r="GS587" s="23"/>
      <c r="GT587" s="23"/>
      <c r="GU587" s="23"/>
      <c r="GV587" s="23"/>
      <c r="GW587" s="23"/>
      <c r="GX587" s="23"/>
      <c r="GY587" s="23"/>
      <c r="GZ587" s="23"/>
      <c r="HA587" s="23"/>
      <c r="HB587" s="23"/>
      <c r="HC587" s="23"/>
      <c r="HD587" s="23"/>
      <c r="HE587" s="23"/>
      <c r="HF587" s="23"/>
      <c r="HG587" s="23"/>
      <c r="HH587" s="23"/>
      <c r="HI587" s="23"/>
      <c r="HJ587" s="23"/>
      <c r="HK587" s="23"/>
      <c r="HL587" s="23"/>
      <c r="HM587" s="23"/>
      <c r="HN587" s="23"/>
      <c r="HO587" s="23"/>
      <c r="HP587" s="23"/>
      <c r="HQ587" s="23"/>
      <c r="HR587" s="23"/>
      <c r="HS587" s="23"/>
      <c r="HT587" s="23"/>
      <c r="HU587" s="23"/>
      <c r="HV587" s="23"/>
      <c r="HW587" s="23"/>
      <c r="HX587" s="23"/>
      <c r="HY587" s="23"/>
      <c r="HZ587" s="23"/>
      <c r="IA587" s="23"/>
      <c r="IB587" s="23"/>
      <c r="IC587" s="23"/>
      <c r="ID587" s="23"/>
      <c r="IE587" s="23"/>
      <c r="IF587" s="23"/>
      <c r="IG587" s="23"/>
      <c r="IH587" s="23"/>
      <c r="II587" s="23"/>
      <c r="IJ587" s="23"/>
      <c r="IK587" s="23"/>
      <c r="IL587" s="23"/>
      <c r="IM587" s="23"/>
      <c r="IN587" s="23"/>
      <c r="IO587" s="23"/>
      <c r="IP587" s="23"/>
      <c r="IQ587" s="23"/>
    </row>
    <row r="588" spans="1:251" s="50" customFormat="1" ht="18.75" customHeight="1">
      <c r="A588" s="34"/>
      <c r="B588" s="47"/>
      <c r="C588" s="130"/>
      <c r="D588" s="130"/>
      <c r="E588" s="130"/>
      <c r="F588" s="130"/>
      <c r="G588" s="130"/>
      <c r="H588" s="130"/>
      <c r="I588" s="130"/>
      <c r="J588" s="130"/>
      <c r="K588" s="130"/>
      <c r="L588" s="130"/>
      <c r="M588" s="130"/>
      <c r="N588" s="130"/>
      <c r="O588" s="130"/>
      <c r="P588" s="130"/>
      <c r="Q588" s="130"/>
      <c r="R588" s="130"/>
      <c r="S588" s="130"/>
      <c r="T588" s="130"/>
      <c r="U588" s="130"/>
      <c r="V588" s="130"/>
      <c r="W588" s="130"/>
      <c r="X588" s="130"/>
      <c r="Y588" s="130"/>
      <c r="Z588" s="131"/>
      <c r="AA588" s="132"/>
      <c r="AB588" s="200"/>
      <c r="AC588" s="200"/>
      <c r="AD588" s="200"/>
      <c r="AE588" s="200"/>
      <c r="AF588" s="200"/>
      <c r="AG588" s="200"/>
      <c r="AH588" s="200"/>
      <c r="AI588" s="201"/>
      <c r="AJ588" s="132"/>
      <c r="AK588" s="196"/>
      <c r="AL588" s="196"/>
      <c r="AM588" s="196"/>
      <c r="AN588" s="196"/>
      <c r="AO588" s="196"/>
      <c r="AP588" s="196"/>
      <c r="AQ588" s="196"/>
      <c r="AR588" s="197"/>
      <c r="AS588" s="132"/>
      <c r="AT588" s="196"/>
      <c r="AU588" s="196"/>
      <c r="AV588" s="196"/>
      <c r="AW588" s="196"/>
      <c r="AX588" s="202"/>
      <c r="AY588" s="23"/>
      <c r="AZ588" s="23"/>
      <c r="BA588" s="23"/>
      <c r="BB588" s="23"/>
      <c r="BC588" s="23"/>
      <c r="BD588" s="23"/>
      <c r="BE588" s="23"/>
      <c r="BF588" s="23"/>
      <c r="BG588" s="23"/>
      <c r="BH588" s="23"/>
      <c r="BI588" s="23"/>
      <c r="BJ588" s="23"/>
      <c r="BK588" s="23"/>
      <c r="BL588" s="23"/>
      <c r="BM588" s="23"/>
      <c r="BN588" s="23"/>
      <c r="BO588" s="23"/>
      <c r="BP588" s="23"/>
      <c r="BQ588" s="23"/>
      <c r="BR588" s="23"/>
      <c r="BS588" s="23"/>
      <c r="BT588" s="23"/>
      <c r="BU588" s="23"/>
      <c r="BV588" s="23"/>
      <c r="BW588" s="23"/>
      <c r="BX588" s="23"/>
      <c r="BY588" s="23"/>
      <c r="BZ588" s="23"/>
      <c r="CA588" s="23"/>
      <c r="CB588" s="23"/>
      <c r="CC588" s="23"/>
      <c r="CD588" s="23"/>
      <c r="CE588" s="23"/>
      <c r="CF588" s="23"/>
      <c r="CG588" s="23"/>
      <c r="CH588" s="23"/>
      <c r="CI588" s="23"/>
      <c r="CJ588" s="23"/>
      <c r="CK588" s="23"/>
      <c r="CL588" s="23"/>
      <c r="CM588" s="23"/>
      <c r="CN588" s="23"/>
      <c r="CO588" s="23"/>
      <c r="CP588" s="23"/>
      <c r="CQ588" s="23"/>
      <c r="CR588" s="23"/>
      <c r="CS588" s="23"/>
      <c r="CT588" s="23"/>
      <c r="CU588" s="23"/>
      <c r="CV588" s="23"/>
      <c r="CW588" s="23"/>
      <c r="CX588" s="23"/>
      <c r="CY588" s="23"/>
      <c r="CZ588" s="23"/>
      <c r="DA588" s="23"/>
      <c r="DB588" s="23"/>
      <c r="DC588" s="23"/>
      <c r="DD588" s="23"/>
      <c r="DE588" s="23"/>
      <c r="DF588" s="23"/>
      <c r="DG588" s="23"/>
      <c r="DH588" s="23"/>
      <c r="DI588" s="23"/>
      <c r="DJ588" s="23"/>
      <c r="DK588" s="23"/>
      <c r="DL588" s="23"/>
      <c r="DM588" s="23"/>
      <c r="DN588" s="23"/>
      <c r="DO588" s="23"/>
      <c r="DP588" s="23"/>
      <c r="DQ588" s="23"/>
      <c r="DR588" s="23"/>
      <c r="DS588" s="23"/>
      <c r="DT588" s="23"/>
      <c r="DU588" s="23"/>
      <c r="DV588" s="23"/>
      <c r="DW588" s="23"/>
      <c r="DX588" s="23"/>
      <c r="DY588" s="23"/>
      <c r="DZ588" s="23"/>
      <c r="EA588" s="23"/>
      <c r="EB588" s="23"/>
      <c r="EC588" s="23"/>
      <c r="ED588" s="23"/>
      <c r="EE588" s="23"/>
      <c r="EF588" s="23"/>
      <c r="EG588" s="23"/>
      <c r="EH588" s="23"/>
      <c r="EI588" s="23"/>
      <c r="EJ588" s="23"/>
      <c r="EK588" s="23"/>
      <c r="EL588" s="23"/>
      <c r="EM588" s="23"/>
      <c r="EN588" s="23"/>
      <c r="EO588" s="23"/>
      <c r="EP588" s="23"/>
      <c r="EQ588" s="23"/>
      <c r="ER588" s="23"/>
      <c r="ES588" s="23"/>
      <c r="ET588" s="23"/>
      <c r="EU588" s="23"/>
      <c r="EV588" s="23"/>
      <c r="EW588" s="23"/>
      <c r="EX588" s="23"/>
      <c r="EY588" s="23"/>
      <c r="EZ588" s="23"/>
      <c r="FA588" s="23"/>
      <c r="FB588" s="23"/>
      <c r="FC588" s="23"/>
      <c r="FD588" s="23"/>
      <c r="FE588" s="23"/>
      <c r="FF588" s="23"/>
      <c r="FG588" s="23"/>
      <c r="FH588" s="23"/>
      <c r="FI588" s="23"/>
      <c r="FJ588" s="23"/>
      <c r="FK588" s="23"/>
      <c r="FL588" s="23"/>
      <c r="FM588" s="23"/>
      <c r="FN588" s="23"/>
      <c r="FO588" s="23"/>
      <c r="FP588" s="23"/>
      <c r="FQ588" s="23"/>
      <c r="FR588" s="23"/>
      <c r="FS588" s="23"/>
      <c r="FT588" s="23"/>
      <c r="FU588" s="23"/>
      <c r="FV588" s="23"/>
      <c r="FW588" s="23"/>
      <c r="FX588" s="23"/>
      <c r="FY588" s="23"/>
      <c r="FZ588" s="23"/>
      <c r="GA588" s="23"/>
      <c r="GB588" s="23"/>
      <c r="GC588" s="23"/>
      <c r="GD588" s="23"/>
      <c r="GE588" s="23"/>
      <c r="GF588" s="23"/>
      <c r="GG588" s="23"/>
      <c r="GH588" s="23"/>
      <c r="GI588" s="23"/>
      <c r="GJ588" s="23"/>
      <c r="GK588" s="23"/>
      <c r="GL588" s="23"/>
      <c r="GM588" s="23"/>
      <c r="GN588" s="23"/>
      <c r="GO588" s="23"/>
      <c r="GP588" s="23"/>
      <c r="GQ588" s="23"/>
      <c r="GR588" s="23"/>
      <c r="GS588" s="23"/>
      <c r="GT588" s="23"/>
      <c r="GU588" s="23"/>
      <c r="GV588" s="23"/>
      <c r="GW588" s="23"/>
      <c r="GX588" s="23"/>
      <c r="GY588" s="23"/>
      <c r="GZ588" s="23"/>
      <c r="HA588" s="23"/>
      <c r="HB588" s="23"/>
      <c r="HC588" s="23"/>
      <c r="HD588" s="23"/>
      <c r="HE588" s="23"/>
      <c r="HF588" s="23"/>
      <c r="HG588" s="23"/>
      <c r="HH588" s="23"/>
      <c r="HI588" s="23"/>
      <c r="HJ588" s="23"/>
      <c r="HK588" s="23"/>
      <c r="HL588" s="23"/>
      <c r="HM588" s="23"/>
      <c r="HN588" s="23"/>
      <c r="HO588" s="23"/>
      <c r="HP588" s="23"/>
      <c r="HQ588" s="23"/>
      <c r="HR588" s="23"/>
      <c r="HS588" s="23"/>
      <c r="HT588" s="23"/>
      <c r="HU588" s="23"/>
      <c r="HV588" s="23"/>
      <c r="HW588" s="23"/>
      <c r="HX588" s="23"/>
      <c r="HY588" s="23"/>
      <c r="HZ588" s="23"/>
      <c r="IA588" s="23"/>
      <c r="IB588" s="23"/>
      <c r="IC588" s="23"/>
      <c r="ID588" s="23"/>
      <c r="IE588" s="23"/>
      <c r="IF588" s="23"/>
      <c r="IG588" s="23"/>
      <c r="IH588" s="23"/>
      <c r="II588" s="23"/>
      <c r="IJ588" s="23"/>
      <c r="IK588" s="23"/>
      <c r="IL588" s="23"/>
      <c r="IM588" s="23"/>
      <c r="IN588" s="23"/>
      <c r="IO588" s="23"/>
      <c r="IP588" s="23"/>
      <c r="IQ588" s="23"/>
    </row>
    <row r="589" spans="1:251" s="50" customFormat="1" ht="18.75" customHeight="1">
      <c r="A589" s="34"/>
      <c r="B589" s="47"/>
      <c r="C589" s="130"/>
      <c r="D589" s="130"/>
      <c r="E589" s="130"/>
      <c r="F589" s="130"/>
      <c r="G589" s="130"/>
      <c r="H589" s="130"/>
      <c r="I589" s="130"/>
      <c r="J589" s="130"/>
      <c r="K589" s="130"/>
      <c r="L589" s="130"/>
      <c r="M589" s="130"/>
      <c r="N589" s="130"/>
      <c r="O589" s="130"/>
      <c r="P589" s="130"/>
      <c r="Q589" s="130"/>
      <c r="R589" s="130"/>
      <c r="S589" s="130"/>
      <c r="T589" s="130"/>
      <c r="U589" s="130"/>
      <c r="V589" s="130"/>
      <c r="W589" s="130"/>
      <c r="X589" s="130"/>
      <c r="Y589" s="130"/>
      <c r="Z589" s="131"/>
      <c r="AA589" s="132"/>
      <c r="AB589" s="200"/>
      <c r="AC589" s="200"/>
      <c r="AD589" s="200"/>
      <c r="AE589" s="200"/>
      <c r="AF589" s="200"/>
      <c r="AG589" s="200"/>
      <c r="AH589" s="200"/>
      <c r="AI589" s="201"/>
      <c r="AJ589" s="132"/>
      <c r="AK589" s="196"/>
      <c r="AL589" s="196"/>
      <c r="AM589" s="196"/>
      <c r="AN589" s="196"/>
      <c r="AO589" s="196"/>
      <c r="AP589" s="196"/>
      <c r="AQ589" s="196"/>
      <c r="AR589" s="197"/>
      <c r="AS589" s="132"/>
      <c r="AT589" s="196"/>
      <c r="AU589" s="196"/>
      <c r="AV589" s="196"/>
      <c r="AW589" s="196"/>
      <c r="AX589" s="202"/>
      <c r="AY589" s="23"/>
      <c r="AZ589" s="23"/>
      <c r="BA589" s="23"/>
      <c r="BB589" s="23"/>
      <c r="BC589" s="23"/>
      <c r="BD589" s="23"/>
      <c r="BE589" s="23"/>
      <c r="BF589" s="23"/>
      <c r="BG589" s="23"/>
      <c r="BH589" s="23"/>
      <c r="BI589" s="23"/>
      <c r="BJ589" s="23"/>
      <c r="BK589" s="23"/>
      <c r="BL589" s="23"/>
      <c r="BM589" s="23"/>
      <c r="BN589" s="23"/>
      <c r="BO589" s="23"/>
      <c r="BP589" s="23"/>
      <c r="BQ589" s="23"/>
      <c r="BR589" s="23"/>
      <c r="BS589" s="23"/>
      <c r="BT589" s="23"/>
      <c r="BU589" s="23"/>
      <c r="BV589" s="23"/>
      <c r="BW589" s="23"/>
      <c r="BX589" s="23"/>
      <c r="BY589" s="23"/>
      <c r="BZ589" s="23"/>
      <c r="CA589" s="23"/>
      <c r="CB589" s="23"/>
      <c r="CC589" s="23"/>
      <c r="CD589" s="23"/>
      <c r="CE589" s="23"/>
      <c r="CF589" s="23"/>
      <c r="CG589" s="23"/>
      <c r="CH589" s="23"/>
      <c r="CI589" s="23"/>
      <c r="CJ589" s="23"/>
      <c r="CK589" s="23"/>
      <c r="CL589" s="23"/>
      <c r="CM589" s="23"/>
      <c r="CN589" s="23"/>
      <c r="CO589" s="23"/>
      <c r="CP589" s="23"/>
      <c r="CQ589" s="23"/>
      <c r="CR589" s="23"/>
      <c r="CS589" s="23"/>
      <c r="CT589" s="23"/>
      <c r="CU589" s="23"/>
      <c r="CV589" s="23"/>
      <c r="CW589" s="23"/>
      <c r="CX589" s="23"/>
      <c r="CY589" s="23"/>
      <c r="CZ589" s="23"/>
      <c r="DA589" s="23"/>
      <c r="DB589" s="23"/>
      <c r="DC589" s="23"/>
      <c r="DD589" s="23"/>
      <c r="DE589" s="23"/>
      <c r="DF589" s="23"/>
      <c r="DG589" s="23"/>
      <c r="DH589" s="23"/>
      <c r="DI589" s="23"/>
      <c r="DJ589" s="23"/>
      <c r="DK589" s="23"/>
      <c r="DL589" s="23"/>
      <c r="DM589" s="23"/>
      <c r="DN589" s="23"/>
      <c r="DO589" s="23"/>
      <c r="DP589" s="23"/>
      <c r="DQ589" s="23"/>
      <c r="DR589" s="23"/>
      <c r="DS589" s="23"/>
      <c r="DT589" s="23"/>
      <c r="DU589" s="23"/>
      <c r="DV589" s="23"/>
      <c r="DW589" s="23"/>
      <c r="DX589" s="23"/>
      <c r="DY589" s="23"/>
      <c r="DZ589" s="23"/>
      <c r="EA589" s="23"/>
      <c r="EB589" s="23"/>
      <c r="EC589" s="23"/>
      <c r="ED589" s="23"/>
      <c r="EE589" s="23"/>
      <c r="EF589" s="23"/>
      <c r="EG589" s="23"/>
      <c r="EH589" s="23"/>
      <c r="EI589" s="23"/>
      <c r="EJ589" s="23"/>
      <c r="EK589" s="23"/>
      <c r="EL589" s="23"/>
      <c r="EM589" s="23"/>
      <c r="EN589" s="23"/>
      <c r="EO589" s="23"/>
      <c r="EP589" s="23"/>
      <c r="EQ589" s="23"/>
      <c r="ER589" s="23"/>
      <c r="ES589" s="23"/>
      <c r="ET589" s="23"/>
      <c r="EU589" s="23"/>
      <c r="EV589" s="23"/>
      <c r="EW589" s="23"/>
      <c r="EX589" s="23"/>
      <c r="EY589" s="23"/>
      <c r="EZ589" s="23"/>
      <c r="FA589" s="23"/>
      <c r="FB589" s="23"/>
      <c r="FC589" s="23"/>
      <c r="FD589" s="23"/>
      <c r="FE589" s="23"/>
      <c r="FF589" s="23"/>
      <c r="FG589" s="23"/>
      <c r="FH589" s="23"/>
      <c r="FI589" s="23"/>
      <c r="FJ589" s="23"/>
      <c r="FK589" s="23"/>
      <c r="FL589" s="23"/>
      <c r="FM589" s="23"/>
      <c r="FN589" s="23"/>
      <c r="FO589" s="23"/>
      <c r="FP589" s="23"/>
      <c r="FQ589" s="23"/>
      <c r="FR589" s="23"/>
      <c r="FS589" s="23"/>
      <c r="FT589" s="23"/>
      <c r="FU589" s="23"/>
      <c r="FV589" s="23"/>
      <c r="FW589" s="23"/>
      <c r="FX589" s="23"/>
      <c r="FY589" s="23"/>
      <c r="FZ589" s="23"/>
      <c r="GA589" s="23"/>
      <c r="GB589" s="23"/>
      <c r="GC589" s="23"/>
      <c r="GD589" s="23"/>
      <c r="GE589" s="23"/>
      <c r="GF589" s="23"/>
      <c r="GG589" s="23"/>
      <c r="GH589" s="23"/>
      <c r="GI589" s="23"/>
      <c r="GJ589" s="23"/>
      <c r="GK589" s="23"/>
      <c r="GL589" s="23"/>
      <c r="GM589" s="23"/>
      <c r="GN589" s="23"/>
      <c r="GO589" s="23"/>
      <c r="GP589" s="23"/>
      <c r="GQ589" s="23"/>
      <c r="GR589" s="23"/>
      <c r="GS589" s="23"/>
      <c r="GT589" s="23"/>
      <c r="GU589" s="23"/>
      <c r="GV589" s="23"/>
      <c r="GW589" s="23"/>
      <c r="GX589" s="23"/>
      <c r="GY589" s="23"/>
      <c r="GZ589" s="23"/>
      <c r="HA589" s="23"/>
      <c r="HB589" s="23"/>
      <c r="HC589" s="23"/>
      <c r="HD589" s="23"/>
      <c r="HE589" s="23"/>
      <c r="HF589" s="23"/>
      <c r="HG589" s="23"/>
      <c r="HH589" s="23"/>
      <c r="HI589" s="23"/>
      <c r="HJ589" s="23"/>
      <c r="HK589" s="23"/>
      <c r="HL589" s="23"/>
      <c r="HM589" s="23"/>
      <c r="HN589" s="23"/>
      <c r="HO589" s="23"/>
      <c r="HP589" s="23"/>
      <c r="HQ589" s="23"/>
      <c r="HR589" s="23"/>
      <c r="HS589" s="23"/>
      <c r="HT589" s="23"/>
      <c r="HU589" s="23"/>
      <c r="HV589" s="23"/>
      <c r="HW589" s="23"/>
      <c r="HX589" s="23"/>
      <c r="HY589" s="23"/>
      <c r="HZ589" s="23"/>
      <c r="IA589" s="23"/>
      <c r="IB589" s="23"/>
      <c r="IC589" s="23"/>
      <c r="ID589" s="23"/>
      <c r="IE589" s="23"/>
      <c r="IF589" s="23"/>
      <c r="IG589" s="23"/>
      <c r="IH589" s="23"/>
      <c r="II589" s="23"/>
      <c r="IJ589" s="23"/>
      <c r="IK589" s="23"/>
      <c r="IL589" s="23"/>
      <c r="IM589" s="23"/>
      <c r="IN589" s="23"/>
      <c r="IO589" s="23"/>
      <c r="IP589" s="23"/>
      <c r="IQ589" s="23"/>
    </row>
    <row r="590" spans="1:251" s="50" customFormat="1" ht="18.75" customHeight="1">
      <c r="A590" s="34"/>
      <c r="B590" s="47"/>
      <c r="C590" s="130"/>
      <c r="D590" s="130"/>
      <c r="E590" s="130"/>
      <c r="F590" s="130"/>
      <c r="G590" s="130"/>
      <c r="H590" s="130"/>
      <c r="I590" s="130"/>
      <c r="J590" s="130"/>
      <c r="K590" s="130"/>
      <c r="L590" s="130"/>
      <c r="M590" s="130"/>
      <c r="N590" s="130"/>
      <c r="O590" s="130"/>
      <c r="P590" s="130"/>
      <c r="Q590" s="130"/>
      <c r="R590" s="130"/>
      <c r="S590" s="130"/>
      <c r="T590" s="130"/>
      <c r="U590" s="130"/>
      <c r="V590" s="130"/>
      <c r="W590" s="130"/>
      <c r="X590" s="130"/>
      <c r="Y590" s="130"/>
      <c r="Z590" s="131"/>
      <c r="AA590" s="132"/>
      <c r="AB590" s="200"/>
      <c r="AC590" s="200"/>
      <c r="AD590" s="200"/>
      <c r="AE590" s="200"/>
      <c r="AF590" s="200"/>
      <c r="AG590" s="200"/>
      <c r="AH590" s="200"/>
      <c r="AI590" s="201"/>
      <c r="AJ590" s="132"/>
      <c r="AK590" s="196"/>
      <c r="AL590" s="196"/>
      <c r="AM590" s="196"/>
      <c r="AN590" s="196"/>
      <c r="AO590" s="196"/>
      <c r="AP590" s="196"/>
      <c r="AQ590" s="196"/>
      <c r="AR590" s="197"/>
      <c r="AS590" s="132"/>
      <c r="AT590" s="196"/>
      <c r="AU590" s="196"/>
      <c r="AV590" s="196"/>
      <c r="AW590" s="196"/>
      <c r="AX590" s="202"/>
      <c r="AY590" s="23"/>
      <c r="AZ590" s="23"/>
      <c r="BA590" s="23"/>
      <c r="BB590" s="23"/>
      <c r="BC590" s="23"/>
      <c r="BD590" s="23"/>
      <c r="BE590" s="23"/>
      <c r="BF590" s="23"/>
      <c r="BG590" s="23"/>
      <c r="BH590" s="23"/>
      <c r="BI590" s="23"/>
      <c r="BJ590" s="23"/>
      <c r="BK590" s="23"/>
      <c r="BL590" s="23"/>
      <c r="BM590" s="23"/>
      <c r="BN590" s="23"/>
      <c r="BO590" s="23"/>
      <c r="BP590" s="23"/>
      <c r="BQ590" s="23"/>
      <c r="BR590" s="23"/>
      <c r="BS590" s="23"/>
      <c r="BT590" s="23"/>
      <c r="BU590" s="23"/>
      <c r="BV590" s="23"/>
      <c r="BW590" s="23"/>
      <c r="BX590" s="23"/>
      <c r="BY590" s="23"/>
      <c r="BZ590" s="23"/>
      <c r="CA590" s="23"/>
      <c r="CB590" s="23"/>
      <c r="CC590" s="23"/>
      <c r="CD590" s="23"/>
      <c r="CE590" s="23"/>
      <c r="CF590" s="23"/>
      <c r="CG590" s="23"/>
      <c r="CH590" s="23"/>
      <c r="CI590" s="23"/>
      <c r="CJ590" s="23"/>
      <c r="CK590" s="23"/>
      <c r="CL590" s="23"/>
      <c r="CM590" s="23"/>
      <c r="CN590" s="23"/>
      <c r="CO590" s="23"/>
      <c r="CP590" s="23"/>
      <c r="CQ590" s="23"/>
      <c r="CR590" s="23"/>
      <c r="CS590" s="23"/>
      <c r="CT590" s="23"/>
      <c r="CU590" s="23"/>
      <c r="CV590" s="23"/>
      <c r="CW590" s="23"/>
      <c r="CX590" s="23"/>
      <c r="CY590" s="23"/>
      <c r="CZ590" s="23"/>
      <c r="DA590" s="23"/>
      <c r="DB590" s="23"/>
      <c r="DC590" s="23"/>
      <c r="DD590" s="23"/>
      <c r="DE590" s="23"/>
      <c r="DF590" s="23"/>
      <c r="DG590" s="23"/>
      <c r="DH590" s="23"/>
      <c r="DI590" s="23"/>
      <c r="DJ590" s="23"/>
      <c r="DK590" s="23"/>
      <c r="DL590" s="23"/>
      <c r="DM590" s="23"/>
      <c r="DN590" s="23"/>
      <c r="DO590" s="23"/>
      <c r="DP590" s="23"/>
      <c r="DQ590" s="23"/>
      <c r="DR590" s="23"/>
      <c r="DS590" s="23"/>
      <c r="DT590" s="23"/>
      <c r="DU590" s="23"/>
      <c r="DV590" s="23"/>
      <c r="DW590" s="23"/>
      <c r="DX590" s="23"/>
      <c r="DY590" s="23"/>
      <c r="DZ590" s="23"/>
      <c r="EA590" s="23"/>
      <c r="EB590" s="23"/>
      <c r="EC590" s="23"/>
      <c r="ED590" s="23"/>
      <c r="EE590" s="23"/>
      <c r="EF590" s="23"/>
      <c r="EG590" s="23"/>
      <c r="EH590" s="23"/>
      <c r="EI590" s="23"/>
      <c r="EJ590" s="23"/>
      <c r="EK590" s="23"/>
      <c r="EL590" s="23"/>
      <c r="EM590" s="23"/>
      <c r="EN590" s="23"/>
      <c r="EO590" s="23"/>
      <c r="EP590" s="23"/>
      <c r="EQ590" s="23"/>
      <c r="ER590" s="23"/>
      <c r="ES590" s="23"/>
      <c r="ET590" s="23"/>
      <c r="EU590" s="23"/>
      <c r="EV590" s="23"/>
      <c r="EW590" s="23"/>
      <c r="EX590" s="23"/>
      <c r="EY590" s="23"/>
      <c r="EZ590" s="23"/>
      <c r="FA590" s="23"/>
      <c r="FB590" s="23"/>
      <c r="FC590" s="23"/>
      <c r="FD590" s="23"/>
      <c r="FE590" s="23"/>
      <c r="FF590" s="23"/>
      <c r="FG590" s="23"/>
      <c r="FH590" s="23"/>
      <c r="FI590" s="23"/>
      <c r="FJ590" s="23"/>
      <c r="FK590" s="23"/>
      <c r="FL590" s="23"/>
      <c r="FM590" s="23"/>
      <c r="FN590" s="23"/>
      <c r="FO590" s="23"/>
      <c r="FP590" s="23"/>
      <c r="FQ590" s="23"/>
      <c r="FR590" s="23"/>
      <c r="FS590" s="23"/>
      <c r="FT590" s="23"/>
      <c r="FU590" s="23"/>
      <c r="FV590" s="23"/>
      <c r="FW590" s="23"/>
      <c r="FX590" s="23"/>
      <c r="FY590" s="23"/>
      <c r="FZ590" s="23"/>
      <c r="GA590" s="23"/>
      <c r="GB590" s="23"/>
      <c r="GC590" s="23"/>
      <c r="GD590" s="23"/>
      <c r="GE590" s="23"/>
      <c r="GF590" s="23"/>
      <c r="GG590" s="23"/>
      <c r="GH590" s="23"/>
      <c r="GI590" s="23"/>
      <c r="GJ590" s="23"/>
      <c r="GK590" s="23"/>
      <c r="GL590" s="23"/>
      <c r="GM590" s="23"/>
      <c r="GN590" s="23"/>
      <c r="GO590" s="23"/>
      <c r="GP590" s="23"/>
      <c r="GQ590" s="23"/>
      <c r="GR590" s="23"/>
      <c r="GS590" s="23"/>
      <c r="GT590" s="23"/>
      <c r="GU590" s="23"/>
      <c r="GV590" s="23"/>
      <c r="GW590" s="23"/>
      <c r="GX590" s="23"/>
      <c r="GY590" s="23"/>
      <c r="GZ590" s="23"/>
      <c r="HA590" s="23"/>
      <c r="HB590" s="23"/>
      <c r="HC590" s="23"/>
      <c r="HD590" s="23"/>
      <c r="HE590" s="23"/>
      <c r="HF590" s="23"/>
      <c r="HG590" s="23"/>
      <c r="HH590" s="23"/>
      <c r="HI590" s="23"/>
      <c r="HJ590" s="23"/>
      <c r="HK590" s="23"/>
      <c r="HL590" s="23"/>
      <c r="HM590" s="23"/>
      <c r="HN590" s="23"/>
      <c r="HO590" s="23"/>
      <c r="HP590" s="23"/>
      <c r="HQ590" s="23"/>
      <c r="HR590" s="23"/>
      <c r="HS590" s="23"/>
      <c r="HT590" s="23"/>
      <c r="HU590" s="23"/>
      <c r="HV590" s="23"/>
      <c r="HW590" s="23"/>
      <c r="HX590" s="23"/>
      <c r="HY590" s="23"/>
      <c r="HZ590" s="23"/>
      <c r="IA590" s="23"/>
      <c r="IB590" s="23"/>
      <c r="IC590" s="23"/>
      <c r="ID590" s="23"/>
      <c r="IE590" s="23"/>
      <c r="IF590" s="23"/>
      <c r="IG590" s="23"/>
      <c r="IH590" s="23"/>
      <c r="II590" s="23"/>
      <c r="IJ590" s="23"/>
      <c r="IK590" s="23"/>
      <c r="IL590" s="23"/>
      <c r="IM590" s="23"/>
      <c r="IN590" s="23"/>
      <c r="IO590" s="23"/>
      <c r="IP590" s="23"/>
      <c r="IQ590" s="23"/>
    </row>
    <row r="591" spans="1:251" s="50" customFormat="1" ht="18.75" customHeight="1">
      <c r="A591" s="34"/>
      <c r="B591" s="48"/>
      <c r="C591" s="130"/>
      <c r="D591" s="130"/>
      <c r="E591" s="130"/>
      <c r="F591" s="130"/>
      <c r="G591" s="130"/>
      <c r="H591" s="130"/>
      <c r="I591" s="130"/>
      <c r="J591" s="130"/>
      <c r="K591" s="130"/>
      <c r="L591" s="130"/>
      <c r="M591" s="130"/>
      <c r="N591" s="130"/>
      <c r="O591" s="130"/>
      <c r="P591" s="130"/>
      <c r="Q591" s="130"/>
      <c r="R591" s="130"/>
      <c r="S591" s="130"/>
      <c r="T591" s="130"/>
      <c r="U591" s="130"/>
      <c r="V591" s="130"/>
      <c r="W591" s="130"/>
      <c r="X591" s="130"/>
      <c r="Y591" s="130"/>
      <c r="Z591" s="131"/>
      <c r="AA591" s="132"/>
      <c r="AB591" s="200"/>
      <c r="AC591" s="200"/>
      <c r="AD591" s="200"/>
      <c r="AE591" s="200"/>
      <c r="AF591" s="200"/>
      <c r="AG591" s="200"/>
      <c r="AH591" s="200"/>
      <c r="AI591" s="201"/>
      <c r="AJ591" s="132"/>
      <c r="AK591" s="196"/>
      <c r="AL591" s="196"/>
      <c r="AM591" s="196"/>
      <c r="AN591" s="196"/>
      <c r="AO591" s="196"/>
      <c r="AP591" s="196"/>
      <c r="AQ591" s="196"/>
      <c r="AR591" s="197"/>
      <c r="AS591" s="136"/>
      <c r="AT591" s="198"/>
      <c r="AU591" s="198"/>
      <c r="AV591" s="198"/>
      <c r="AW591" s="198"/>
      <c r="AX591" s="199"/>
      <c r="AY591" s="23"/>
      <c r="AZ591" s="23"/>
      <c r="BA591" s="23"/>
      <c r="BB591" s="23"/>
      <c r="BC591" s="23"/>
      <c r="BD591" s="23"/>
      <c r="BE591" s="23"/>
      <c r="BF591" s="23"/>
      <c r="BG591" s="23"/>
      <c r="BH591" s="23"/>
      <c r="BI591" s="23"/>
      <c r="BJ591" s="23"/>
      <c r="BK591" s="23"/>
      <c r="BL591" s="23"/>
      <c r="BM591" s="23"/>
      <c r="BN591" s="23"/>
      <c r="BO591" s="23"/>
      <c r="BP591" s="23"/>
      <c r="BQ591" s="23"/>
      <c r="BR591" s="23"/>
      <c r="BS591" s="23"/>
      <c r="BT591" s="23"/>
      <c r="BU591" s="23"/>
      <c r="BV591" s="23"/>
      <c r="BW591" s="23"/>
      <c r="BX591" s="23"/>
      <c r="BY591" s="23"/>
      <c r="BZ591" s="23"/>
      <c r="CA591" s="23"/>
      <c r="CB591" s="23"/>
      <c r="CC591" s="23"/>
      <c r="CD591" s="23"/>
      <c r="CE591" s="23"/>
      <c r="CF591" s="23"/>
      <c r="CG591" s="23"/>
      <c r="CH591" s="23"/>
      <c r="CI591" s="23"/>
      <c r="CJ591" s="23"/>
      <c r="CK591" s="23"/>
      <c r="CL591" s="23"/>
      <c r="CM591" s="23"/>
      <c r="CN591" s="23"/>
      <c r="CO591" s="23"/>
      <c r="CP591" s="23"/>
      <c r="CQ591" s="23"/>
      <c r="CR591" s="23"/>
      <c r="CS591" s="23"/>
      <c r="CT591" s="23"/>
      <c r="CU591" s="23"/>
      <c r="CV591" s="23"/>
      <c r="CW591" s="23"/>
      <c r="CX591" s="23"/>
      <c r="CY591" s="23"/>
      <c r="CZ591" s="23"/>
      <c r="DA591" s="23"/>
      <c r="DB591" s="23"/>
      <c r="DC591" s="23"/>
      <c r="DD591" s="23"/>
      <c r="DE591" s="23"/>
      <c r="DF591" s="23"/>
      <c r="DG591" s="23"/>
      <c r="DH591" s="23"/>
      <c r="DI591" s="23"/>
      <c r="DJ591" s="23"/>
      <c r="DK591" s="23"/>
      <c r="DL591" s="23"/>
      <c r="DM591" s="23"/>
      <c r="DN591" s="23"/>
      <c r="DO591" s="23"/>
      <c r="DP591" s="23"/>
      <c r="DQ591" s="23"/>
      <c r="DR591" s="23"/>
      <c r="DS591" s="23"/>
      <c r="DT591" s="23"/>
      <c r="DU591" s="23"/>
      <c r="DV591" s="23"/>
      <c r="DW591" s="23"/>
      <c r="DX591" s="23"/>
      <c r="DY591" s="23"/>
      <c r="DZ591" s="23"/>
      <c r="EA591" s="23"/>
      <c r="EB591" s="23"/>
      <c r="EC591" s="23"/>
      <c r="ED591" s="23"/>
      <c r="EE591" s="23"/>
      <c r="EF591" s="23"/>
      <c r="EG591" s="23"/>
      <c r="EH591" s="23"/>
      <c r="EI591" s="23"/>
      <c r="EJ591" s="23"/>
      <c r="EK591" s="23"/>
      <c r="EL591" s="23"/>
      <c r="EM591" s="23"/>
      <c r="EN591" s="23"/>
      <c r="EO591" s="23"/>
      <c r="EP591" s="23"/>
      <c r="EQ591" s="23"/>
      <c r="ER591" s="23"/>
      <c r="ES591" s="23"/>
      <c r="ET591" s="23"/>
      <c r="EU591" s="23"/>
      <c r="EV591" s="23"/>
      <c r="EW591" s="23"/>
      <c r="EX591" s="23"/>
      <c r="EY591" s="23"/>
      <c r="EZ591" s="23"/>
      <c r="FA591" s="23"/>
      <c r="FB591" s="23"/>
      <c r="FC591" s="23"/>
      <c r="FD591" s="23"/>
      <c r="FE591" s="23"/>
      <c r="FF591" s="23"/>
      <c r="FG591" s="23"/>
      <c r="FH591" s="23"/>
      <c r="FI591" s="23"/>
      <c r="FJ591" s="23"/>
      <c r="FK591" s="23"/>
      <c r="FL591" s="23"/>
      <c r="FM591" s="23"/>
      <c r="FN591" s="23"/>
      <c r="FO591" s="23"/>
      <c r="FP591" s="23"/>
      <c r="FQ591" s="23"/>
      <c r="FR591" s="23"/>
      <c r="FS591" s="23"/>
      <c r="FT591" s="23"/>
      <c r="FU591" s="23"/>
      <c r="FV591" s="23"/>
      <c r="FW591" s="23"/>
      <c r="FX591" s="23"/>
      <c r="FY591" s="23"/>
      <c r="FZ591" s="23"/>
      <c r="GA591" s="23"/>
      <c r="GB591" s="23"/>
      <c r="GC591" s="23"/>
      <c r="GD591" s="23"/>
      <c r="GE591" s="23"/>
      <c r="GF591" s="23"/>
      <c r="GG591" s="23"/>
      <c r="GH591" s="23"/>
      <c r="GI591" s="23"/>
      <c r="GJ591" s="23"/>
      <c r="GK591" s="23"/>
      <c r="GL591" s="23"/>
      <c r="GM591" s="23"/>
      <c r="GN591" s="23"/>
      <c r="GO591" s="23"/>
      <c r="GP591" s="23"/>
      <c r="GQ591" s="23"/>
      <c r="GR591" s="23"/>
      <c r="GS591" s="23"/>
      <c r="GT591" s="23"/>
      <c r="GU591" s="23"/>
      <c r="GV591" s="23"/>
      <c r="GW591" s="23"/>
      <c r="GX591" s="23"/>
      <c r="GY591" s="23"/>
      <c r="GZ591" s="23"/>
      <c r="HA591" s="23"/>
      <c r="HB591" s="23"/>
      <c r="HC591" s="23"/>
      <c r="HD591" s="23"/>
      <c r="HE591" s="23"/>
      <c r="HF591" s="23"/>
      <c r="HG591" s="23"/>
      <c r="HH591" s="23"/>
      <c r="HI591" s="23"/>
      <c r="HJ591" s="23"/>
      <c r="HK591" s="23"/>
      <c r="HL591" s="23"/>
      <c r="HM591" s="23"/>
      <c r="HN591" s="23"/>
      <c r="HO591" s="23"/>
      <c r="HP591" s="23"/>
      <c r="HQ591" s="23"/>
      <c r="HR591" s="23"/>
      <c r="HS591" s="23"/>
      <c r="HT591" s="23"/>
      <c r="HU591" s="23"/>
      <c r="HV591" s="23"/>
      <c r="HW591" s="23"/>
      <c r="HX591" s="23"/>
      <c r="HY591" s="23"/>
      <c r="HZ591" s="23"/>
      <c r="IA591" s="23"/>
      <c r="IB591" s="23"/>
      <c r="IC591" s="23"/>
      <c r="ID591" s="23"/>
      <c r="IE591" s="23"/>
      <c r="IF591" s="23"/>
      <c r="IG591" s="23"/>
      <c r="IH591" s="23"/>
      <c r="II591" s="23"/>
      <c r="IJ591" s="23"/>
      <c r="IK591" s="23"/>
      <c r="IL591" s="23"/>
      <c r="IM591" s="23"/>
      <c r="IN591" s="23"/>
      <c r="IO591" s="23"/>
      <c r="IP591" s="23"/>
      <c r="IQ591" s="23"/>
    </row>
    <row r="592" spans="1:251" s="50" customFormat="1" ht="18.75" customHeight="1">
      <c r="A592" s="34"/>
      <c r="B592" s="47"/>
      <c r="C592" s="130"/>
      <c r="D592" s="130"/>
      <c r="E592" s="130"/>
      <c r="F592" s="130"/>
      <c r="G592" s="130"/>
      <c r="H592" s="130"/>
      <c r="I592" s="130"/>
      <c r="J592" s="130"/>
      <c r="K592" s="130"/>
      <c r="L592" s="130"/>
      <c r="M592" s="130"/>
      <c r="N592" s="130"/>
      <c r="O592" s="130"/>
      <c r="P592" s="130"/>
      <c r="Q592" s="130"/>
      <c r="R592" s="130"/>
      <c r="S592" s="130"/>
      <c r="T592" s="130"/>
      <c r="U592" s="130"/>
      <c r="V592" s="130"/>
      <c r="W592" s="130"/>
      <c r="X592" s="130"/>
      <c r="Y592" s="130"/>
      <c r="Z592" s="131"/>
      <c r="AA592" s="132"/>
      <c r="AB592" s="200"/>
      <c r="AC592" s="200"/>
      <c r="AD592" s="200"/>
      <c r="AE592" s="200"/>
      <c r="AF592" s="200"/>
      <c r="AG592" s="200"/>
      <c r="AH592" s="200"/>
      <c r="AI592" s="201"/>
      <c r="AJ592" s="132"/>
      <c r="AK592" s="196"/>
      <c r="AL592" s="196"/>
      <c r="AM592" s="196"/>
      <c r="AN592" s="196"/>
      <c r="AO592" s="196"/>
      <c r="AP592" s="196"/>
      <c r="AQ592" s="196"/>
      <c r="AR592" s="197"/>
      <c r="AS592" s="132"/>
      <c r="AT592" s="196"/>
      <c r="AU592" s="196"/>
      <c r="AV592" s="196"/>
      <c r="AW592" s="196"/>
      <c r="AX592" s="202"/>
      <c r="AY592" s="23"/>
      <c r="AZ592" s="23"/>
      <c r="BA592" s="23"/>
      <c r="BB592" s="23"/>
      <c r="BC592" s="23"/>
      <c r="BD592" s="23"/>
      <c r="BE592" s="23"/>
      <c r="BF592" s="23"/>
      <c r="BG592" s="23"/>
      <c r="BH592" s="23"/>
      <c r="BI592" s="23"/>
      <c r="BJ592" s="23"/>
      <c r="BK592" s="23"/>
      <c r="BL592" s="23"/>
      <c r="BM592" s="23"/>
      <c r="BN592" s="23"/>
      <c r="BO592" s="23"/>
      <c r="BP592" s="23"/>
      <c r="BQ592" s="23"/>
      <c r="BR592" s="23"/>
      <c r="BS592" s="23"/>
      <c r="BT592" s="23"/>
      <c r="BU592" s="23"/>
      <c r="BV592" s="23"/>
      <c r="BW592" s="23"/>
      <c r="BX592" s="23"/>
      <c r="BY592" s="23"/>
      <c r="BZ592" s="23"/>
      <c r="CA592" s="23"/>
      <c r="CB592" s="23"/>
      <c r="CC592" s="23"/>
      <c r="CD592" s="23"/>
      <c r="CE592" s="23"/>
      <c r="CF592" s="23"/>
      <c r="CG592" s="23"/>
      <c r="CH592" s="23"/>
      <c r="CI592" s="23"/>
      <c r="CJ592" s="23"/>
      <c r="CK592" s="23"/>
      <c r="CL592" s="23"/>
      <c r="CM592" s="23"/>
      <c r="CN592" s="23"/>
      <c r="CO592" s="23"/>
      <c r="CP592" s="23"/>
      <c r="CQ592" s="23"/>
      <c r="CR592" s="23"/>
      <c r="CS592" s="23"/>
      <c r="CT592" s="23"/>
      <c r="CU592" s="23"/>
      <c r="CV592" s="23"/>
      <c r="CW592" s="23"/>
      <c r="CX592" s="23"/>
      <c r="CY592" s="23"/>
      <c r="CZ592" s="23"/>
      <c r="DA592" s="23"/>
      <c r="DB592" s="23"/>
      <c r="DC592" s="23"/>
      <c r="DD592" s="23"/>
      <c r="DE592" s="23"/>
      <c r="DF592" s="23"/>
      <c r="DG592" s="23"/>
      <c r="DH592" s="23"/>
      <c r="DI592" s="23"/>
      <c r="DJ592" s="23"/>
      <c r="DK592" s="23"/>
      <c r="DL592" s="23"/>
      <c r="DM592" s="23"/>
      <c r="DN592" s="23"/>
      <c r="DO592" s="23"/>
      <c r="DP592" s="23"/>
      <c r="DQ592" s="23"/>
      <c r="DR592" s="23"/>
      <c r="DS592" s="23"/>
      <c r="DT592" s="23"/>
      <c r="DU592" s="23"/>
      <c r="DV592" s="23"/>
      <c r="DW592" s="23"/>
      <c r="DX592" s="23"/>
      <c r="DY592" s="23"/>
      <c r="DZ592" s="23"/>
      <c r="EA592" s="23"/>
      <c r="EB592" s="23"/>
      <c r="EC592" s="23"/>
      <c r="ED592" s="23"/>
      <c r="EE592" s="23"/>
      <c r="EF592" s="23"/>
      <c r="EG592" s="23"/>
      <c r="EH592" s="23"/>
      <c r="EI592" s="23"/>
      <c r="EJ592" s="23"/>
      <c r="EK592" s="23"/>
      <c r="EL592" s="23"/>
      <c r="EM592" s="23"/>
      <c r="EN592" s="23"/>
      <c r="EO592" s="23"/>
      <c r="EP592" s="23"/>
      <c r="EQ592" s="23"/>
      <c r="ER592" s="23"/>
      <c r="ES592" s="23"/>
      <c r="ET592" s="23"/>
      <c r="EU592" s="23"/>
      <c r="EV592" s="23"/>
      <c r="EW592" s="23"/>
      <c r="EX592" s="23"/>
      <c r="EY592" s="23"/>
      <c r="EZ592" s="23"/>
      <c r="FA592" s="23"/>
      <c r="FB592" s="23"/>
      <c r="FC592" s="23"/>
      <c r="FD592" s="23"/>
      <c r="FE592" s="23"/>
      <c r="FF592" s="23"/>
      <c r="FG592" s="23"/>
      <c r="FH592" s="23"/>
      <c r="FI592" s="23"/>
      <c r="FJ592" s="23"/>
      <c r="FK592" s="23"/>
      <c r="FL592" s="23"/>
      <c r="FM592" s="23"/>
      <c r="FN592" s="23"/>
      <c r="FO592" s="23"/>
      <c r="FP592" s="23"/>
      <c r="FQ592" s="23"/>
      <c r="FR592" s="23"/>
      <c r="FS592" s="23"/>
      <c r="FT592" s="23"/>
      <c r="FU592" s="23"/>
      <c r="FV592" s="23"/>
      <c r="FW592" s="23"/>
      <c r="FX592" s="23"/>
      <c r="FY592" s="23"/>
      <c r="FZ592" s="23"/>
      <c r="GA592" s="23"/>
      <c r="GB592" s="23"/>
      <c r="GC592" s="23"/>
      <c r="GD592" s="23"/>
      <c r="GE592" s="23"/>
      <c r="GF592" s="23"/>
      <c r="GG592" s="23"/>
      <c r="GH592" s="23"/>
      <c r="GI592" s="23"/>
      <c r="GJ592" s="23"/>
      <c r="GK592" s="23"/>
      <c r="GL592" s="23"/>
      <c r="GM592" s="23"/>
      <c r="GN592" s="23"/>
      <c r="GO592" s="23"/>
      <c r="GP592" s="23"/>
      <c r="GQ592" s="23"/>
      <c r="GR592" s="23"/>
      <c r="GS592" s="23"/>
      <c r="GT592" s="23"/>
      <c r="GU592" s="23"/>
      <c r="GV592" s="23"/>
      <c r="GW592" s="23"/>
      <c r="GX592" s="23"/>
      <c r="GY592" s="23"/>
      <c r="GZ592" s="23"/>
      <c r="HA592" s="23"/>
      <c r="HB592" s="23"/>
      <c r="HC592" s="23"/>
      <c r="HD592" s="23"/>
      <c r="HE592" s="23"/>
      <c r="HF592" s="23"/>
      <c r="HG592" s="23"/>
      <c r="HH592" s="23"/>
      <c r="HI592" s="23"/>
      <c r="HJ592" s="23"/>
      <c r="HK592" s="23"/>
      <c r="HL592" s="23"/>
      <c r="HM592" s="23"/>
      <c r="HN592" s="23"/>
      <c r="HO592" s="23"/>
      <c r="HP592" s="23"/>
      <c r="HQ592" s="23"/>
      <c r="HR592" s="23"/>
      <c r="HS592" s="23"/>
      <c r="HT592" s="23"/>
      <c r="HU592" s="23"/>
      <c r="HV592" s="23"/>
      <c r="HW592" s="23"/>
      <c r="HX592" s="23"/>
      <c r="HY592" s="23"/>
      <c r="HZ592" s="23"/>
      <c r="IA592" s="23"/>
      <c r="IB592" s="23"/>
      <c r="IC592" s="23"/>
      <c r="ID592" s="23"/>
      <c r="IE592" s="23"/>
      <c r="IF592" s="23"/>
      <c r="IG592" s="23"/>
      <c r="IH592" s="23"/>
      <c r="II592" s="23"/>
      <c r="IJ592" s="23"/>
      <c r="IK592" s="23"/>
      <c r="IL592" s="23"/>
      <c r="IM592" s="23"/>
      <c r="IN592" s="23"/>
      <c r="IO592" s="23"/>
      <c r="IP592" s="23"/>
      <c r="IQ592" s="23"/>
    </row>
    <row r="593" spans="1:251" s="50" customFormat="1" ht="18.75" customHeight="1">
      <c r="A593" s="34"/>
      <c r="B593" s="48"/>
      <c r="C593" s="130"/>
      <c r="D593" s="130"/>
      <c r="E593" s="130"/>
      <c r="F593" s="130"/>
      <c r="G593" s="130"/>
      <c r="H593" s="130"/>
      <c r="I593" s="130"/>
      <c r="J593" s="130"/>
      <c r="K593" s="130"/>
      <c r="L593" s="130"/>
      <c r="M593" s="130"/>
      <c r="N593" s="130"/>
      <c r="O593" s="130"/>
      <c r="P593" s="130"/>
      <c r="Q593" s="130"/>
      <c r="R593" s="130"/>
      <c r="S593" s="130"/>
      <c r="T593" s="130"/>
      <c r="U593" s="130"/>
      <c r="V593" s="130"/>
      <c r="W593" s="130"/>
      <c r="X593" s="130"/>
      <c r="Y593" s="130"/>
      <c r="Z593" s="131"/>
      <c r="AA593" s="132"/>
      <c r="AB593" s="200"/>
      <c r="AC593" s="200"/>
      <c r="AD593" s="200"/>
      <c r="AE593" s="200"/>
      <c r="AF593" s="200"/>
      <c r="AG593" s="200"/>
      <c r="AH593" s="200"/>
      <c r="AI593" s="201"/>
      <c r="AJ593" s="132"/>
      <c r="AK593" s="133"/>
      <c r="AL593" s="133"/>
      <c r="AM593" s="133"/>
      <c r="AN593" s="133"/>
      <c r="AO593" s="133"/>
      <c r="AP593" s="133"/>
      <c r="AQ593" s="133"/>
      <c r="AR593" s="134"/>
      <c r="AS593" s="132"/>
      <c r="AT593" s="196"/>
      <c r="AU593" s="196"/>
      <c r="AV593" s="196"/>
      <c r="AW593" s="196"/>
      <c r="AX593" s="202"/>
      <c r="AY593" s="23"/>
      <c r="AZ593" s="23"/>
      <c r="BA593" s="23"/>
      <c r="BB593" s="23"/>
      <c r="BC593" s="23"/>
      <c r="BD593" s="23"/>
      <c r="BE593" s="23"/>
      <c r="BF593" s="23"/>
      <c r="BG593" s="23"/>
      <c r="BH593" s="23"/>
      <c r="BI593" s="23"/>
      <c r="BJ593" s="23"/>
      <c r="BK593" s="23"/>
      <c r="BL593" s="23"/>
      <c r="BM593" s="23"/>
      <c r="BN593" s="23"/>
      <c r="BO593" s="23"/>
      <c r="BP593" s="23"/>
      <c r="BQ593" s="23"/>
      <c r="BR593" s="23"/>
      <c r="BS593" s="23"/>
      <c r="BT593" s="23"/>
      <c r="BU593" s="23"/>
      <c r="BV593" s="23"/>
      <c r="BW593" s="23"/>
      <c r="BX593" s="23"/>
      <c r="BY593" s="23"/>
      <c r="BZ593" s="23"/>
      <c r="CA593" s="23"/>
      <c r="CB593" s="23"/>
      <c r="CC593" s="23"/>
      <c r="CD593" s="23"/>
      <c r="CE593" s="23"/>
      <c r="CF593" s="23"/>
      <c r="CG593" s="23"/>
      <c r="CH593" s="23"/>
      <c r="CI593" s="23"/>
      <c r="CJ593" s="23"/>
      <c r="CK593" s="23"/>
      <c r="CL593" s="23"/>
      <c r="CM593" s="23"/>
      <c r="CN593" s="23"/>
      <c r="CO593" s="23"/>
      <c r="CP593" s="23"/>
      <c r="CQ593" s="23"/>
      <c r="CR593" s="23"/>
      <c r="CS593" s="23"/>
      <c r="CT593" s="23"/>
      <c r="CU593" s="23"/>
      <c r="CV593" s="23"/>
      <c r="CW593" s="23"/>
      <c r="CX593" s="23"/>
      <c r="CY593" s="23"/>
      <c r="CZ593" s="23"/>
      <c r="DA593" s="23"/>
      <c r="DB593" s="23"/>
      <c r="DC593" s="23"/>
      <c r="DD593" s="23"/>
      <c r="DE593" s="23"/>
      <c r="DF593" s="23"/>
      <c r="DG593" s="23"/>
      <c r="DH593" s="23"/>
      <c r="DI593" s="23"/>
      <c r="DJ593" s="23"/>
      <c r="DK593" s="23"/>
      <c r="DL593" s="23"/>
      <c r="DM593" s="23"/>
      <c r="DN593" s="23"/>
      <c r="DO593" s="23"/>
      <c r="DP593" s="23"/>
      <c r="DQ593" s="23"/>
      <c r="DR593" s="23"/>
      <c r="DS593" s="23"/>
      <c r="DT593" s="23"/>
      <c r="DU593" s="23"/>
      <c r="DV593" s="23"/>
      <c r="DW593" s="23"/>
      <c r="DX593" s="23"/>
      <c r="DY593" s="23"/>
      <c r="DZ593" s="23"/>
      <c r="EA593" s="23"/>
      <c r="EB593" s="23"/>
      <c r="EC593" s="23"/>
      <c r="ED593" s="23"/>
      <c r="EE593" s="23"/>
      <c r="EF593" s="23"/>
      <c r="EG593" s="23"/>
      <c r="EH593" s="23"/>
      <c r="EI593" s="23"/>
      <c r="EJ593" s="23"/>
      <c r="EK593" s="23"/>
      <c r="EL593" s="23"/>
      <c r="EM593" s="23"/>
      <c r="EN593" s="23"/>
      <c r="EO593" s="23"/>
      <c r="EP593" s="23"/>
      <c r="EQ593" s="23"/>
      <c r="ER593" s="23"/>
      <c r="ES593" s="23"/>
      <c r="ET593" s="23"/>
      <c r="EU593" s="23"/>
      <c r="EV593" s="23"/>
      <c r="EW593" s="23"/>
      <c r="EX593" s="23"/>
      <c r="EY593" s="23"/>
      <c r="EZ593" s="23"/>
      <c r="FA593" s="23"/>
      <c r="FB593" s="23"/>
      <c r="FC593" s="23"/>
      <c r="FD593" s="23"/>
      <c r="FE593" s="23"/>
      <c r="FF593" s="23"/>
      <c r="FG593" s="23"/>
      <c r="FH593" s="23"/>
      <c r="FI593" s="23"/>
      <c r="FJ593" s="23"/>
      <c r="FK593" s="23"/>
      <c r="FL593" s="23"/>
      <c r="FM593" s="23"/>
      <c r="FN593" s="23"/>
      <c r="FO593" s="23"/>
      <c r="FP593" s="23"/>
      <c r="FQ593" s="23"/>
      <c r="FR593" s="23"/>
      <c r="FS593" s="23"/>
      <c r="FT593" s="23"/>
      <c r="FU593" s="23"/>
      <c r="FV593" s="23"/>
      <c r="FW593" s="23"/>
      <c r="FX593" s="23"/>
      <c r="FY593" s="23"/>
      <c r="FZ593" s="23"/>
      <c r="GA593" s="23"/>
      <c r="GB593" s="23"/>
      <c r="GC593" s="23"/>
      <c r="GD593" s="23"/>
      <c r="GE593" s="23"/>
      <c r="GF593" s="23"/>
      <c r="GG593" s="23"/>
      <c r="GH593" s="23"/>
      <c r="GI593" s="23"/>
      <c r="GJ593" s="23"/>
      <c r="GK593" s="23"/>
      <c r="GL593" s="23"/>
      <c r="GM593" s="23"/>
      <c r="GN593" s="23"/>
      <c r="GO593" s="23"/>
      <c r="GP593" s="23"/>
      <c r="GQ593" s="23"/>
      <c r="GR593" s="23"/>
      <c r="GS593" s="23"/>
      <c r="GT593" s="23"/>
      <c r="GU593" s="23"/>
      <c r="GV593" s="23"/>
      <c r="GW593" s="23"/>
      <c r="GX593" s="23"/>
      <c r="GY593" s="23"/>
      <c r="GZ593" s="23"/>
      <c r="HA593" s="23"/>
      <c r="HB593" s="23"/>
      <c r="HC593" s="23"/>
      <c r="HD593" s="23"/>
      <c r="HE593" s="23"/>
      <c r="HF593" s="23"/>
      <c r="HG593" s="23"/>
      <c r="HH593" s="23"/>
      <c r="HI593" s="23"/>
      <c r="HJ593" s="23"/>
      <c r="HK593" s="23"/>
      <c r="HL593" s="23"/>
      <c r="HM593" s="23"/>
      <c r="HN593" s="23"/>
      <c r="HO593" s="23"/>
      <c r="HP593" s="23"/>
      <c r="HQ593" s="23"/>
      <c r="HR593" s="23"/>
      <c r="HS593" s="23"/>
      <c r="HT593" s="23"/>
      <c r="HU593" s="23"/>
      <c r="HV593" s="23"/>
      <c r="HW593" s="23"/>
      <c r="HX593" s="23"/>
      <c r="HY593" s="23"/>
      <c r="HZ593" s="23"/>
      <c r="IA593" s="23"/>
      <c r="IB593" s="23"/>
      <c r="IC593" s="23"/>
      <c r="ID593" s="23"/>
      <c r="IE593" s="23"/>
      <c r="IF593" s="23"/>
      <c r="IG593" s="23"/>
      <c r="IH593" s="23"/>
      <c r="II593" s="23"/>
      <c r="IJ593" s="23"/>
      <c r="IK593" s="23"/>
      <c r="IL593" s="23"/>
      <c r="IM593" s="23"/>
      <c r="IN593" s="23"/>
      <c r="IO593" s="23"/>
      <c r="IP593" s="23"/>
      <c r="IQ593" s="23"/>
    </row>
    <row r="594" spans="1:251" s="50" customFormat="1" ht="18.75" customHeight="1" thickBot="1">
      <c r="A594" s="34"/>
      <c r="B594" s="49"/>
      <c r="C594" s="158"/>
      <c r="D594" s="158"/>
      <c r="E594" s="158"/>
      <c r="F594" s="158"/>
      <c r="G594" s="158"/>
      <c r="H594" s="158"/>
      <c r="I594" s="158"/>
      <c r="J594" s="158"/>
      <c r="K594" s="158"/>
      <c r="L594" s="158"/>
      <c r="M594" s="158"/>
      <c r="N594" s="158"/>
      <c r="O594" s="158"/>
      <c r="P594" s="158"/>
      <c r="Q594" s="158"/>
      <c r="R594" s="158"/>
      <c r="S594" s="158"/>
      <c r="T594" s="158"/>
      <c r="U594" s="158"/>
      <c r="V594" s="158"/>
      <c r="W594" s="158"/>
      <c r="X594" s="158"/>
      <c r="Y594" s="158"/>
      <c r="Z594" s="159"/>
      <c r="AA594" s="160"/>
      <c r="AB594" s="211"/>
      <c r="AC594" s="211"/>
      <c r="AD594" s="211"/>
      <c r="AE594" s="211"/>
      <c r="AF594" s="211"/>
      <c r="AG594" s="211"/>
      <c r="AH594" s="211"/>
      <c r="AI594" s="212"/>
      <c r="AJ594" s="160"/>
      <c r="AK594" s="161"/>
      <c r="AL594" s="161"/>
      <c r="AM594" s="161"/>
      <c r="AN594" s="161"/>
      <c r="AO594" s="161"/>
      <c r="AP594" s="161"/>
      <c r="AQ594" s="161"/>
      <c r="AR594" s="162"/>
      <c r="AS594" s="188"/>
      <c r="AT594" s="213"/>
      <c r="AU594" s="213"/>
      <c r="AV594" s="213"/>
      <c r="AW594" s="213"/>
      <c r="AX594" s="214"/>
      <c r="AY594" s="23"/>
      <c r="AZ594" s="23"/>
      <c r="BA594" s="23"/>
      <c r="BB594" s="23"/>
      <c r="BC594" s="23"/>
      <c r="BD594" s="23"/>
      <c r="BE594" s="23"/>
      <c r="BF594" s="23"/>
      <c r="BG594" s="23"/>
      <c r="BH594" s="23"/>
      <c r="BI594" s="23"/>
      <c r="BJ594" s="23"/>
      <c r="BK594" s="23"/>
      <c r="BL594" s="23"/>
      <c r="BM594" s="23"/>
      <c r="BN594" s="23"/>
      <c r="BO594" s="23"/>
      <c r="BP594" s="23"/>
      <c r="BQ594" s="23"/>
      <c r="BR594" s="23"/>
      <c r="BS594" s="23"/>
      <c r="BT594" s="23"/>
      <c r="BU594" s="23"/>
      <c r="BV594" s="23"/>
      <c r="BW594" s="23"/>
      <c r="BX594" s="23"/>
      <c r="BY594" s="23"/>
      <c r="BZ594" s="23"/>
      <c r="CA594" s="23"/>
      <c r="CB594" s="23"/>
      <c r="CC594" s="23"/>
      <c r="CD594" s="23"/>
      <c r="CE594" s="23"/>
      <c r="CF594" s="23"/>
      <c r="CG594" s="23"/>
      <c r="CH594" s="23"/>
      <c r="CI594" s="23"/>
      <c r="CJ594" s="23"/>
      <c r="CK594" s="23"/>
      <c r="CL594" s="23"/>
      <c r="CM594" s="23"/>
      <c r="CN594" s="23"/>
      <c r="CO594" s="23"/>
      <c r="CP594" s="23"/>
      <c r="CQ594" s="23"/>
      <c r="CR594" s="23"/>
      <c r="CS594" s="23"/>
      <c r="CT594" s="23"/>
      <c r="CU594" s="23"/>
      <c r="CV594" s="23"/>
      <c r="CW594" s="23"/>
      <c r="CX594" s="23"/>
      <c r="CY594" s="23"/>
      <c r="CZ594" s="23"/>
      <c r="DA594" s="23"/>
      <c r="DB594" s="23"/>
      <c r="DC594" s="23"/>
      <c r="DD594" s="23"/>
      <c r="DE594" s="23"/>
      <c r="DF594" s="23"/>
      <c r="DG594" s="23"/>
      <c r="DH594" s="23"/>
      <c r="DI594" s="23"/>
      <c r="DJ594" s="23"/>
      <c r="DK594" s="23"/>
      <c r="DL594" s="23"/>
      <c r="DM594" s="23"/>
      <c r="DN594" s="23"/>
      <c r="DO594" s="23"/>
      <c r="DP594" s="23"/>
      <c r="DQ594" s="23"/>
      <c r="DR594" s="23"/>
      <c r="DS594" s="23"/>
      <c r="DT594" s="23"/>
      <c r="DU594" s="23"/>
      <c r="DV594" s="23"/>
      <c r="DW594" s="23"/>
      <c r="DX594" s="23"/>
      <c r="DY594" s="23"/>
      <c r="DZ594" s="23"/>
      <c r="EA594" s="23"/>
      <c r="EB594" s="23"/>
      <c r="EC594" s="23"/>
      <c r="ED594" s="23"/>
      <c r="EE594" s="23"/>
      <c r="EF594" s="23"/>
      <c r="EG594" s="23"/>
      <c r="EH594" s="23"/>
      <c r="EI594" s="23"/>
      <c r="EJ594" s="23"/>
      <c r="EK594" s="23"/>
      <c r="EL594" s="23"/>
      <c r="EM594" s="23"/>
      <c r="EN594" s="23"/>
      <c r="EO594" s="23"/>
      <c r="EP594" s="23"/>
      <c r="EQ594" s="23"/>
      <c r="ER594" s="23"/>
      <c r="ES594" s="23"/>
      <c r="ET594" s="23"/>
      <c r="EU594" s="23"/>
      <c r="EV594" s="23"/>
      <c r="EW594" s="23"/>
      <c r="EX594" s="23"/>
      <c r="EY594" s="23"/>
      <c r="EZ594" s="23"/>
      <c r="FA594" s="23"/>
      <c r="FB594" s="23"/>
      <c r="FC594" s="23"/>
      <c r="FD594" s="23"/>
      <c r="FE594" s="23"/>
      <c r="FF594" s="23"/>
      <c r="FG594" s="23"/>
      <c r="FH594" s="23"/>
      <c r="FI594" s="23"/>
      <c r="FJ594" s="23"/>
      <c r="FK594" s="23"/>
      <c r="FL594" s="23"/>
      <c r="FM594" s="23"/>
      <c r="FN594" s="23"/>
      <c r="FO594" s="23"/>
      <c r="FP594" s="23"/>
      <c r="FQ594" s="23"/>
      <c r="FR594" s="23"/>
      <c r="FS594" s="23"/>
      <c r="FT594" s="23"/>
      <c r="FU594" s="23"/>
      <c r="FV594" s="23"/>
      <c r="FW594" s="23"/>
      <c r="FX594" s="23"/>
      <c r="FY594" s="23"/>
      <c r="FZ594" s="23"/>
      <c r="GA594" s="23"/>
      <c r="GB594" s="23"/>
      <c r="GC594" s="23"/>
      <c r="GD594" s="23"/>
      <c r="GE594" s="23"/>
      <c r="GF594" s="23"/>
      <c r="GG594" s="23"/>
      <c r="GH594" s="23"/>
      <c r="GI594" s="23"/>
      <c r="GJ594" s="23"/>
      <c r="GK594" s="23"/>
      <c r="GL594" s="23"/>
      <c r="GM594" s="23"/>
      <c r="GN594" s="23"/>
      <c r="GO594" s="23"/>
      <c r="GP594" s="23"/>
      <c r="GQ594" s="23"/>
      <c r="GR594" s="23"/>
      <c r="GS594" s="23"/>
      <c r="GT594" s="23"/>
      <c r="GU594" s="23"/>
      <c r="GV594" s="23"/>
      <c r="GW594" s="23"/>
      <c r="GX594" s="23"/>
      <c r="GY594" s="23"/>
      <c r="GZ594" s="23"/>
      <c r="HA594" s="23"/>
      <c r="HB594" s="23"/>
      <c r="HC594" s="23"/>
      <c r="HD594" s="23"/>
      <c r="HE594" s="23"/>
      <c r="HF594" s="23"/>
      <c r="HG594" s="23"/>
      <c r="HH594" s="23"/>
      <c r="HI594" s="23"/>
      <c r="HJ594" s="23"/>
      <c r="HK594" s="23"/>
      <c r="HL594" s="23"/>
      <c r="HM594" s="23"/>
      <c r="HN594" s="23"/>
      <c r="HO594" s="23"/>
      <c r="HP594" s="23"/>
      <c r="HQ594" s="23"/>
      <c r="HR594" s="23"/>
      <c r="HS594" s="23"/>
      <c r="HT594" s="23"/>
      <c r="HU594" s="23"/>
      <c r="HV594" s="23"/>
      <c r="HW594" s="23"/>
      <c r="HX594" s="23"/>
      <c r="HY594" s="23"/>
      <c r="HZ594" s="23"/>
      <c r="IA594" s="23"/>
      <c r="IB594" s="23"/>
      <c r="IC594" s="23"/>
      <c r="ID594" s="23"/>
      <c r="IE594" s="23"/>
      <c r="IF594" s="23"/>
      <c r="IG594" s="23"/>
      <c r="IH594" s="23"/>
      <c r="II594" s="23"/>
      <c r="IJ594" s="23"/>
      <c r="IK594" s="23"/>
      <c r="IL594" s="23"/>
      <c r="IM594" s="23"/>
      <c r="IN594" s="23"/>
      <c r="IO594" s="23"/>
      <c r="IP594" s="23"/>
      <c r="IQ594" s="23"/>
    </row>
    <row r="595" spans="1:251" s="50" customFormat="1" ht="18.75" customHeight="1" thickTop="1" thickBot="1">
      <c r="A595" s="38"/>
      <c r="B595" s="164" t="s">
        <v>105</v>
      </c>
      <c r="C595" s="191"/>
      <c r="D595" s="191"/>
      <c r="E595" s="191"/>
      <c r="F595" s="191"/>
      <c r="G595" s="191"/>
      <c r="H595" s="191"/>
      <c r="I595" s="191"/>
      <c r="J595" s="191"/>
      <c r="K595" s="191"/>
      <c r="L595" s="191"/>
      <c r="M595" s="191"/>
      <c r="N595" s="191"/>
      <c r="O595" s="191"/>
      <c r="P595" s="191"/>
      <c r="Q595" s="191"/>
      <c r="R595" s="191"/>
      <c r="S595" s="191"/>
      <c r="T595" s="191"/>
      <c r="U595" s="191"/>
      <c r="V595" s="191"/>
      <c r="W595" s="191"/>
      <c r="X595" s="191"/>
      <c r="Y595" s="191"/>
      <c r="Z595" s="192"/>
      <c r="AA595" s="167">
        <f>SUM(AA587:AA594)</f>
        <v>43248</v>
      </c>
      <c r="AB595" s="215"/>
      <c r="AC595" s="215"/>
      <c r="AD595" s="215"/>
      <c r="AE595" s="215"/>
      <c r="AF595" s="215"/>
      <c r="AG595" s="215"/>
      <c r="AH595" s="215"/>
      <c r="AI595" s="216"/>
      <c r="AJ595" s="167">
        <f>SUM(AJ587:AJ594)</f>
        <v>69117</v>
      </c>
      <c r="AK595" s="215"/>
      <c r="AL595" s="215"/>
      <c r="AM595" s="215"/>
      <c r="AN595" s="215"/>
      <c r="AO595" s="215"/>
      <c r="AP595" s="215"/>
      <c r="AQ595" s="215"/>
      <c r="AR595" s="216"/>
      <c r="AS595" s="167"/>
      <c r="AT595" s="215"/>
      <c r="AU595" s="215"/>
      <c r="AV595" s="215"/>
      <c r="AW595" s="215"/>
      <c r="AX595" s="217"/>
      <c r="AY595" s="23"/>
      <c r="AZ595" s="23"/>
      <c r="BA595" s="23"/>
      <c r="BB595" s="23"/>
      <c r="BC595" s="23"/>
      <c r="BD595" s="23"/>
      <c r="BE595" s="23"/>
      <c r="BF595" s="23"/>
      <c r="BG595" s="23"/>
      <c r="BH595" s="23"/>
      <c r="BI595" s="23"/>
      <c r="BJ595" s="23"/>
      <c r="BK595" s="23"/>
      <c r="BL595" s="23"/>
      <c r="BM595" s="23"/>
      <c r="BN595" s="23"/>
      <c r="BO595" s="23"/>
      <c r="BP595" s="23"/>
      <c r="BQ595" s="23"/>
      <c r="BR595" s="23"/>
      <c r="BS595" s="23"/>
      <c r="BT595" s="23"/>
      <c r="BU595" s="23"/>
      <c r="BV595" s="23"/>
      <c r="BW595" s="23"/>
      <c r="BX595" s="23"/>
      <c r="BY595" s="23"/>
      <c r="BZ595" s="23"/>
      <c r="CA595" s="23"/>
      <c r="CB595" s="23"/>
      <c r="CC595" s="23"/>
      <c r="CD595" s="23"/>
      <c r="CE595" s="23"/>
      <c r="CF595" s="23"/>
      <c r="CG595" s="23"/>
      <c r="CH595" s="23"/>
      <c r="CI595" s="23"/>
      <c r="CJ595" s="23"/>
      <c r="CK595" s="23"/>
      <c r="CL595" s="23"/>
      <c r="CM595" s="23"/>
      <c r="CN595" s="23"/>
      <c r="CO595" s="23"/>
      <c r="CP595" s="23"/>
      <c r="CQ595" s="23"/>
      <c r="CR595" s="23"/>
      <c r="CS595" s="23"/>
      <c r="CT595" s="23"/>
      <c r="CU595" s="23"/>
      <c r="CV595" s="23"/>
      <c r="CW595" s="23"/>
      <c r="CX595" s="23"/>
      <c r="CY595" s="23"/>
      <c r="CZ595" s="23"/>
      <c r="DA595" s="23"/>
      <c r="DB595" s="23"/>
      <c r="DC595" s="23"/>
      <c r="DD595" s="23"/>
      <c r="DE595" s="23"/>
      <c r="DF595" s="23"/>
      <c r="DG595" s="23"/>
      <c r="DH595" s="23"/>
      <c r="DI595" s="23"/>
      <c r="DJ595" s="23"/>
      <c r="DK595" s="23"/>
      <c r="DL595" s="23"/>
      <c r="DM595" s="23"/>
      <c r="DN595" s="23"/>
      <c r="DO595" s="23"/>
      <c r="DP595" s="23"/>
      <c r="DQ595" s="23"/>
      <c r="DR595" s="23"/>
      <c r="DS595" s="23"/>
      <c r="DT595" s="23"/>
      <c r="DU595" s="23"/>
      <c r="DV595" s="23"/>
      <c r="DW595" s="23"/>
      <c r="DX595" s="23"/>
      <c r="DY595" s="23"/>
      <c r="DZ595" s="23"/>
      <c r="EA595" s="23"/>
      <c r="EB595" s="23"/>
      <c r="EC595" s="23"/>
      <c r="ED595" s="23"/>
      <c r="EE595" s="23"/>
      <c r="EF595" s="23"/>
      <c r="EG595" s="23"/>
      <c r="EH595" s="23"/>
      <c r="EI595" s="23"/>
      <c r="EJ595" s="23"/>
      <c r="EK595" s="23"/>
      <c r="EL595" s="23"/>
      <c r="EM595" s="23"/>
      <c r="EN595" s="23"/>
      <c r="EO595" s="23"/>
      <c r="EP595" s="23"/>
      <c r="EQ595" s="23"/>
      <c r="ER595" s="23"/>
      <c r="ES595" s="23"/>
      <c r="ET595" s="23"/>
      <c r="EU595" s="23"/>
      <c r="EV595" s="23"/>
      <c r="EW595" s="23"/>
      <c r="EX595" s="23"/>
      <c r="EY595" s="23"/>
      <c r="EZ595" s="23"/>
      <c r="FA595" s="23"/>
      <c r="FB595" s="23"/>
      <c r="FC595" s="23"/>
      <c r="FD595" s="23"/>
      <c r="FE595" s="23"/>
      <c r="FF595" s="23"/>
      <c r="FG595" s="23"/>
      <c r="FH595" s="23"/>
      <c r="FI595" s="23"/>
      <c r="FJ595" s="23"/>
      <c r="FK595" s="23"/>
      <c r="FL595" s="23"/>
      <c r="FM595" s="23"/>
      <c r="FN595" s="23"/>
      <c r="FO595" s="23"/>
      <c r="FP595" s="23"/>
      <c r="FQ595" s="23"/>
      <c r="FR595" s="23"/>
      <c r="FS595" s="23"/>
      <c r="FT595" s="23"/>
      <c r="FU595" s="23"/>
      <c r="FV595" s="23"/>
      <c r="FW595" s="23"/>
      <c r="FX595" s="23"/>
      <c r="FY595" s="23"/>
      <c r="FZ595" s="23"/>
      <c r="GA595" s="23"/>
      <c r="GB595" s="23"/>
      <c r="GC595" s="23"/>
      <c r="GD595" s="23"/>
      <c r="GE595" s="23"/>
      <c r="GF595" s="23"/>
      <c r="GG595" s="23"/>
      <c r="GH595" s="23"/>
      <c r="GI595" s="23"/>
      <c r="GJ595" s="23"/>
      <c r="GK595" s="23"/>
      <c r="GL595" s="23"/>
      <c r="GM595" s="23"/>
      <c r="GN595" s="23"/>
      <c r="GO595" s="23"/>
      <c r="GP595" s="23"/>
      <c r="GQ595" s="23"/>
      <c r="GR595" s="23"/>
      <c r="GS595" s="23"/>
      <c r="GT595" s="23"/>
      <c r="GU595" s="23"/>
      <c r="GV595" s="23"/>
      <c r="GW595" s="23"/>
      <c r="GX595" s="23"/>
      <c r="GY595" s="23"/>
      <c r="GZ595" s="23"/>
      <c r="HA595" s="23"/>
      <c r="HB595" s="23"/>
      <c r="HC595" s="23"/>
      <c r="HD595" s="23"/>
      <c r="HE595" s="23"/>
      <c r="HF595" s="23"/>
      <c r="HG595" s="23"/>
      <c r="HH595" s="23"/>
      <c r="HI595" s="23"/>
      <c r="HJ595" s="23"/>
      <c r="HK595" s="23"/>
      <c r="HL595" s="23"/>
      <c r="HM595" s="23"/>
      <c r="HN595" s="23"/>
      <c r="HO595" s="23"/>
      <c r="HP595" s="23"/>
      <c r="HQ595" s="23"/>
      <c r="HR595" s="23"/>
      <c r="HS595" s="23"/>
      <c r="HT595" s="23"/>
      <c r="HU595" s="23"/>
      <c r="HV595" s="23"/>
      <c r="HW595" s="23"/>
      <c r="HX595" s="23"/>
      <c r="HY595" s="23"/>
      <c r="HZ595" s="23"/>
      <c r="IA595" s="23"/>
      <c r="IB595" s="23"/>
      <c r="IC595" s="23"/>
      <c r="ID595" s="23"/>
      <c r="IE595" s="23"/>
      <c r="IF595" s="23"/>
      <c r="IG595" s="23"/>
      <c r="IH595" s="23"/>
      <c r="II595" s="23"/>
      <c r="IJ595" s="23"/>
      <c r="IK595" s="23"/>
      <c r="IL595" s="23"/>
      <c r="IM595" s="23"/>
      <c r="IN595" s="23"/>
      <c r="IO595" s="23"/>
      <c r="IP595" s="23"/>
      <c r="IQ595" s="23"/>
    </row>
    <row r="597" spans="1:251" s="23" customFormat="1" ht="19.2">
      <c r="A597" s="22" t="s">
        <v>86</v>
      </c>
      <c r="AW597" s="24"/>
      <c r="AX597" s="25"/>
      <c r="AY597" s="24"/>
    </row>
    <row r="598" spans="1:251" s="23" customFormat="1" ht="13.2"/>
    <row r="599" spans="1:251" s="23" customFormat="1">
      <c r="A599" s="26"/>
      <c r="B599" s="115" t="s">
        <v>87</v>
      </c>
      <c r="C599" s="153"/>
      <c r="D599" s="153"/>
      <c r="E599" s="153"/>
      <c r="F599" s="153"/>
      <c r="G599" s="153"/>
      <c r="H599" s="153"/>
      <c r="I599" s="153"/>
      <c r="J599" s="153"/>
      <c r="K599" s="153"/>
      <c r="L599" s="153"/>
      <c r="M599" s="153"/>
      <c r="N599" s="153"/>
      <c r="O599" s="153"/>
      <c r="P599" s="153"/>
      <c r="Q599" s="153"/>
      <c r="R599" s="153"/>
      <c r="S599" s="153"/>
      <c r="T599" s="153"/>
      <c r="U599" s="153"/>
      <c r="V599" s="153"/>
      <c r="W599" s="153"/>
      <c r="X599" s="153"/>
      <c r="Y599" s="153"/>
      <c r="Z599" s="153"/>
      <c r="AA599" s="153"/>
      <c r="AB599" s="153"/>
      <c r="AC599" s="153"/>
      <c r="AD599" s="153"/>
      <c r="AE599" s="153"/>
      <c r="AF599" s="153"/>
      <c r="AG599" s="153"/>
      <c r="AH599" s="153"/>
      <c r="AI599" s="153"/>
      <c r="AJ599" s="153"/>
      <c r="AK599" s="153"/>
      <c r="AL599" s="153"/>
      <c r="AM599" s="153"/>
      <c r="AN599" s="153"/>
      <c r="AO599" s="153"/>
      <c r="AP599" s="153"/>
      <c r="AQ599" s="153"/>
      <c r="AR599" s="153"/>
      <c r="AS599" s="153"/>
      <c r="AT599" s="153"/>
      <c r="AU599" s="153"/>
      <c r="AV599" s="153"/>
      <c r="AW599" s="153"/>
      <c r="AX599" s="153"/>
      <c r="AY599" s="26"/>
    </row>
    <row r="600" spans="1:251" s="23" customFormat="1" ht="13.2">
      <c r="Z600" s="27"/>
      <c r="AD600" s="27"/>
      <c r="AE600" s="27"/>
      <c r="AF600" s="27"/>
      <c r="AG600" s="27"/>
      <c r="AH600" s="27"/>
      <c r="AI600" s="27"/>
      <c r="AO600" s="27"/>
    </row>
    <row r="601" spans="1:251" s="23" customFormat="1" ht="13.8" thickBot="1">
      <c r="Z601" s="27"/>
      <c r="AD601" s="27"/>
      <c r="AE601" s="27"/>
      <c r="AF601" s="27"/>
      <c r="AG601" s="27"/>
      <c r="AH601" s="27"/>
      <c r="AI601" s="27"/>
      <c r="AO601" s="27"/>
      <c r="DI601" s="28"/>
    </row>
    <row r="602" spans="1:251" s="23" customFormat="1" ht="24.6" customHeight="1" thickBot="1">
      <c r="A602" s="116" t="s">
        <v>88</v>
      </c>
      <c r="B602" s="117"/>
      <c r="C602" s="117"/>
      <c r="D602" s="117"/>
      <c r="E602" s="117"/>
      <c r="F602" s="117"/>
      <c r="G602" s="117"/>
      <c r="H602" s="117"/>
      <c r="I602" s="117"/>
      <c r="J602" s="117"/>
      <c r="K602" s="118"/>
      <c r="L602" s="154">
        <v>18</v>
      </c>
      <c r="M602" s="154"/>
      <c r="N602" s="154"/>
      <c r="O602" s="155"/>
      <c r="P602" s="122" t="s">
        <v>89</v>
      </c>
      <c r="Q602" s="120"/>
      <c r="R602" s="120"/>
      <c r="S602" s="120"/>
      <c r="T602" s="120"/>
      <c r="U602" s="123"/>
      <c r="V602" s="156" t="s">
        <v>207</v>
      </c>
      <c r="W602" s="156"/>
      <c r="X602" s="156"/>
      <c r="Y602" s="156"/>
      <c r="Z602" s="156"/>
      <c r="AA602" s="156"/>
      <c r="AB602" s="156"/>
      <c r="AC602" s="156"/>
      <c r="AD602" s="156"/>
      <c r="AE602" s="156"/>
      <c r="AF602" s="156"/>
      <c r="AG602" s="156"/>
      <c r="AH602" s="156"/>
      <c r="AI602" s="156"/>
      <c r="AJ602" s="156"/>
      <c r="AK602" s="156"/>
      <c r="AL602" s="156"/>
      <c r="AM602" s="156"/>
      <c r="AN602" s="156"/>
      <c r="AO602" s="156"/>
      <c r="AP602" s="156"/>
      <c r="AQ602" s="156"/>
      <c r="AR602" s="156"/>
      <c r="AS602" s="156"/>
      <c r="AT602" s="156"/>
      <c r="AU602" s="156"/>
      <c r="AV602" s="156"/>
      <c r="AW602" s="156"/>
      <c r="AX602" s="157"/>
      <c r="DI602" s="28"/>
    </row>
    <row r="603" spans="1:251" s="23" customFormat="1" ht="14.4">
      <c r="A603" s="29"/>
      <c r="B603" s="29"/>
      <c r="C603" s="29"/>
      <c r="D603" s="29"/>
      <c r="E603" s="29"/>
      <c r="F603" s="29"/>
      <c r="G603" s="29"/>
      <c r="H603" s="29"/>
      <c r="I603" s="29"/>
      <c r="J603" s="29"/>
      <c r="K603" s="29"/>
      <c r="L603" s="30"/>
      <c r="M603" s="30"/>
      <c r="N603" s="30"/>
      <c r="O603" s="30"/>
      <c r="P603" s="29"/>
      <c r="Q603" s="29"/>
      <c r="R603" s="29"/>
      <c r="S603" s="29"/>
      <c r="T603" s="29"/>
      <c r="U603" s="29"/>
      <c r="V603" s="31"/>
      <c r="W603" s="31"/>
      <c r="X603" s="31"/>
      <c r="Y603" s="31"/>
      <c r="Z603" s="31"/>
      <c r="AA603" s="31"/>
      <c r="AB603" s="31"/>
      <c r="AC603" s="31"/>
      <c r="AD603" s="31"/>
      <c r="AE603" s="31"/>
      <c r="AF603" s="31"/>
      <c r="AG603" s="31"/>
      <c r="AH603" s="31"/>
      <c r="AI603" s="31"/>
      <c r="AJ603" s="31"/>
      <c r="AK603" s="31"/>
      <c r="AL603" s="31"/>
      <c r="AM603" s="31"/>
      <c r="AN603" s="31"/>
      <c r="AO603" s="31"/>
      <c r="AP603" s="31"/>
      <c r="AQ603" s="31"/>
      <c r="AR603" s="31"/>
      <c r="AS603" s="31"/>
      <c r="AT603" s="31"/>
      <c r="AU603" s="31"/>
      <c r="AV603" s="31"/>
      <c r="AW603" s="31"/>
      <c r="AX603" s="31"/>
      <c r="DI603" s="28"/>
    </row>
    <row r="604" spans="1:251" s="23" customFormat="1" ht="15" thickBot="1">
      <c r="A604" s="32"/>
      <c r="B604" s="33" t="s">
        <v>91</v>
      </c>
      <c r="C604" s="34"/>
      <c r="D604" s="34"/>
      <c r="E604" s="34"/>
      <c r="F604" s="34"/>
      <c r="G604" s="34"/>
      <c r="H604" s="34"/>
      <c r="I604" s="34"/>
      <c r="J604" s="34"/>
      <c r="K604" s="34"/>
      <c r="L604" s="35"/>
      <c r="M604" s="35"/>
      <c r="N604" s="35"/>
      <c r="O604" s="35"/>
      <c r="P604" s="34"/>
      <c r="Q604" s="34"/>
      <c r="R604" s="34"/>
      <c r="S604" s="34"/>
      <c r="T604" s="34"/>
      <c r="U604" s="34"/>
      <c r="V604" s="33"/>
      <c r="W604" s="33"/>
      <c r="X604" s="33"/>
      <c r="Y604" s="33"/>
      <c r="Z604" s="33"/>
      <c r="AA604" s="33"/>
      <c r="AB604" s="33"/>
      <c r="AC604" s="33"/>
      <c r="AD604" s="33"/>
      <c r="AE604" s="33"/>
      <c r="AF604" s="33"/>
      <c r="AG604" s="33"/>
      <c r="AH604" s="33"/>
      <c r="AI604" s="33"/>
      <c r="AJ604" s="33"/>
      <c r="AK604" s="33"/>
      <c r="AL604" s="33"/>
      <c r="AM604" s="33"/>
      <c r="AN604" s="33"/>
      <c r="AO604" s="33"/>
      <c r="AP604" s="33"/>
      <c r="AQ604" s="33"/>
      <c r="AR604" s="33"/>
      <c r="AS604" s="33"/>
      <c r="AT604" s="33"/>
      <c r="AU604" s="33"/>
      <c r="AV604" s="33"/>
      <c r="AW604" s="33"/>
      <c r="AX604" s="33"/>
      <c r="DI604" s="28"/>
    </row>
    <row r="605" spans="1:251" s="23" customFormat="1" ht="14.4">
      <c r="A605" s="34"/>
      <c r="B605" s="36"/>
      <c r="C605" s="29"/>
      <c r="D605" s="29"/>
      <c r="E605" s="29"/>
      <c r="F605" s="29"/>
      <c r="G605" s="29"/>
      <c r="H605" s="29"/>
      <c r="I605" s="29"/>
      <c r="J605" s="29"/>
      <c r="K605" s="29"/>
      <c r="L605" s="30"/>
      <c r="M605" s="30"/>
      <c r="N605" s="30"/>
      <c r="O605" s="30"/>
      <c r="P605" s="29"/>
      <c r="Q605" s="29"/>
      <c r="R605" s="29"/>
      <c r="S605" s="29"/>
      <c r="T605" s="29"/>
      <c r="U605" s="29"/>
      <c r="V605" s="31"/>
      <c r="W605" s="31"/>
      <c r="X605" s="31"/>
      <c r="Y605" s="31"/>
      <c r="Z605" s="31"/>
      <c r="AA605" s="31"/>
      <c r="AB605" s="31"/>
      <c r="AC605" s="31"/>
      <c r="AD605" s="31"/>
      <c r="AE605" s="31"/>
      <c r="AF605" s="31"/>
      <c r="AG605" s="31"/>
      <c r="AH605" s="31"/>
      <c r="AI605" s="31"/>
      <c r="AJ605" s="31"/>
      <c r="AK605" s="31"/>
      <c r="AL605" s="31"/>
      <c r="AM605" s="31"/>
      <c r="AN605" s="31"/>
      <c r="AO605" s="31"/>
      <c r="AP605" s="31"/>
      <c r="AQ605" s="31"/>
      <c r="AR605" s="31"/>
      <c r="AS605" s="31"/>
      <c r="AT605" s="31"/>
      <c r="AU605" s="31"/>
      <c r="AV605" s="31"/>
      <c r="AW605" s="31"/>
      <c r="AX605" s="37"/>
    </row>
    <row r="606" spans="1:251" s="23" customFormat="1" ht="10.8" customHeight="1">
      <c r="A606" s="34"/>
      <c r="B606" s="127" t="s">
        <v>208</v>
      </c>
      <c r="C606" s="128"/>
      <c r="D606" s="128"/>
      <c r="E606" s="128"/>
      <c r="F606" s="128"/>
      <c r="G606" s="128"/>
      <c r="H606" s="128"/>
      <c r="I606" s="128"/>
      <c r="J606" s="128"/>
      <c r="K606" s="128"/>
      <c r="L606" s="128"/>
      <c r="M606" s="128"/>
      <c r="N606" s="128"/>
      <c r="O606" s="128"/>
      <c r="P606" s="128"/>
      <c r="Q606" s="128"/>
      <c r="R606" s="128"/>
      <c r="S606" s="128"/>
      <c r="T606" s="128"/>
      <c r="U606" s="128"/>
      <c r="V606" s="128"/>
      <c r="W606" s="128"/>
      <c r="X606" s="128"/>
      <c r="Y606" s="128"/>
      <c r="Z606" s="128"/>
      <c r="AA606" s="128"/>
      <c r="AB606" s="128"/>
      <c r="AC606" s="128"/>
      <c r="AD606" s="128"/>
      <c r="AE606" s="128"/>
      <c r="AF606" s="128"/>
      <c r="AG606" s="128"/>
      <c r="AH606" s="128"/>
      <c r="AI606" s="128"/>
      <c r="AJ606" s="128"/>
      <c r="AK606" s="128"/>
      <c r="AL606" s="128"/>
      <c r="AM606" s="128"/>
      <c r="AN606" s="128"/>
      <c r="AO606" s="128"/>
      <c r="AP606" s="128"/>
      <c r="AQ606" s="128"/>
      <c r="AR606" s="128"/>
      <c r="AS606" s="128"/>
      <c r="AT606" s="128"/>
      <c r="AU606" s="128"/>
      <c r="AV606" s="128"/>
      <c r="AW606" s="128"/>
      <c r="AX606" s="129"/>
    </row>
    <row r="607" spans="1:251" s="23" customFormat="1" ht="10.8" customHeight="1">
      <c r="A607" s="34"/>
      <c r="B607" s="127"/>
      <c r="C607" s="128"/>
      <c r="D607" s="128"/>
      <c r="E607" s="128"/>
      <c r="F607" s="128"/>
      <c r="G607" s="128"/>
      <c r="H607" s="128"/>
      <c r="I607" s="128"/>
      <c r="J607" s="128"/>
      <c r="K607" s="128"/>
      <c r="L607" s="128"/>
      <c r="M607" s="128"/>
      <c r="N607" s="128"/>
      <c r="O607" s="128"/>
      <c r="P607" s="128"/>
      <c r="Q607" s="128"/>
      <c r="R607" s="128"/>
      <c r="S607" s="128"/>
      <c r="T607" s="128"/>
      <c r="U607" s="128"/>
      <c r="V607" s="128"/>
      <c r="W607" s="128"/>
      <c r="X607" s="128"/>
      <c r="Y607" s="128"/>
      <c r="Z607" s="128"/>
      <c r="AA607" s="128"/>
      <c r="AB607" s="128"/>
      <c r="AC607" s="128"/>
      <c r="AD607" s="128"/>
      <c r="AE607" s="128"/>
      <c r="AF607" s="128"/>
      <c r="AG607" s="128"/>
      <c r="AH607" s="128"/>
      <c r="AI607" s="128"/>
      <c r="AJ607" s="128"/>
      <c r="AK607" s="128"/>
      <c r="AL607" s="128"/>
      <c r="AM607" s="128"/>
      <c r="AN607" s="128"/>
      <c r="AO607" s="128"/>
      <c r="AP607" s="128"/>
      <c r="AQ607" s="128"/>
      <c r="AR607" s="128"/>
      <c r="AS607" s="128"/>
      <c r="AT607" s="128"/>
      <c r="AU607" s="128"/>
      <c r="AV607" s="128"/>
      <c r="AW607" s="128"/>
      <c r="AX607" s="129"/>
      <c r="BC607" s="17"/>
    </row>
    <row r="608" spans="1:251" s="23" customFormat="1" ht="10.8" customHeight="1">
      <c r="A608" s="34"/>
      <c r="B608" s="127"/>
      <c r="C608" s="128"/>
      <c r="D608" s="128"/>
      <c r="E608" s="128"/>
      <c r="F608" s="128"/>
      <c r="G608" s="128"/>
      <c r="H608" s="128"/>
      <c r="I608" s="128"/>
      <c r="J608" s="128"/>
      <c r="K608" s="128"/>
      <c r="L608" s="128"/>
      <c r="M608" s="128"/>
      <c r="N608" s="128"/>
      <c r="O608" s="128"/>
      <c r="P608" s="128"/>
      <c r="Q608" s="128"/>
      <c r="R608" s="128"/>
      <c r="S608" s="128"/>
      <c r="T608" s="128"/>
      <c r="U608" s="128"/>
      <c r="V608" s="128"/>
      <c r="W608" s="128"/>
      <c r="X608" s="128"/>
      <c r="Y608" s="128"/>
      <c r="Z608" s="128"/>
      <c r="AA608" s="128"/>
      <c r="AB608" s="128"/>
      <c r="AC608" s="128"/>
      <c r="AD608" s="128"/>
      <c r="AE608" s="128"/>
      <c r="AF608" s="128"/>
      <c r="AG608" s="128"/>
      <c r="AH608" s="128"/>
      <c r="AI608" s="128"/>
      <c r="AJ608" s="128"/>
      <c r="AK608" s="128"/>
      <c r="AL608" s="128"/>
      <c r="AM608" s="128"/>
      <c r="AN608" s="128"/>
      <c r="AO608" s="128"/>
      <c r="AP608" s="128"/>
      <c r="AQ608" s="128"/>
      <c r="AR608" s="128"/>
      <c r="AS608" s="128"/>
      <c r="AT608" s="128"/>
      <c r="AU608" s="128"/>
      <c r="AV608" s="128"/>
      <c r="AW608" s="128"/>
      <c r="AX608" s="129"/>
    </row>
    <row r="609" spans="1:251" s="23" customFormat="1" ht="10.8" customHeight="1">
      <c r="A609" s="34"/>
      <c r="B609" s="127"/>
      <c r="C609" s="128"/>
      <c r="D609" s="128"/>
      <c r="E609" s="128"/>
      <c r="F609" s="128"/>
      <c r="G609" s="128"/>
      <c r="H609" s="128"/>
      <c r="I609" s="128"/>
      <c r="J609" s="128"/>
      <c r="K609" s="128"/>
      <c r="L609" s="128"/>
      <c r="M609" s="128"/>
      <c r="N609" s="128"/>
      <c r="O609" s="128"/>
      <c r="P609" s="128"/>
      <c r="Q609" s="128"/>
      <c r="R609" s="128"/>
      <c r="S609" s="128"/>
      <c r="T609" s="128"/>
      <c r="U609" s="128"/>
      <c r="V609" s="128"/>
      <c r="W609" s="128"/>
      <c r="X609" s="128"/>
      <c r="Y609" s="128"/>
      <c r="Z609" s="128"/>
      <c r="AA609" s="128"/>
      <c r="AB609" s="128"/>
      <c r="AC609" s="128"/>
      <c r="AD609" s="128"/>
      <c r="AE609" s="128"/>
      <c r="AF609" s="128"/>
      <c r="AG609" s="128"/>
      <c r="AH609" s="128"/>
      <c r="AI609" s="128"/>
      <c r="AJ609" s="128"/>
      <c r="AK609" s="128"/>
      <c r="AL609" s="128"/>
      <c r="AM609" s="128"/>
      <c r="AN609" s="128"/>
      <c r="AO609" s="128"/>
      <c r="AP609" s="128"/>
      <c r="AQ609" s="128"/>
      <c r="AR609" s="128"/>
      <c r="AS609" s="128"/>
      <c r="AT609" s="128"/>
      <c r="AU609" s="128"/>
      <c r="AV609" s="128"/>
      <c r="AW609" s="128"/>
      <c r="AX609" s="129"/>
    </row>
    <row r="610" spans="1:251" s="23" customFormat="1" ht="10.8" customHeight="1">
      <c r="A610" s="34"/>
      <c r="B610" s="127"/>
      <c r="C610" s="128"/>
      <c r="D610" s="128"/>
      <c r="E610" s="128"/>
      <c r="F610" s="128"/>
      <c r="G610" s="128"/>
      <c r="H610" s="128"/>
      <c r="I610" s="128"/>
      <c r="J610" s="128"/>
      <c r="K610" s="128"/>
      <c r="L610" s="128"/>
      <c r="M610" s="128"/>
      <c r="N610" s="128"/>
      <c r="O610" s="128"/>
      <c r="P610" s="128"/>
      <c r="Q610" s="128"/>
      <c r="R610" s="128"/>
      <c r="S610" s="128"/>
      <c r="T610" s="128"/>
      <c r="U610" s="128"/>
      <c r="V610" s="128"/>
      <c r="W610" s="128"/>
      <c r="X610" s="128"/>
      <c r="Y610" s="128"/>
      <c r="Z610" s="128"/>
      <c r="AA610" s="128"/>
      <c r="AB610" s="128"/>
      <c r="AC610" s="128"/>
      <c r="AD610" s="128"/>
      <c r="AE610" s="128"/>
      <c r="AF610" s="128"/>
      <c r="AG610" s="128"/>
      <c r="AH610" s="128"/>
      <c r="AI610" s="128"/>
      <c r="AJ610" s="128"/>
      <c r="AK610" s="128"/>
      <c r="AL610" s="128"/>
      <c r="AM610" s="128"/>
      <c r="AN610" s="128"/>
      <c r="AO610" s="128"/>
      <c r="AP610" s="128"/>
      <c r="AQ610" s="128"/>
      <c r="AR610" s="128"/>
      <c r="AS610" s="128"/>
      <c r="AT610" s="128"/>
      <c r="AU610" s="128"/>
      <c r="AV610" s="128"/>
      <c r="AW610" s="128"/>
      <c r="AX610" s="129"/>
    </row>
    <row r="611" spans="1:251" s="23" customFormat="1" ht="10.8" customHeight="1">
      <c r="A611" s="34"/>
      <c r="B611" s="127"/>
      <c r="C611" s="128"/>
      <c r="D611" s="128"/>
      <c r="E611" s="128"/>
      <c r="F611" s="128"/>
      <c r="G611" s="128"/>
      <c r="H611" s="128"/>
      <c r="I611" s="128"/>
      <c r="J611" s="128"/>
      <c r="K611" s="128"/>
      <c r="L611" s="128"/>
      <c r="M611" s="128"/>
      <c r="N611" s="128"/>
      <c r="O611" s="128"/>
      <c r="P611" s="128"/>
      <c r="Q611" s="128"/>
      <c r="R611" s="128"/>
      <c r="S611" s="128"/>
      <c r="T611" s="128"/>
      <c r="U611" s="128"/>
      <c r="V611" s="128"/>
      <c r="W611" s="128"/>
      <c r="X611" s="128"/>
      <c r="Y611" s="128"/>
      <c r="Z611" s="128"/>
      <c r="AA611" s="128"/>
      <c r="AB611" s="128"/>
      <c r="AC611" s="128"/>
      <c r="AD611" s="128"/>
      <c r="AE611" s="128"/>
      <c r="AF611" s="128"/>
      <c r="AG611" s="128"/>
      <c r="AH611" s="128"/>
      <c r="AI611" s="128"/>
      <c r="AJ611" s="128"/>
      <c r="AK611" s="128"/>
      <c r="AL611" s="128"/>
      <c r="AM611" s="128"/>
      <c r="AN611" s="128"/>
      <c r="AO611" s="128"/>
      <c r="AP611" s="128"/>
      <c r="AQ611" s="128"/>
      <c r="AR611" s="128"/>
      <c r="AS611" s="128"/>
      <c r="AT611" s="128"/>
      <c r="AU611" s="128"/>
      <c r="AV611" s="128"/>
      <c r="AW611" s="128"/>
      <c r="AX611" s="129"/>
    </row>
    <row r="612" spans="1:251" s="23" customFormat="1" ht="10.8" customHeight="1">
      <c r="A612" s="34"/>
      <c r="B612" s="127"/>
      <c r="C612" s="128"/>
      <c r="D612" s="128"/>
      <c r="E612" s="128"/>
      <c r="F612" s="128"/>
      <c r="G612" s="128"/>
      <c r="H612" s="128"/>
      <c r="I612" s="128"/>
      <c r="J612" s="128"/>
      <c r="K612" s="128"/>
      <c r="L612" s="128"/>
      <c r="M612" s="128"/>
      <c r="N612" s="128"/>
      <c r="O612" s="128"/>
      <c r="P612" s="128"/>
      <c r="Q612" s="128"/>
      <c r="R612" s="128"/>
      <c r="S612" s="128"/>
      <c r="T612" s="128"/>
      <c r="U612" s="128"/>
      <c r="V612" s="128"/>
      <c r="W612" s="128"/>
      <c r="X612" s="128"/>
      <c r="Y612" s="128"/>
      <c r="Z612" s="128"/>
      <c r="AA612" s="128"/>
      <c r="AB612" s="128"/>
      <c r="AC612" s="128"/>
      <c r="AD612" s="128"/>
      <c r="AE612" s="128"/>
      <c r="AF612" s="128"/>
      <c r="AG612" s="128"/>
      <c r="AH612" s="128"/>
      <c r="AI612" s="128"/>
      <c r="AJ612" s="128"/>
      <c r="AK612" s="128"/>
      <c r="AL612" s="128"/>
      <c r="AM612" s="128"/>
      <c r="AN612" s="128"/>
      <c r="AO612" s="128"/>
      <c r="AP612" s="128"/>
      <c r="AQ612" s="128"/>
      <c r="AR612" s="128"/>
      <c r="AS612" s="128"/>
      <c r="AT612" s="128"/>
      <c r="AU612" s="128"/>
      <c r="AV612" s="128"/>
      <c r="AW612" s="128"/>
      <c r="AX612" s="129"/>
    </row>
    <row r="613" spans="1:251" s="23" customFormat="1" ht="10.8" customHeight="1">
      <c r="A613" s="34"/>
      <c r="B613" s="127"/>
      <c r="C613" s="128"/>
      <c r="D613" s="128"/>
      <c r="E613" s="128"/>
      <c r="F613" s="128"/>
      <c r="G613" s="128"/>
      <c r="H613" s="128"/>
      <c r="I613" s="128"/>
      <c r="J613" s="128"/>
      <c r="K613" s="128"/>
      <c r="L613" s="128"/>
      <c r="M613" s="128"/>
      <c r="N613" s="128"/>
      <c r="O613" s="128"/>
      <c r="P613" s="128"/>
      <c r="Q613" s="128"/>
      <c r="R613" s="128"/>
      <c r="S613" s="128"/>
      <c r="T613" s="128"/>
      <c r="U613" s="128"/>
      <c r="V613" s="128"/>
      <c r="W613" s="128"/>
      <c r="X613" s="128"/>
      <c r="Y613" s="128"/>
      <c r="Z613" s="128"/>
      <c r="AA613" s="128"/>
      <c r="AB613" s="128"/>
      <c r="AC613" s="128"/>
      <c r="AD613" s="128"/>
      <c r="AE613" s="128"/>
      <c r="AF613" s="128"/>
      <c r="AG613" s="128"/>
      <c r="AH613" s="128"/>
      <c r="AI613" s="128"/>
      <c r="AJ613" s="128"/>
      <c r="AK613" s="128"/>
      <c r="AL613" s="128"/>
      <c r="AM613" s="128"/>
      <c r="AN613" s="128"/>
      <c r="AO613" s="128"/>
      <c r="AP613" s="128"/>
      <c r="AQ613" s="128"/>
      <c r="AR613" s="128"/>
      <c r="AS613" s="128"/>
      <c r="AT613" s="128"/>
      <c r="AU613" s="128"/>
      <c r="AV613" s="128"/>
      <c r="AW613" s="128"/>
      <c r="AX613" s="129"/>
    </row>
    <row r="614" spans="1:251" s="23" customFormat="1" ht="10.8" customHeight="1">
      <c r="A614" s="34"/>
      <c r="B614" s="127"/>
      <c r="C614" s="128"/>
      <c r="D614" s="128"/>
      <c r="E614" s="128"/>
      <c r="F614" s="128"/>
      <c r="G614" s="128"/>
      <c r="H614" s="128"/>
      <c r="I614" s="128"/>
      <c r="J614" s="128"/>
      <c r="K614" s="128"/>
      <c r="L614" s="128"/>
      <c r="M614" s="128"/>
      <c r="N614" s="128"/>
      <c r="O614" s="128"/>
      <c r="P614" s="128"/>
      <c r="Q614" s="128"/>
      <c r="R614" s="128"/>
      <c r="S614" s="128"/>
      <c r="T614" s="128"/>
      <c r="U614" s="128"/>
      <c r="V614" s="128"/>
      <c r="W614" s="128"/>
      <c r="X614" s="128"/>
      <c r="Y614" s="128"/>
      <c r="Z614" s="128"/>
      <c r="AA614" s="128"/>
      <c r="AB614" s="128"/>
      <c r="AC614" s="128"/>
      <c r="AD614" s="128"/>
      <c r="AE614" s="128"/>
      <c r="AF614" s="128"/>
      <c r="AG614" s="128"/>
      <c r="AH614" s="128"/>
      <c r="AI614" s="128"/>
      <c r="AJ614" s="128"/>
      <c r="AK614" s="128"/>
      <c r="AL614" s="128"/>
      <c r="AM614" s="128"/>
      <c r="AN614" s="128"/>
      <c r="AO614" s="128"/>
      <c r="AP614" s="128"/>
      <c r="AQ614" s="128"/>
      <c r="AR614" s="128"/>
      <c r="AS614" s="128"/>
      <c r="AT614" s="128"/>
      <c r="AU614" s="128"/>
      <c r="AV614" s="128"/>
      <c r="AW614" s="128"/>
      <c r="AX614" s="129"/>
    </row>
    <row r="615" spans="1:251" s="23" customFormat="1" ht="10.8" customHeight="1">
      <c r="A615" s="34"/>
      <c r="B615" s="127"/>
      <c r="C615" s="128"/>
      <c r="D615" s="128"/>
      <c r="E615" s="128"/>
      <c r="F615" s="128"/>
      <c r="G615" s="128"/>
      <c r="H615" s="128"/>
      <c r="I615" s="128"/>
      <c r="J615" s="128"/>
      <c r="K615" s="128"/>
      <c r="L615" s="128"/>
      <c r="M615" s="128"/>
      <c r="N615" s="128"/>
      <c r="O615" s="128"/>
      <c r="P615" s="128"/>
      <c r="Q615" s="128"/>
      <c r="R615" s="128"/>
      <c r="S615" s="128"/>
      <c r="T615" s="128"/>
      <c r="U615" s="128"/>
      <c r="V615" s="128"/>
      <c r="W615" s="128"/>
      <c r="X615" s="128"/>
      <c r="Y615" s="128"/>
      <c r="Z615" s="128"/>
      <c r="AA615" s="128"/>
      <c r="AB615" s="128"/>
      <c r="AC615" s="128"/>
      <c r="AD615" s="128"/>
      <c r="AE615" s="128"/>
      <c r="AF615" s="128"/>
      <c r="AG615" s="128"/>
      <c r="AH615" s="128"/>
      <c r="AI615" s="128"/>
      <c r="AJ615" s="128"/>
      <c r="AK615" s="128"/>
      <c r="AL615" s="128"/>
      <c r="AM615" s="128"/>
      <c r="AN615" s="128"/>
      <c r="AO615" s="128"/>
      <c r="AP615" s="128"/>
      <c r="AQ615" s="128"/>
      <c r="AR615" s="128"/>
      <c r="AS615" s="128"/>
      <c r="AT615" s="128"/>
      <c r="AU615" s="128"/>
      <c r="AV615" s="128"/>
      <c r="AW615" s="128"/>
      <c r="AX615" s="129"/>
    </row>
    <row r="616" spans="1:251" s="23" customFormat="1" ht="15" thickBot="1">
      <c r="A616" s="38"/>
      <c r="B616" s="39"/>
      <c r="C616" s="40"/>
      <c r="D616" s="40"/>
      <c r="E616" s="40"/>
      <c r="F616" s="40"/>
      <c r="G616" s="40"/>
      <c r="H616" s="40"/>
      <c r="I616" s="40"/>
      <c r="J616" s="40"/>
      <c r="K616" s="40"/>
      <c r="L616" s="40"/>
      <c r="M616" s="40"/>
      <c r="N616" s="40"/>
      <c r="O616" s="40"/>
      <c r="P616" s="40"/>
      <c r="Q616" s="40"/>
      <c r="R616" s="40"/>
      <c r="S616" s="40"/>
      <c r="T616" s="40"/>
      <c r="U616" s="40"/>
      <c r="V616" s="40"/>
      <c r="W616" s="40"/>
      <c r="X616" s="40"/>
      <c r="Y616" s="40"/>
      <c r="Z616" s="40"/>
      <c r="AA616" s="40"/>
      <c r="AB616" s="40"/>
      <c r="AC616" s="40"/>
      <c r="AD616" s="40"/>
      <c r="AE616" s="40"/>
      <c r="AF616" s="40"/>
      <c r="AG616" s="40"/>
      <c r="AH616" s="40"/>
      <c r="AI616" s="40"/>
      <c r="AJ616" s="40"/>
      <c r="AK616" s="40"/>
      <c r="AL616" s="40"/>
      <c r="AM616" s="40"/>
      <c r="AN616" s="40"/>
      <c r="AO616" s="40"/>
      <c r="AP616" s="40"/>
      <c r="AQ616" s="40"/>
      <c r="AR616" s="40"/>
      <c r="AS616" s="40"/>
      <c r="AT616" s="40"/>
      <c r="AU616" s="40"/>
      <c r="AV616" s="40"/>
      <c r="AW616" s="40"/>
      <c r="AX616" s="41"/>
    </row>
    <row r="617" spans="1:251" s="23" customFormat="1" ht="13.2">
      <c r="B617" s="42"/>
    </row>
    <row r="618" spans="1:251" s="23" customFormat="1" ht="14.4">
      <c r="B618" s="33" t="s">
        <v>93</v>
      </c>
      <c r="C618" s="34"/>
      <c r="D618" s="34"/>
      <c r="E618" s="34"/>
      <c r="F618" s="34"/>
      <c r="G618" s="34"/>
      <c r="H618" s="34"/>
      <c r="I618" s="34"/>
      <c r="J618" s="34"/>
      <c r="K618" s="34"/>
      <c r="L618" s="35"/>
      <c r="M618" s="35"/>
      <c r="N618" s="35"/>
      <c r="O618" s="35"/>
      <c r="P618" s="34"/>
      <c r="Q618" s="34"/>
      <c r="R618" s="34"/>
      <c r="S618" s="34"/>
      <c r="T618" s="34"/>
      <c r="U618" s="34"/>
      <c r="V618" s="33"/>
      <c r="W618" s="33"/>
      <c r="X618" s="33"/>
      <c r="Y618" s="33"/>
      <c r="Z618" s="33"/>
      <c r="AA618" s="33"/>
      <c r="AB618" s="33"/>
      <c r="AC618" s="33"/>
      <c r="AD618" s="33"/>
      <c r="AE618" s="33"/>
      <c r="AF618" s="33"/>
      <c r="AG618" s="33"/>
      <c r="AH618" s="33"/>
      <c r="AI618" s="33"/>
      <c r="AJ618" s="33"/>
      <c r="AK618" s="33"/>
      <c r="AL618" s="33"/>
      <c r="AM618" s="33"/>
      <c r="AN618" s="33"/>
      <c r="AO618" s="33"/>
      <c r="AP618" s="33"/>
      <c r="AQ618" s="33"/>
      <c r="AR618" s="33"/>
      <c r="AS618" s="33"/>
      <c r="AT618" s="33"/>
      <c r="AU618" s="33"/>
      <c r="AV618" s="33"/>
      <c r="AW618" s="33"/>
      <c r="AX618" s="33"/>
    </row>
    <row r="619" spans="1:251" s="23" customFormat="1" ht="15" thickBot="1">
      <c r="B619" s="33"/>
      <c r="C619" s="34"/>
      <c r="D619" s="34"/>
      <c r="E619" s="34"/>
      <c r="F619" s="34"/>
      <c r="G619" s="34"/>
      <c r="H619" s="34"/>
      <c r="I619" s="34"/>
      <c r="J619" s="34"/>
      <c r="K619" s="34"/>
      <c r="L619" s="35"/>
      <c r="M619" s="35"/>
      <c r="N619" s="35"/>
      <c r="O619" s="35"/>
      <c r="P619" s="34"/>
      <c r="Q619" s="34"/>
      <c r="R619" s="34"/>
      <c r="S619" s="34"/>
      <c r="T619" s="34"/>
      <c r="U619" s="34"/>
      <c r="V619" s="33"/>
      <c r="W619" s="33"/>
      <c r="X619" s="33"/>
      <c r="Y619" s="33"/>
      <c r="Z619" s="33"/>
      <c r="AA619" s="33"/>
      <c r="AB619" s="33"/>
      <c r="AC619" s="33"/>
      <c r="AD619" s="33"/>
      <c r="AE619" s="33"/>
      <c r="AF619" s="33"/>
      <c r="AG619" s="33"/>
      <c r="AH619" s="33"/>
      <c r="AI619" s="33"/>
      <c r="AJ619" s="33"/>
      <c r="AK619" s="33"/>
      <c r="AL619" s="33"/>
      <c r="AM619" s="33"/>
      <c r="AN619" s="33"/>
      <c r="AO619" s="33"/>
      <c r="AP619" s="33"/>
      <c r="AQ619" s="33"/>
      <c r="AR619" s="33"/>
      <c r="AS619" s="33"/>
      <c r="AT619" s="33"/>
      <c r="AU619" s="33"/>
      <c r="AV619" s="33"/>
      <c r="AW619" s="33"/>
      <c r="AX619" s="43" t="s">
        <v>94</v>
      </c>
    </row>
    <row r="620" spans="1:251" s="50" customFormat="1" ht="13.5" customHeight="1">
      <c r="A620" s="34"/>
      <c r="B620" s="139" t="s">
        <v>95</v>
      </c>
      <c r="C620" s="203"/>
      <c r="D620" s="203"/>
      <c r="E620" s="203"/>
      <c r="F620" s="203"/>
      <c r="G620" s="203"/>
      <c r="H620" s="203"/>
      <c r="I620" s="203"/>
      <c r="J620" s="203"/>
      <c r="K620" s="203"/>
      <c r="L620" s="203"/>
      <c r="M620" s="203"/>
      <c r="N620" s="203"/>
      <c r="O620" s="203"/>
      <c r="P620" s="203"/>
      <c r="Q620" s="203"/>
      <c r="R620" s="203"/>
      <c r="S620" s="203"/>
      <c r="T620" s="203"/>
      <c r="U620" s="203"/>
      <c r="V620" s="203"/>
      <c r="W620" s="203"/>
      <c r="X620" s="203"/>
      <c r="Y620" s="203"/>
      <c r="Z620" s="204"/>
      <c r="AA620" s="145" t="s">
        <v>116</v>
      </c>
      <c r="AB620" s="203"/>
      <c r="AC620" s="203"/>
      <c r="AD620" s="203"/>
      <c r="AE620" s="203"/>
      <c r="AF620" s="203"/>
      <c r="AG620" s="203"/>
      <c r="AH620" s="203"/>
      <c r="AI620" s="204"/>
      <c r="AJ620" s="145" t="s">
        <v>117</v>
      </c>
      <c r="AK620" s="203"/>
      <c r="AL620" s="203"/>
      <c r="AM620" s="203"/>
      <c r="AN620" s="203"/>
      <c r="AO620" s="203"/>
      <c r="AP620" s="203"/>
      <c r="AQ620" s="203"/>
      <c r="AR620" s="204"/>
      <c r="AS620" s="145" t="s">
        <v>98</v>
      </c>
      <c r="AT620" s="203"/>
      <c r="AU620" s="203"/>
      <c r="AV620" s="203"/>
      <c r="AW620" s="203"/>
      <c r="AX620" s="209"/>
      <c r="AY620" s="23"/>
      <c r="AZ620" s="23"/>
      <c r="BA620" s="23"/>
      <c r="BB620" s="23"/>
      <c r="BC620" s="23"/>
      <c r="BD620" s="23"/>
      <c r="BE620" s="23"/>
      <c r="BF620" s="23"/>
      <c r="BG620" s="23"/>
      <c r="BH620" s="23"/>
      <c r="BI620" s="23"/>
      <c r="BJ620" s="23"/>
      <c r="BK620" s="23"/>
      <c r="BL620" s="23"/>
      <c r="BM620" s="23"/>
      <c r="BN620" s="23"/>
      <c r="BO620" s="23"/>
      <c r="BP620" s="23"/>
      <c r="BQ620" s="23"/>
      <c r="BR620" s="23"/>
      <c r="BS620" s="23"/>
      <c r="BT620" s="23"/>
      <c r="BU620" s="23"/>
      <c r="BV620" s="23"/>
      <c r="BW620" s="23"/>
      <c r="BX620" s="23"/>
      <c r="BY620" s="23"/>
      <c r="BZ620" s="23"/>
      <c r="CA620" s="23"/>
      <c r="CB620" s="23"/>
      <c r="CC620" s="23"/>
      <c r="CD620" s="23"/>
      <c r="CE620" s="23"/>
      <c r="CF620" s="23"/>
      <c r="CG620" s="23"/>
      <c r="CH620" s="23"/>
      <c r="CI620" s="23"/>
      <c r="CJ620" s="23"/>
      <c r="CK620" s="23"/>
      <c r="CL620" s="23"/>
      <c r="CM620" s="23"/>
      <c r="CN620" s="23"/>
      <c r="CO620" s="23"/>
      <c r="CP620" s="23"/>
      <c r="CQ620" s="23"/>
      <c r="CR620" s="23"/>
      <c r="CS620" s="23"/>
      <c r="CT620" s="23"/>
      <c r="CU620" s="23"/>
      <c r="CV620" s="23"/>
      <c r="CW620" s="23"/>
      <c r="CX620" s="23"/>
      <c r="CY620" s="23"/>
      <c r="CZ620" s="23"/>
      <c r="DA620" s="23"/>
      <c r="DB620" s="23"/>
      <c r="DC620" s="23"/>
      <c r="DD620" s="23"/>
      <c r="DE620" s="23"/>
      <c r="DF620" s="23"/>
      <c r="DG620" s="23"/>
      <c r="DH620" s="23"/>
      <c r="DI620" s="23"/>
      <c r="DJ620" s="23"/>
      <c r="DK620" s="23"/>
      <c r="DL620" s="23"/>
      <c r="DM620" s="23"/>
      <c r="DN620" s="23"/>
      <c r="DO620" s="23"/>
      <c r="DP620" s="23"/>
      <c r="DQ620" s="23"/>
      <c r="DR620" s="23"/>
      <c r="DS620" s="23"/>
      <c r="DT620" s="23"/>
      <c r="DU620" s="23"/>
      <c r="DV620" s="23"/>
      <c r="DW620" s="23"/>
      <c r="DX620" s="23"/>
      <c r="DY620" s="23"/>
      <c r="DZ620" s="23"/>
      <c r="EA620" s="23"/>
      <c r="EB620" s="23"/>
      <c r="EC620" s="23"/>
      <c r="ED620" s="23"/>
      <c r="EE620" s="23"/>
      <c r="EF620" s="23"/>
      <c r="EG620" s="23"/>
      <c r="EH620" s="23"/>
      <c r="EI620" s="23"/>
      <c r="EJ620" s="23"/>
      <c r="EK620" s="23"/>
      <c r="EL620" s="23"/>
      <c r="EM620" s="23"/>
      <c r="EN620" s="23"/>
      <c r="EO620" s="23"/>
      <c r="EP620" s="23"/>
      <c r="EQ620" s="23"/>
      <c r="ER620" s="23"/>
      <c r="ES620" s="23"/>
      <c r="ET620" s="23"/>
      <c r="EU620" s="23"/>
      <c r="EV620" s="23"/>
      <c r="EW620" s="23"/>
      <c r="EX620" s="23"/>
      <c r="EY620" s="23"/>
      <c r="EZ620" s="23"/>
      <c r="FA620" s="23"/>
      <c r="FB620" s="23"/>
      <c r="FC620" s="23"/>
      <c r="FD620" s="23"/>
      <c r="FE620" s="23"/>
      <c r="FF620" s="23"/>
      <c r="FG620" s="23"/>
      <c r="FH620" s="23"/>
      <c r="FI620" s="23"/>
      <c r="FJ620" s="23"/>
      <c r="FK620" s="23"/>
      <c r="FL620" s="23"/>
      <c r="FM620" s="23"/>
      <c r="FN620" s="23"/>
      <c r="FO620" s="23"/>
      <c r="FP620" s="23"/>
      <c r="FQ620" s="23"/>
      <c r="FR620" s="23"/>
      <c r="FS620" s="23"/>
      <c r="FT620" s="23"/>
      <c r="FU620" s="23"/>
      <c r="FV620" s="23"/>
      <c r="FW620" s="23"/>
      <c r="FX620" s="23"/>
      <c r="FY620" s="23"/>
      <c r="FZ620" s="23"/>
      <c r="GA620" s="23"/>
      <c r="GB620" s="23"/>
      <c r="GC620" s="23"/>
      <c r="GD620" s="23"/>
      <c r="GE620" s="23"/>
      <c r="GF620" s="23"/>
      <c r="GG620" s="23"/>
      <c r="GH620" s="23"/>
      <c r="GI620" s="23"/>
      <c r="GJ620" s="23"/>
      <c r="GK620" s="23"/>
      <c r="GL620" s="23"/>
      <c r="GM620" s="23"/>
      <c r="GN620" s="23"/>
      <c r="GO620" s="23"/>
      <c r="GP620" s="23"/>
      <c r="GQ620" s="23"/>
      <c r="GR620" s="23"/>
      <c r="GS620" s="23"/>
      <c r="GT620" s="23"/>
      <c r="GU620" s="23"/>
      <c r="GV620" s="23"/>
      <c r="GW620" s="23"/>
      <c r="GX620" s="23"/>
      <c r="GY620" s="23"/>
      <c r="GZ620" s="23"/>
      <c r="HA620" s="23"/>
      <c r="HB620" s="23"/>
      <c r="HC620" s="23"/>
      <c r="HD620" s="23"/>
      <c r="HE620" s="23"/>
      <c r="HF620" s="23"/>
      <c r="HG620" s="23"/>
      <c r="HH620" s="23"/>
      <c r="HI620" s="23"/>
      <c r="HJ620" s="23"/>
      <c r="HK620" s="23"/>
      <c r="HL620" s="23"/>
      <c r="HM620" s="23"/>
      <c r="HN620" s="23"/>
      <c r="HO620" s="23"/>
      <c r="HP620" s="23"/>
      <c r="HQ620" s="23"/>
      <c r="HR620" s="23"/>
      <c r="HS620" s="23"/>
      <c r="HT620" s="23"/>
      <c r="HU620" s="23"/>
      <c r="HV620" s="23"/>
      <c r="HW620" s="23"/>
      <c r="HX620" s="23"/>
      <c r="HY620" s="23"/>
      <c r="HZ620" s="23"/>
      <c r="IA620" s="23"/>
      <c r="IB620" s="23"/>
      <c r="IC620" s="23"/>
      <c r="ID620" s="23"/>
      <c r="IE620" s="23"/>
      <c r="IF620" s="23"/>
      <c r="IG620" s="23"/>
      <c r="IH620" s="23"/>
      <c r="II620" s="23"/>
      <c r="IJ620" s="23"/>
      <c r="IK620" s="23"/>
      <c r="IL620" s="23"/>
      <c r="IM620" s="23"/>
      <c r="IN620" s="23"/>
      <c r="IO620" s="23"/>
      <c r="IP620" s="23"/>
      <c r="IQ620" s="23"/>
    </row>
    <row r="621" spans="1:251" s="50" customFormat="1">
      <c r="A621" s="34"/>
      <c r="B621" s="205"/>
      <c r="C621" s="206"/>
      <c r="D621" s="206"/>
      <c r="E621" s="206"/>
      <c r="F621" s="206"/>
      <c r="G621" s="206"/>
      <c r="H621" s="206"/>
      <c r="I621" s="206"/>
      <c r="J621" s="206"/>
      <c r="K621" s="206"/>
      <c r="L621" s="206"/>
      <c r="M621" s="206"/>
      <c r="N621" s="206"/>
      <c r="O621" s="206"/>
      <c r="P621" s="206"/>
      <c r="Q621" s="206"/>
      <c r="R621" s="206"/>
      <c r="S621" s="206"/>
      <c r="T621" s="206"/>
      <c r="U621" s="206"/>
      <c r="V621" s="206"/>
      <c r="W621" s="206"/>
      <c r="X621" s="206"/>
      <c r="Y621" s="206"/>
      <c r="Z621" s="207"/>
      <c r="AA621" s="208"/>
      <c r="AB621" s="206"/>
      <c r="AC621" s="206"/>
      <c r="AD621" s="206"/>
      <c r="AE621" s="206"/>
      <c r="AF621" s="206"/>
      <c r="AG621" s="206"/>
      <c r="AH621" s="206"/>
      <c r="AI621" s="207"/>
      <c r="AJ621" s="208"/>
      <c r="AK621" s="206"/>
      <c r="AL621" s="206"/>
      <c r="AM621" s="206"/>
      <c r="AN621" s="206"/>
      <c r="AO621" s="206"/>
      <c r="AP621" s="206"/>
      <c r="AQ621" s="206"/>
      <c r="AR621" s="207"/>
      <c r="AS621" s="208"/>
      <c r="AT621" s="206"/>
      <c r="AU621" s="206"/>
      <c r="AV621" s="206"/>
      <c r="AW621" s="206"/>
      <c r="AX621" s="210"/>
      <c r="AY621" s="23"/>
      <c r="AZ621" s="23"/>
      <c r="BA621" s="23"/>
      <c r="BB621"/>
      <c r="BC621" s="45"/>
      <c r="BE621" s="23"/>
      <c r="BF621" s="23"/>
      <c r="BG621" s="23"/>
      <c r="BH621" s="23"/>
      <c r="BI621" s="23"/>
      <c r="BJ621" s="23"/>
      <c r="BK621" s="23"/>
      <c r="BL621" s="23"/>
      <c r="BM621" s="23"/>
      <c r="BN621" s="23"/>
      <c r="BO621" s="23"/>
      <c r="BP621" s="23"/>
      <c r="BQ621" s="23"/>
      <c r="BR621" s="23"/>
      <c r="BS621" s="23"/>
      <c r="BT621" s="23"/>
      <c r="BU621" s="23"/>
      <c r="BV621" s="23"/>
      <c r="BW621" s="23"/>
      <c r="BX621" s="23"/>
      <c r="BY621" s="23"/>
      <c r="BZ621" s="23"/>
      <c r="CA621" s="23"/>
      <c r="CB621" s="23"/>
      <c r="CC621" s="23"/>
      <c r="CD621" s="23"/>
      <c r="CE621" s="23"/>
      <c r="CF621" s="23"/>
      <c r="CG621" s="23"/>
      <c r="CH621" s="23"/>
      <c r="CI621" s="23"/>
      <c r="CJ621" s="23"/>
      <c r="CK621" s="23"/>
      <c r="CL621" s="23"/>
      <c r="CM621" s="23"/>
      <c r="CN621" s="23"/>
      <c r="CO621" s="23"/>
      <c r="CP621" s="23"/>
      <c r="CQ621" s="23"/>
      <c r="CR621" s="23"/>
      <c r="CS621" s="23"/>
      <c r="CT621" s="23"/>
      <c r="CU621" s="23"/>
      <c r="CV621" s="23"/>
      <c r="CW621" s="23"/>
      <c r="CX621" s="23"/>
      <c r="CY621" s="23"/>
      <c r="CZ621" s="23"/>
      <c r="DA621" s="23"/>
      <c r="DB621" s="23"/>
      <c r="DC621" s="23"/>
      <c r="DD621" s="23"/>
      <c r="DE621" s="23"/>
      <c r="DF621" s="23"/>
      <c r="DG621" s="23"/>
      <c r="DH621" s="23"/>
      <c r="DI621" s="23"/>
      <c r="DJ621" s="23"/>
      <c r="DK621" s="23"/>
      <c r="DL621" s="23"/>
      <c r="DM621" s="23"/>
      <c r="DN621" s="23"/>
      <c r="DO621" s="23"/>
      <c r="DP621" s="23"/>
      <c r="DQ621" s="23"/>
      <c r="DR621" s="23"/>
      <c r="DS621" s="23"/>
      <c r="DT621" s="23"/>
      <c r="DU621" s="23"/>
      <c r="DV621" s="23"/>
      <c r="DW621" s="23"/>
      <c r="DX621" s="23"/>
      <c r="DY621" s="23"/>
      <c r="DZ621" s="23"/>
      <c r="EA621" s="23"/>
      <c r="EB621" s="23"/>
      <c r="EC621" s="23"/>
      <c r="ED621" s="23"/>
      <c r="EE621" s="23"/>
      <c r="EF621" s="23"/>
      <c r="EG621" s="23"/>
      <c r="EH621" s="23"/>
      <c r="EI621" s="23"/>
      <c r="EJ621" s="23"/>
      <c r="EK621" s="23"/>
      <c r="EL621" s="23"/>
      <c r="EM621" s="23"/>
      <c r="EN621" s="23"/>
      <c r="EO621" s="23"/>
      <c r="EP621" s="23"/>
      <c r="EQ621" s="23"/>
      <c r="ER621" s="23"/>
      <c r="ES621" s="23"/>
      <c r="ET621" s="23"/>
      <c r="EU621" s="23"/>
      <c r="EV621" s="23"/>
      <c r="EW621" s="23"/>
      <c r="EX621" s="23"/>
      <c r="EY621" s="23"/>
      <c r="EZ621" s="23"/>
      <c r="FA621" s="23"/>
      <c r="FB621" s="23"/>
      <c r="FC621" s="23"/>
      <c r="FD621" s="23"/>
      <c r="FE621" s="23"/>
      <c r="FF621" s="23"/>
      <c r="FG621" s="23"/>
      <c r="FH621" s="23"/>
      <c r="FI621" s="23"/>
      <c r="FJ621" s="23"/>
      <c r="FK621" s="23"/>
      <c r="FL621" s="23"/>
      <c r="FM621" s="23"/>
      <c r="FN621" s="23"/>
      <c r="FO621" s="23"/>
      <c r="FP621" s="23"/>
      <c r="FQ621" s="23"/>
      <c r="FR621" s="23"/>
      <c r="FS621" s="23"/>
      <c r="FT621" s="23"/>
      <c r="FU621" s="23"/>
      <c r="FV621" s="23"/>
      <c r="FW621" s="23"/>
      <c r="FX621" s="23"/>
      <c r="FY621" s="23"/>
      <c r="FZ621" s="23"/>
      <c r="GA621" s="23"/>
      <c r="GB621" s="23"/>
      <c r="GC621" s="23"/>
      <c r="GD621" s="23"/>
      <c r="GE621" s="23"/>
      <c r="GF621" s="23"/>
      <c r="GG621" s="23"/>
      <c r="GH621" s="23"/>
      <c r="GI621" s="23"/>
      <c r="GJ621" s="23"/>
      <c r="GK621" s="23"/>
      <c r="GL621" s="23"/>
      <c r="GM621" s="23"/>
      <c r="GN621" s="23"/>
      <c r="GO621" s="23"/>
      <c r="GP621" s="23"/>
      <c r="GQ621" s="23"/>
      <c r="GR621" s="23"/>
      <c r="GS621" s="23"/>
      <c r="GT621" s="23"/>
      <c r="GU621" s="23"/>
      <c r="GV621" s="23"/>
      <c r="GW621" s="23"/>
      <c r="GX621" s="23"/>
      <c r="GY621" s="23"/>
      <c r="GZ621" s="23"/>
      <c r="HA621" s="23"/>
      <c r="HB621" s="23"/>
      <c r="HC621" s="23"/>
      <c r="HD621" s="23"/>
      <c r="HE621" s="23"/>
      <c r="HF621" s="23"/>
      <c r="HG621" s="23"/>
      <c r="HH621" s="23"/>
      <c r="HI621" s="23"/>
      <c r="HJ621" s="23"/>
      <c r="HK621" s="23"/>
      <c r="HL621" s="23"/>
      <c r="HM621" s="23"/>
      <c r="HN621" s="23"/>
      <c r="HO621" s="23"/>
      <c r="HP621" s="23"/>
      <c r="HQ621" s="23"/>
      <c r="HR621" s="23"/>
      <c r="HS621" s="23"/>
      <c r="HT621" s="23"/>
      <c r="HU621" s="23"/>
      <c r="HV621" s="23"/>
      <c r="HW621" s="23"/>
      <c r="HX621" s="23"/>
      <c r="HY621" s="23"/>
      <c r="HZ621" s="23"/>
      <c r="IA621" s="23"/>
      <c r="IB621" s="23"/>
      <c r="IC621" s="23"/>
      <c r="ID621" s="23"/>
      <c r="IE621" s="23"/>
      <c r="IF621" s="23"/>
      <c r="IG621" s="23"/>
      <c r="IH621" s="23"/>
      <c r="II621" s="23"/>
      <c r="IJ621" s="23"/>
      <c r="IK621" s="23"/>
      <c r="IL621" s="23"/>
      <c r="IM621" s="23"/>
      <c r="IN621" s="23"/>
      <c r="IO621" s="23"/>
      <c r="IP621" s="23"/>
      <c r="IQ621" s="23"/>
    </row>
    <row r="622" spans="1:251" s="50" customFormat="1" ht="18.75" customHeight="1">
      <c r="A622" s="34"/>
      <c r="B622" s="46"/>
      <c r="C622" s="130" t="s">
        <v>207</v>
      </c>
      <c r="D622" s="130"/>
      <c r="E622" s="130"/>
      <c r="F622" s="130"/>
      <c r="G622" s="130"/>
      <c r="H622" s="130"/>
      <c r="I622" s="130"/>
      <c r="J622" s="130"/>
      <c r="K622" s="130"/>
      <c r="L622" s="130"/>
      <c r="M622" s="130"/>
      <c r="N622" s="130"/>
      <c r="O622" s="130"/>
      <c r="P622" s="130"/>
      <c r="Q622" s="130"/>
      <c r="R622" s="130"/>
      <c r="S622" s="130"/>
      <c r="T622" s="130"/>
      <c r="U622" s="130"/>
      <c r="V622" s="130"/>
      <c r="W622" s="130"/>
      <c r="X622" s="130"/>
      <c r="Y622" s="130"/>
      <c r="Z622" s="131"/>
      <c r="AA622" s="132">
        <v>0</v>
      </c>
      <c r="AB622" s="196"/>
      <c r="AC622" s="196"/>
      <c r="AD622" s="196"/>
      <c r="AE622" s="196"/>
      <c r="AF622" s="196"/>
      <c r="AG622" s="196"/>
      <c r="AH622" s="196"/>
      <c r="AI622" s="197"/>
      <c r="AJ622" s="220">
        <v>3397</v>
      </c>
      <c r="AK622" s="221"/>
      <c r="AL622" s="221"/>
      <c r="AM622" s="221"/>
      <c r="AN622" s="221"/>
      <c r="AO622" s="221"/>
      <c r="AP622" s="221"/>
      <c r="AQ622" s="221"/>
      <c r="AR622" s="222"/>
      <c r="AS622" s="132"/>
      <c r="AT622" s="196"/>
      <c r="AU622" s="196"/>
      <c r="AV622" s="196"/>
      <c r="AW622" s="196"/>
      <c r="AX622" s="202"/>
      <c r="AY622" s="23"/>
      <c r="AZ622" s="23"/>
      <c r="BA622" s="23"/>
      <c r="BB622" s="23"/>
      <c r="BC622" s="23"/>
      <c r="BD622" s="23"/>
      <c r="BE622" s="23"/>
      <c r="BF622" s="23"/>
      <c r="BG622" s="23"/>
      <c r="BH622" s="23"/>
      <c r="BI622" s="23"/>
      <c r="BJ622" s="23"/>
      <c r="BK622" s="23"/>
      <c r="BL622" s="23"/>
      <c r="BM622" s="23"/>
      <c r="BN622" s="23"/>
      <c r="BO622" s="23"/>
      <c r="BP622" s="23"/>
      <c r="BQ622" s="23"/>
      <c r="BR622" s="23"/>
      <c r="BS622" s="23"/>
      <c r="BT622" s="23"/>
      <c r="BU622" s="23"/>
      <c r="BV622" s="23"/>
      <c r="BW622" s="23"/>
      <c r="BX622" s="23"/>
      <c r="BY622" s="23"/>
      <c r="BZ622" s="23"/>
      <c r="CA622" s="23"/>
      <c r="CB622" s="23"/>
      <c r="CC622" s="23"/>
      <c r="CD622" s="23"/>
      <c r="CE622" s="23"/>
      <c r="CF622" s="23"/>
      <c r="CG622" s="23"/>
      <c r="CH622" s="23"/>
      <c r="CI622" s="23"/>
      <c r="CJ622" s="23"/>
      <c r="CK622" s="23"/>
      <c r="CL622" s="23"/>
      <c r="CM622" s="23"/>
      <c r="CN622" s="23"/>
      <c r="CO622" s="23"/>
      <c r="CP622" s="23"/>
      <c r="CQ622" s="23"/>
      <c r="CR622" s="23"/>
      <c r="CS622" s="23"/>
      <c r="CT622" s="23"/>
      <c r="CU622" s="23"/>
      <c r="CV622" s="23"/>
      <c r="CW622" s="23"/>
      <c r="CX622" s="23"/>
      <c r="CY622" s="23"/>
      <c r="CZ622" s="23"/>
      <c r="DA622" s="23"/>
      <c r="DB622" s="23"/>
      <c r="DC622" s="23"/>
      <c r="DD622" s="23"/>
      <c r="DE622" s="23"/>
      <c r="DF622" s="23"/>
      <c r="DG622" s="23"/>
      <c r="DH622" s="23"/>
      <c r="DI622" s="23"/>
      <c r="DJ622" s="23"/>
      <c r="DK622" s="23"/>
      <c r="DL622" s="23"/>
      <c r="DM622" s="23"/>
      <c r="DN622" s="23"/>
      <c r="DO622" s="23"/>
      <c r="DP622" s="23"/>
      <c r="DQ622" s="23"/>
      <c r="DR622" s="23"/>
      <c r="DS622" s="23"/>
      <c r="DT622" s="23"/>
      <c r="DU622" s="23"/>
      <c r="DV622" s="23"/>
      <c r="DW622" s="23"/>
      <c r="DX622" s="23"/>
      <c r="DY622" s="23"/>
      <c r="DZ622" s="23"/>
      <c r="EA622" s="23"/>
      <c r="EB622" s="23"/>
      <c r="EC622" s="23"/>
      <c r="ED622" s="23"/>
      <c r="EE622" s="23"/>
      <c r="EF622" s="23"/>
      <c r="EG622" s="23"/>
      <c r="EH622" s="23"/>
      <c r="EI622" s="23"/>
      <c r="EJ622" s="23"/>
      <c r="EK622" s="23"/>
      <c r="EL622" s="23"/>
      <c r="EM622" s="23"/>
      <c r="EN622" s="23"/>
      <c r="EO622" s="23"/>
      <c r="EP622" s="23"/>
      <c r="EQ622" s="23"/>
      <c r="ER622" s="23"/>
      <c r="ES622" s="23"/>
      <c r="ET622" s="23"/>
      <c r="EU622" s="23"/>
      <c r="EV622" s="23"/>
      <c r="EW622" s="23"/>
      <c r="EX622" s="23"/>
      <c r="EY622" s="23"/>
      <c r="EZ622" s="23"/>
      <c r="FA622" s="23"/>
      <c r="FB622" s="23"/>
      <c r="FC622" s="23"/>
      <c r="FD622" s="23"/>
      <c r="FE622" s="23"/>
      <c r="FF622" s="23"/>
      <c r="FG622" s="23"/>
      <c r="FH622" s="23"/>
      <c r="FI622" s="23"/>
      <c r="FJ622" s="23"/>
      <c r="FK622" s="23"/>
      <c r="FL622" s="23"/>
      <c r="FM622" s="23"/>
      <c r="FN622" s="23"/>
      <c r="FO622" s="23"/>
      <c r="FP622" s="23"/>
      <c r="FQ622" s="23"/>
      <c r="FR622" s="23"/>
      <c r="FS622" s="23"/>
      <c r="FT622" s="23"/>
      <c r="FU622" s="23"/>
      <c r="FV622" s="23"/>
      <c r="FW622" s="23"/>
      <c r="FX622" s="23"/>
      <c r="FY622" s="23"/>
      <c r="FZ622" s="23"/>
      <c r="GA622" s="23"/>
      <c r="GB622" s="23"/>
      <c r="GC622" s="23"/>
      <c r="GD622" s="23"/>
      <c r="GE622" s="23"/>
      <c r="GF622" s="23"/>
      <c r="GG622" s="23"/>
      <c r="GH622" s="23"/>
      <c r="GI622" s="23"/>
      <c r="GJ622" s="23"/>
      <c r="GK622" s="23"/>
      <c r="GL622" s="23"/>
      <c r="GM622" s="23"/>
      <c r="GN622" s="23"/>
      <c r="GO622" s="23"/>
      <c r="GP622" s="23"/>
      <c r="GQ622" s="23"/>
      <c r="GR622" s="23"/>
      <c r="GS622" s="23"/>
      <c r="GT622" s="23"/>
      <c r="GU622" s="23"/>
      <c r="GV622" s="23"/>
      <c r="GW622" s="23"/>
      <c r="GX622" s="23"/>
      <c r="GY622" s="23"/>
      <c r="GZ622" s="23"/>
      <c r="HA622" s="23"/>
      <c r="HB622" s="23"/>
      <c r="HC622" s="23"/>
      <c r="HD622" s="23"/>
      <c r="HE622" s="23"/>
      <c r="HF622" s="23"/>
      <c r="HG622" s="23"/>
      <c r="HH622" s="23"/>
      <c r="HI622" s="23"/>
      <c r="HJ622" s="23"/>
      <c r="HK622" s="23"/>
      <c r="HL622" s="23"/>
      <c r="HM622" s="23"/>
      <c r="HN622" s="23"/>
      <c r="HO622" s="23"/>
      <c r="HP622" s="23"/>
      <c r="HQ622" s="23"/>
      <c r="HR622" s="23"/>
      <c r="HS622" s="23"/>
      <c r="HT622" s="23"/>
      <c r="HU622" s="23"/>
      <c r="HV622" s="23"/>
      <c r="HW622" s="23"/>
      <c r="HX622" s="23"/>
      <c r="HY622" s="23"/>
      <c r="HZ622" s="23"/>
      <c r="IA622" s="23"/>
      <c r="IB622" s="23"/>
      <c r="IC622" s="23"/>
      <c r="ID622" s="23"/>
      <c r="IE622" s="23"/>
      <c r="IF622" s="23"/>
      <c r="IG622" s="23"/>
      <c r="IH622" s="23"/>
      <c r="II622" s="23"/>
      <c r="IJ622" s="23"/>
      <c r="IK622" s="23"/>
      <c r="IL622" s="23"/>
      <c r="IM622" s="23"/>
      <c r="IN622" s="23"/>
      <c r="IO622" s="23"/>
      <c r="IP622" s="23"/>
      <c r="IQ622" s="23"/>
    </row>
    <row r="623" spans="1:251" s="50" customFormat="1" ht="18.75" customHeight="1">
      <c r="A623" s="34"/>
      <c r="B623" s="47"/>
      <c r="C623" s="130"/>
      <c r="D623" s="130"/>
      <c r="E623" s="130"/>
      <c r="F623" s="130"/>
      <c r="G623" s="130"/>
      <c r="H623" s="130"/>
      <c r="I623" s="130"/>
      <c r="J623" s="130"/>
      <c r="K623" s="130"/>
      <c r="L623" s="130"/>
      <c r="M623" s="130"/>
      <c r="N623" s="130"/>
      <c r="O623" s="130"/>
      <c r="P623" s="130"/>
      <c r="Q623" s="130"/>
      <c r="R623" s="130"/>
      <c r="S623" s="130"/>
      <c r="T623" s="130"/>
      <c r="U623" s="130"/>
      <c r="V623" s="130"/>
      <c r="W623" s="130"/>
      <c r="X623" s="130"/>
      <c r="Y623" s="130"/>
      <c r="Z623" s="131"/>
      <c r="AA623" s="132"/>
      <c r="AB623" s="200"/>
      <c r="AC623" s="200"/>
      <c r="AD623" s="200"/>
      <c r="AE623" s="200"/>
      <c r="AF623" s="200"/>
      <c r="AG623" s="200"/>
      <c r="AH623" s="200"/>
      <c r="AI623" s="201"/>
      <c r="AJ623" s="132"/>
      <c r="AK623" s="196"/>
      <c r="AL623" s="196"/>
      <c r="AM623" s="196"/>
      <c r="AN623" s="196"/>
      <c r="AO623" s="196"/>
      <c r="AP623" s="196"/>
      <c r="AQ623" s="196"/>
      <c r="AR623" s="197"/>
      <c r="AS623" s="132"/>
      <c r="AT623" s="196"/>
      <c r="AU623" s="196"/>
      <c r="AV623" s="196"/>
      <c r="AW623" s="196"/>
      <c r="AX623" s="202"/>
      <c r="AY623" s="23"/>
      <c r="AZ623" s="23"/>
      <c r="BA623" s="23"/>
      <c r="BB623" s="23"/>
      <c r="BC623" s="23"/>
      <c r="BD623" s="23"/>
      <c r="BE623" s="23"/>
      <c r="BF623" s="23"/>
      <c r="BG623" s="23"/>
      <c r="BH623" s="23"/>
      <c r="BI623" s="23"/>
      <c r="BJ623" s="23"/>
      <c r="BK623" s="23"/>
      <c r="BL623" s="23"/>
      <c r="BM623" s="23"/>
      <c r="BN623" s="23"/>
      <c r="BO623" s="23"/>
      <c r="BP623" s="23"/>
      <c r="BQ623" s="23"/>
      <c r="BR623" s="23"/>
      <c r="BS623" s="23"/>
      <c r="BT623" s="23"/>
      <c r="BU623" s="23"/>
      <c r="BV623" s="23"/>
      <c r="BW623" s="23"/>
      <c r="BX623" s="23"/>
      <c r="BY623" s="23"/>
      <c r="BZ623" s="23"/>
      <c r="CA623" s="23"/>
      <c r="CB623" s="23"/>
      <c r="CC623" s="23"/>
      <c r="CD623" s="23"/>
      <c r="CE623" s="23"/>
      <c r="CF623" s="23"/>
      <c r="CG623" s="23"/>
      <c r="CH623" s="23"/>
      <c r="CI623" s="23"/>
      <c r="CJ623" s="23"/>
      <c r="CK623" s="23"/>
      <c r="CL623" s="23"/>
      <c r="CM623" s="23"/>
      <c r="CN623" s="23"/>
      <c r="CO623" s="23"/>
      <c r="CP623" s="23"/>
      <c r="CQ623" s="23"/>
      <c r="CR623" s="23"/>
      <c r="CS623" s="23"/>
      <c r="CT623" s="23"/>
      <c r="CU623" s="23"/>
      <c r="CV623" s="23"/>
      <c r="CW623" s="23"/>
      <c r="CX623" s="23"/>
      <c r="CY623" s="23"/>
      <c r="CZ623" s="23"/>
      <c r="DA623" s="23"/>
      <c r="DB623" s="23"/>
      <c r="DC623" s="23"/>
      <c r="DD623" s="23"/>
      <c r="DE623" s="23"/>
      <c r="DF623" s="23"/>
      <c r="DG623" s="23"/>
      <c r="DH623" s="23"/>
      <c r="DI623" s="23"/>
      <c r="DJ623" s="23"/>
      <c r="DK623" s="23"/>
      <c r="DL623" s="23"/>
      <c r="DM623" s="23"/>
      <c r="DN623" s="23"/>
      <c r="DO623" s="23"/>
      <c r="DP623" s="23"/>
      <c r="DQ623" s="23"/>
      <c r="DR623" s="23"/>
      <c r="DS623" s="23"/>
      <c r="DT623" s="23"/>
      <c r="DU623" s="23"/>
      <c r="DV623" s="23"/>
      <c r="DW623" s="23"/>
      <c r="DX623" s="23"/>
      <c r="DY623" s="23"/>
      <c r="DZ623" s="23"/>
      <c r="EA623" s="23"/>
      <c r="EB623" s="23"/>
      <c r="EC623" s="23"/>
      <c r="ED623" s="23"/>
      <c r="EE623" s="23"/>
      <c r="EF623" s="23"/>
      <c r="EG623" s="23"/>
      <c r="EH623" s="23"/>
      <c r="EI623" s="23"/>
      <c r="EJ623" s="23"/>
      <c r="EK623" s="23"/>
      <c r="EL623" s="23"/>
      <c r="EM623" s="23"/>
      <c r="EN623" s="23"/>
      <c r="EO623" s="23"/>
      <c r="EP623" s="23"/>
      <c r="EQ623" s="23"/>
      <c r="ER623" s="23"/>
      <c r="ES623" s="23"/>
      <c r="ET623" s="23"/>
      <c r="EU623" s="23"/>
      <c r="EV623" s="23"/>
      <c r="EW623" s="23"/>
      <c r="EX623" s="23"/>
      <c r="EY623" s="23"/>
      <c r="EZ623" s="23"/>
      <c r="FA623" s="23"/>
      <c r="FB623" s="23"/>
      <c r="FC623" s="23"/>
      <c r="FD623" s="23"/>
      <c r="FE623" s="23"/>
      <c r="FF623" s="23"/>
      <c r="FG623" s="23"/>
      <c r="FH623" s="23"/>
      <c r="FI623" s="23"/>
      <c r="FJ623" s="23"/>
      <c r="FK623" s="23"/>
      <c r="FL623" s="23"/>
      <c r="FM623" s="23"/>
      <c r="FN623" s="23"/>
      <c r="FO623" s="23"/>
      <c r="FP623" s="23"/>
      <c r="FQ623" s="23"/>
      <c r="FR623" s="23"/>
      <c r="FS623" s="23"/>
      <c r="FT623" s="23"/>
      <c r="FU623" s="23"/>
      <c r="FV623" s="23"/>
      <c r="FW623" s="23"/>
      <c r="FX623" s="23"/>
      <c r="FY623" s="23"/>
      <c r="FZ623" s="23"/>
      <c r="GA623" s="23"/>
      <c r="GB623" s="23"/>
      <c r="GC623" s="23"/>
      <c r="GD623" s="23"/>
      <c r="GE623" s="23"/>
      <c r="GF623" s="23"/>
      <c r="GG623" s="23"/>
      <c r="GH623" s="23"/>
      <c r="GI623" s="23"/>
      <c r="GJ623" s="23"/>
      <c r="GK623" s="23"/>
      <c r="GL623" s="23"/>
      <c r="GM623" s="23"/>
      <c r="GN623" s="23"/>
      <c r="GO623" s="23"/>
      <c r="GP623" s="23"/>
      <c r="GQ623" s="23"/>
      <c r="GR623" s="23"/>
      <c r="GS623" s="23"/>
      <c r="GT623" s="23"/>
      <c r="GU623" s="23"/>
      <c r="GV623" s="23"/>
      <c r="GW623" s="23"/>
      <c r="GX623" s="23"/>
      <c r="GY623" s="23"/>
      <c r="GZ623" s="23"/>
      <c r="HA623" s="23"/>
      <c r="HB623" s="23"/>
      <c r="HC623" s="23"/>
      <c r="HD623" s="23"/>
      <c r="HE623" s="23"/>
      <c r="HF623" s="23"/>
      <c r="HG623" s="23"/>
      <c r="HH623" s="23"/>
      <c r="HI623" s="23"/>
      <c r="HJ623" s="23"/>
      <c r="HK623" s="23"/>
      <c r="HL623" s="23"/>
      <c r="HM623" s="23"/>
      <c r="HN623" s="23"/>
      <c r="HO623" s="23"/>
      <c r="HP623" s="23"/>
      <c r="HQ623" s="23"/>
      <c r="HR623" s="23"/>
      <c r="HS623" s="23"/>
      <c r="HT623" s="23"/>
      <c r="HU623" s="23"/>
      <c r="HV623" s="23"/>
      <c r="HW623" s="23"/>
      <c r="HX623" s="23"/>
      <c r="HY623" s="23"/>
      <c r="HZ623" s="23"/>
      <c r="IA623" s="23"/>
      <c r="IB623" s="23"/>
      <c r="IC623" s="23"/>
      <c r="ID623" s="23"/>
      <c r="IE623" s="23"/>
      <c r="IF623" s="23"/>
      <c r="IG623" s="23"/>
      <c r="IH623" s="23"/>
      <c r="II623" s="23"/>
      <c r="IJ623" s="23"/>
      <c r="IK623" s="23"/>
      <c r="IL623" s="23"/>
      <c r="IM623" s="23"/>
      <c r="IN623" s="23"/>
      <c r="IO623" s="23"/>
      <c r="IP623" s="23"/>
      <c r="IQ623" s="23"/>
    </row>
    <row r="624" spans="1:251" s="50" customFormat="1" ht="18.75" customHeight="1">
      <c r="A624" s="34"/>
      <c r="B624" s="47"/>
      <c r="C624" s="130"/>
      <c r="D624" s="130"/>
      <c r="E624" s="130"/>
      <c r="F624" s="130"/>
      <c r="G624" s="130"/>
      <c r="H624" s="130"/>
      <c r="I624" s="130"/>
      <c r="J624" s="130"/>
      <c r="K624" s="130"/>
      <c r="L624" s="130"/>
      <c r="M624" s="130"/>
      <c r="N624" s="130"/>
      <c r="O624" s="130"/>
      <c r="P624" s="130"/>
      <c r="Q624" s="130"/>
      <c r="R624" s="130"/>
      <c r="S624" s="130"/>
      <c r="T624" s="130"/>
      <c r="U624" s="130"/>
      <c r="V624" s="130"/>
      <c r="W624" s="130"/>
      <c r="X624" s="130"/>
      <c r="Y624" s="130"/>
      <c r="Z624" s="131"/>
      <c r="AA624" s="132"/>
      <c r="AB624" s="200"/>
      <c r="AC624" s="200"/>
      <c r="AD624" s="200"/>
      <c r="AE624" s="200"/>
      <c r="AF624" s="200"/>
      <c r="AG624" s="200"/>
      <c r="AH624" s="200"/>
      <c r="AI624" s="201"/>
      <c r="AJ624" s="132"/>
      <c r="AK624" s="196"/>
      <c r="AL624" s="196"/>
      <c r="AM624" s="196"/>
      <c r="AN624" s="196"/>
      <c r="AO624" s="196"/>
      <c r="AP624" s="196"/>
      <c r="AQ624" s="196"/>
      <c r="AR624" s="197"/>
      <c r="AS624" s="132"/>
      <c r="AT624" s="196"/>
      <c r="AU624" s="196"/>
      <c r="AV624" s="196"/>
      <c r="AW624" s="196"/>
      <c r="AX624" s="202"/>
      <c r="AY624" s="23"/>
      <c r="AZ624" s="23"/>
      <c r="BA624" s="23"/>
      <c r="BB624" s="23"/>
      <c r="BC624" s="23"/>
      <c r="BD624" s="23"/>
      <c r="BE624" s="23"/>
      <c r="BF624" s="23"/>
      <c r="BG624" s="23"/>
      <c r="BH624" s="23"/>
      <c r="BI624" s="23"/>
      <c r="BJ624" s="23"/>
      <c r="BK624" s="23"/>
      <c r="BL624" s="23"/>
      <c r="BM624" s="23"/>
      <c r="BN624" s="23"/>
      <c r="BO624" s="23"/>
      <c r="BP624" s="23"/>
      <c r="BQ624" s="23"/>
      <c r="BR624" s="23"/>
      <c r="BS624" s="23"/>
      <c r="BT624" s="23"/>
      <c r="BU624" s="23"/>
      <c r="BV624" s="23"/>
      <c r="BW624" s="23"/>
      <c r="BX624" s="23"/>
      <c r="BY624" s="23"/>
      <c r="BZ624" s="23"/>
      <c r="CA624" s="23"/>
      <c r="CB624" s="23"/>
      <c r="CC624" s="23"/>
      <c r="CD624" s="23"/>
      <c r="CE624" s="23"/>
      <c r="CF624" s="23"/>
      <c r="CG624" s="23"/>
      <c r="CH624" s="23"/>
      <c r="CI624" s="23"/>
      <c r="CJ624" s="23"/>
      <c r="CK624" s="23"/>
      <c r="CL624" s="23"/>
      <c r="CM624" s="23"/>
      <c r="CN624" s="23"/>
      <c r="CO624" s="23"/>
      <c r="CP624" s="23"/>
      <c r="CQ624" s="23"/>
      <c r="CR624" s="23"/>
      <c r="CS624" s="23"/>
      <c r="CT624" s="23"/>
      <c r="CU624" s="23"/>
      <c r="CV624" s="23"/>
      <c r="CW624" s="23"/>
      <c r="CX624" s="23"/>
      <c r="CY624" s="23"/>
      <c r="CZ624" s="23"/>
      <c r="DA624" s="23"/>
      <c r="DB624" s="23"/>
      <c r="DC624" s="23"/>
      <c r="DD624" s="23"/>
      <c r="DE624" s="23"/>
      <c r="DF624" s="23"/>
      <c r="DG624" s="23"/>
      <c r="DH624" s="23"/>
      <c r="DI624" s="23"/>
      <c r="DJ624" s="23"/>
      <c r="DK624" s="23"/>
      <c r="DL624" s="23"/>
      <c r="DM624" s="23"/>
      <c r="DN624" s="23"/>
      <c r="DO624" s="23"/>
      <c r="DP624" s="23"/>
      <c r="DQ624" s="23"/>
      <c r="DR624" s="23"/>
      <c r="DS624" s="23"/>
      <c r="DT624" s="23"/>
      <c r="DU624" s="23"/>
      <c r="DV624" s="23"/>
      <c r="DW624" s="23"/>
      <c r="DX624" s="23"/>
      <c r="DY624" s="23"/>
      <c r="DZ624" s="23"/>
      <c r="EA624" s="23"/>
      <c r="EB624" s="23"/>
      <c r="EC624" s="23"/>
      <c r="ED624" s="23"/>
      <c r="EE624" s="23"/>
      <c r="EF624" s="23"/>
      <c r="EG624" s="23"/>
      <c r="EH624" s="23"/>
      <c r="EI624" s="23"/>
      <c r="EJ624" s="23"/>
      <c r="EK624" s="23"/>
      <c r="EL624" s="23"/>
      <c r="EM624" s="23"/>
      <c r="EN624" s="23"/>
      <c r="EO624" s="23"/>
      <c r="EP624" s="23"/>
      <c r="EQ624" s="23"/>
      <c r="ER624" s="23"/>
      <c r="ES624" s="23"/>
      <c r="ET624" s="23"/>
      <c r="EU624" s="23"/>
      <c r="EV624" s="23"/>
      <c r="EW624" s="23"/>
      <c r="EX624" s="23"/>
      <c r="EY624" s="23"/>
      <c r="EZ624" s="23"/>
      <c r="FA624" s="23"/>
      <c r="FB624" s="23"/>
      <c r="FC624" s="23"/>
      <c r="FD624" s="23"/>
      <c r="FE624" s="23"/>
      <c r="FF624" s="23"/>
      <c r="FG624" s="23"/>
      <c r="FH624" s="23"/>
      <c r="FI624" s="23"/>
      <c r="FJ624" s="23"/>
      <c r="FK624" s="23"/>
      <c r="FL624" s="23"/>
      <c r="FM624" s="23"/>
      <c r="FN624" s="23"/>
      <c r="FO624" s="23"/>
      <c r="FP624" s="23"/>
      <c r="FQ624" s="23"/>
      <c r="FR624" s="23"/>
      <c r="FS624" s="23"/>
      <c r="FT624" s="23"/>
      <c r="FU624" s="23"/>
      <c r="FV624" s="23"/>
      <c r="FW624" s="23"/>
      <c r="FX624" s="23"/>
      <c r="FY624" s="23"/>
      <c r="FZ624" s="23"/>
      <c r="GA624" s="23"/>
      <c r="GB624" s="23"/>
      <c r="GC624" s="23"/>
      <c r="GD624" s="23"/>
      <c r="GE624" s="23"/>
      <c r="GF624" s="23"/>
      <c r="GG624" s="23"/>
      <c r="GH624" s="23"/>
      <c r="GI624" s="23"/>
      <c r="GJ624" s="23"/>
      <c r="GK624" s="23"/>
      <c r="GL624" s="23"/>
      <c r="GM624" s="23"/>
      <c r="GN624" s="23"/>
      <c r="GO624" s="23"/>
      <c r="GP624" s="23"/>
      <c r="GQ624" s="23"/>
      <c r="GR624" s="23"/>
      <c r="GS624" s="23"/>
      <c r="GT624" s="23"/>
      <c r="GU624" s="23"/>
      <c r="GV624" s="23"/>
      <c r="GW624" s="23"/>
      <c r="GX624" s="23"/>
      <c r="GY624" s="23"/>
      <c r="GZ624" s="23"/>
      <c r="HA624" s="23"/>
      <c r="HB624" s="23"/>
      <c r="HC624" s="23"/>
      <c r="HD624" s="23"/>
      <c r="HE624" s="23"/>
      <c r="HF624" s="23"/>
      <c r="HG624" s="23"/>
      <c r="HH624" s="23"/>
      <c r="HI624" s="23"/>
      <c r="HJ624" s="23"/>
      <c r="HK624" s="23"/>
      <c r="HL624" s="23"/>
      <c r="HM624" s="23"/>
      <c r="HN624" s="23"/>
      <c r="HO624" s="23"/>
      <c r="HP624" s="23"/>
      <c r="HQ624" s="23"/>
      <c r="HR624" s="23"/>
      <c r="HS624" s="23"/>
      <c r="HT624" s="23"/>
      <c r="HU624" s="23"/>
      <c r="HV624" s="23"/>
      <c r="HW624" s="23"/>
      <c r="HX624" s="23"/>
      <c r="HY624" s="23"/>
      <c r="HZ624" s="23"/>
      <c r="IA624" s="23"/>
      <c r="IB624" s="23"/>
      <c r="IC624" s="23"/>
      <c r="ID624" s="23"/>
      <c r="IE624" s="23"/>
      <c r="IF624" s="23"/>
      <c r="IG624" s="23"/>
      <c r="IH624" s="23"/>
      <c r="II624" s="23"/>
      <c r="IJ624" s="23"/>
      <c r="IK624" s="23"/>
      <c r="IL624" s="23"/>
      <c r="IM624" s="23"/>
      <c r="IN624" s="23"/>
      <c r="IO624" s="23"/>
      <c r="IP624" s="23"/>
      <c r="IQ624" s="23"/>
    </row>
    <row r="625" spans="1:251" s="50" customFormat="1" ht="18.75" customHeight="1">
      <c r="A625" s="34"/>
      <c r="B625" s="47"/>
      <c r="C625" s="130"/>
      <c r="D625" s="130"/>
      <c r="E625" s="130"/>
      <c r="F625" s="130"/>
      <c r="G625" s="130"/>
      <c r="H625" s="130"/>
      <c r="I625" s="130"/>
      <c r="J625" s="130"/>
      <c r="K625" s="130"/>
      <c r="L625" s="130"/>
      <c r="M625" s="130"/>
      <c r="N625" s="130"/>
      <c r="O625" s="130"/>
      <c r="P625" s="130"/>
      <c r="Q625" s="130"/>
      <c r="R625" s="130"/>
      <c r="S625" s="130"/>
      <c r="T625" s="130"/>
      <c r="U625" s="130"/>
      <c r="V625" s="130"/>
      <c r="W625" s="130"/>
      <c r="X625" s="130"/>
      <c r="Y625" s="130"/>
      <c r="Z625" s="131"/>
      <c r="AA625" s="132"/>
      <c r="AB625" s="200"/>
      <c r="AC625" s="200"/>
      <c r="AD625" s="200"/>
      <c r="AE625" s="200"/>
      <c r="AF625" s="200"/>
      <c r="AG625" s="200"/>
      <c r="AH625" s="200"/>
      <c r="AI625" s="201"/>
      <c r="AJ625" s="132"/>
      <c r="AK625" s="196"/>
      <c r="AL625" s="196"/>
      <c r="AM625" s="196"/>
      <c r="AN625" s="196"/>
      <c r="AO625" s="196"/>
      <c r="AP625" s="196"/>
      <c r="AQ625" s="196"/>
      <c r="AR625" s="197"/>
      <c r="AS625" s="132"/>
      <c r="AT625" s="196"/>
      <c r="AU625" s="196"/>
      <c r="AV625" s="196"/>
      <c r="AW625" s="196"/>
      <c r="AX625" s="202"/>
      <c r="AY625" s="23"/>
      <c r="AZ625" s="23"/>
      <c r="BA625" s="23"/>
      <c r="BB625" s="23"/>
      <c r="BC625" s="23"/>
      <c r="BD625" s="23"/>
      <c r="BE625" s="23"/>
      <c r="BF625" s="23"/>
      <c r="BG625" s="23"/>
      <c r="BH625" s="23"/>
      <c r="BI625" s="23"/>
      <c r="BJ625" s="23"/>
      <c r="BK625" s="23"/>
      <c r="BL625" s="23"/>
      <c r="BM625" s="23"/>
      <c r="BN625" s="23"/>
      <c r="BO625" s="23"/>
      <c r="BP625" s="23"/>
      <c r="BQ625" s="23"/>
      <c r="BR625" s="23"/>
      <c r="BS625" s="23"/>
      <c r="BT625" s="23"/>
      <c r="BU625" s="23"/>
      <c r="BV625" s="23"/>
      <c r="BW625" s="23"/>
      <c r="BX625" s="23"/>
      <c r="BY625" s="23"/>
      <c r="BZ625" s="23"/>
      <c r="CA625" s="23"/>
      <c r="CB625" s="23"/>
      <c r="CC625" s="23"/>
      <c r="CD625" s="23"/>
      <c r="CE625" s="23"/>
      <c r="CF625" s="23"/>
      <c r="CG625" s="23"/>
      <c r="CH625" s="23"/>
      <c r="CI625" s="23"/>
      <c r="CJ625" s="23"/>
      <c r="CK625" s="23"/>
      <c r="CL625" s="23"/>
      <c r="CM625" s="23"/>
      <c r="CN625" s="23"/>
      <c r="CO625" s="23"/>
      <c r="CP625" s="23"/>
      <c r="CQ625" s="23"/>
      <c r="CR625" s="23"/>
      <c r="CS625" s="23"/>
      <c r="CT625" s="23"/>
      <c r="CU625" s="23"/>
      <c r="CV625" s="23"/>
      <c r="CW625" s="23"/>
      <c r="CX625" s="23"/>
      <c r="CY625" s="23"/>
      <c r="CZ625" s="23"/>
      <c r="DA625" s="23"/>
      <c r="DB625" s="23"/>
      <c r="DC625" s="23"/>
      <c r="DD625" s="23"/>
      <c r="DE625" s="23"/>
      <c r="DF625" s="23"/>
      <c r="DG625" s="23"/>
      <c r="DH625" s="23"/>
      <c r="DI625" s="23"/>
      <c r="DJ625" s="23"/>
      <c r="DK625" s="23"/>
      <c r="DL625" s="23"/>
      <c r="DM625" s="23"/>
      <c r="DN625" s="23"/>
      <c r="DO625" s="23"/>
      <c r="DP625" s="23"/>
      <c r="DQ625" s="23"/>
      <c r="DR625" s="23"/>
      <c r="DS625" s="23"/>
      <c r="DT625" s="23"/>
      <c r="DU625" s="23"/>
      <c r="DV625" s="23"/>
      <c r="DW625" s="23"/>
      <c r="DX625" s="23"/>
      <c r="DY625" s="23"/>
      <c r="DZ625" s="23"/>
      <c r="EA625" s="23"/>
      <c r="EB625" s="23"/>
      <c r="EC625" s="23"/>
      <c r="ED625" s="23"/>
      <c r="EE625" s="23"/>
      <c r="EF625" s="23"/>
      <c r="EG625" s="23"/>
      <c r="EH625" s="23"/>
      <c r="EI625" s="23"/>
      <c r="EJ625" s="23"/>
      <c r="EK625" s="23"/>
      <c r="EL625" s="23"/>
      <c r="EM625" s="23"/>
      <c r="EN625" s="23"/>
      <c r="EO625" s="23"/>
      <c r="EP625" s="23"/>
      <c r="EQ625" s="23"/>
      <c r="ER625" s="23"/>
      <c r="ES625" s="23"/>
      <c r="ET625" s="23"/>
      <c r="EU625" s="23"/>
      <c r="EV625" s="23"/>
      <c r="EW625" s="23"/>
      <c r="EX625" s="23"/>
      <c r="EY625" s="23"/>
      <c r="EZ625" s="23"/>
      <c r="FA625" s="23"/>
      <c r="FB625" s="23"/>
      <c r="FC625" s="23"/>
      <c r="FD625" s="23"/>
      <c r="FE625" s="23"/>
      <c r="FF625" s="23"/>
      <c r="FG625" s="23"/>
      <c r="FH625" s="23"/>
      <c r="FI625" s="23"/>
      <c r="FJ625" s="23"/>
      <c r="FK625" s="23"/>
      <c r="FL625" s="23"/>
      <c r="FM625" s="23"/>
      <c r="FN625" s="23"/>
      <c r="FO625" s="23"/>
      <c r="FP625" s="23"/>
      <c r="FQ625" s="23"/>
      <c r="FR625" s="23"/>
      <c r="FS625" s="23"/>
      <c r="FT625" s="23"/>
      <c r="FU625" s="23"/>
      <c r="FV625" s="23"/>
      <c r="FW625" s="23"/>
      <c r="FX625" s="23"/>
      <c r="FY625" s="23"/>
      <c r="FZ625" s="23"/>
      <c r="GA625" s="23"/>
      <c r="GB625" s="23"/>
      <c r="GC625" s="23"/>
      <c r="GD625" s="23"/>
      <c r="GE625" s="23"/>
      <c r="GF625" s="23"/>
      <c r="GG625" s="23"/>
      <c r="GH625" s="23"/>
      <c r="GI625" s="23"/>
      <c r="GJ625" s="23"/>
      <c r="GK625" s="23"/>
      <c r="GL625" s="23"/>
      <c r="GM625" s="23"/>
      <c r="GN625" s="23"/>
      <c r="GO625" s="23"/>
      <c r="GP625" s="23"/>
      <c r="GQ625" s="23"/>
      <c r="GR625" s="23"/>
      <c r="GS625" s="23"/>
      <c r="GT625" s="23"/>
      <c r="GU625" s="23"/>
      <c r="GV625" s="23"/>
      <c r="GW625" s="23"/>
      <c r="GX625" s="23"/>
      <c r="GY625" s="23"/>
      <c r="GZ625" s="23"/>
      <c r="HA625" s="23"/>
      <c r="HB625" s="23"/>
      <c r="HC625" s="23"/>
      <c r="HD625" s="23"/>
      <c r="HE625" s="23"/>
      <c r="HF625" s="23"/>
      <c r="HG625" s="23"/>
      <c r="HH625" s="23"/>
      <c r="HI625" s="23"/>
      <c r="HJ625" s="23"/>
      <c r="HK625" s="23"/>
      <c r="HL625" s="23"/>
      <c r="HM625" s="23"/>
      <c r="HN625" s="23"/>
      <c r="HO625" s="23"/>
      <c r="HP625" s="23"/>
      <c r="HQ625" s="23"/>
      <c r="HR625" s="23"/>
      <c r="HS625" s="23"/>
      <c r="HT625" s="23"/>
      <c r="HU625" s="23"/>
      <c r="HV625" s="23"/>
      <c r="HW625" s="23"/>
      <c r="HX625" s="23"/>
      <c r="HY625" s="23"/>
      <c r="HZ625" s="23"/>
      <c r="IA625" s="23"/>
      <c r="IB625" s="23"/>
      <c r="IC625" s="23"/>
      <c r="ID625" s="23"/>
      <c r="IE625" s="23"/>
      <c r="IF625" s="23"/>
      <c r="IG625" s="23"/>
      <c r="IH625" s="23"/>
      <c r="II625" s="23"/>
      <c r="IJ625" s="23"/>
      <c r="IK625" s="23"/>
      <c r="IL625" s="23"/>
      <c r="IM625" s="23"/>
      <c r="IN625" s="23"/>
      <c r="IO625" s="23"/>
      <c r="IP625" s="23"/>
      <c r="IQ625" s="23"/>
    </row>
    <row r="626" spans="1:251" s="50" customFormat="1" ht="18.75" customHeight="1">
      <c r="A626" s="34"/>
      <c r="B626" s="48"/>
      <c r="C626" s="130"/>
      <c r="D626" s="130"/>
      <c r="E626" s="130"/>
      <c r="F626" s="130"/>
      <c r="G626" s="130"/>
      <c r="H626" s="130"/>
      <c r="I626" s="130"/>
      <c r="J626" s="130"/>
      <c r="K626" s="130"/>
      <c r="L626" s="130"/>
      <c r="M626" s="130"/>
      <c r="N626" s="130"/>
      <c r="O626" s="130"/>
      <c r="P626" s="130"/>
      <c r="Q626" s="130"/>
      <c r="R626" s="130"/>
      <c r="S626" s="130"/>
      <c r="T626" s="130"/>
      <c r="U626" s="130"/>
      <c r="V626" s="130"/>
      <c r="W626" s="130"/>
      <c r="X626" s="130"/>
      <c r="Y626" s="130"/>
      <c r="Z626" s="131"/>
      <c r="AA626" s="132"/>
      <c r="AB626" s="200"/>
      <c r="AC626" s="200"/>
      <c r="AD626" s="200"/>
      <c r="AE626" s="200"/>
      <c r="AF626" s="200"/>
      <c r="AG626" s="200"/>
      <c r="AH626" s="200"/>
      <c r="AI626" s="201"/>
      <c r="AJ626" s="132"/>
      <c r="AK626" s="196"/>
      <c r="AL626" s="196"/>
      <c r="AM626" s="196"/>
      <c r="AN626" s="196"/>
      <c r="AO626" s="196"/>
      <c r="AP626" s="196"/>
      <c r="AQ626" s="196"/>
      <c r="AR626" s="197"/>
      <c r="AS626" s="136"/>
      <c r="AT626" s="198"/>
      <c r="AU626" s="198"/>
      <c r="AV626" s="198"/>
      <c r="AW626" s="198"/>
      <c r="AX626" s="199"/>
      <c r="AY626" s="23"/>
      <c r="AZ626" s="23"/>
      <c r="BA626" s="23"/>
      <c r="BB626" s="23"/>
      <c r="BC626" s="23"/>
      <c r="BD626" s="23"/>
      <c r="BE626" s="23"/>
      <c r="BF626" s="23"/>
      <c r="BG626" s="23"/>
      <c r="BH626" s="23"/>
      <c r="BI626" s="23"/>
      <c r="BJ626" s="23"/>
      <c r="BK626" s="23"/>
      <c r="BL626" s="23"/>
      <c r="BM626" s="23"/>
      <c r="BN626" s="23"/>
      <c r="BO626" s="23"/>
      <c r="BP626" s="23"/>
      <c r="BQ626" s="23"/>
      <c r="BR626" s="23"/>
      <c r="BS626" s="23"/>
      <c r="BT626" s="23"/>
      <c r="BU626" s="23"/>
      <c r="BV626" s="23"/>
      <c r="BW626" s="23"/>
      <c r="BX626" s="23"/>
      <c r="BY626" s="23"/>
      <c r="BZ626" s="23"/>
      <c r="CA626" s="23"/>
      <c r="CB626" s="23"/>
      <c r="CC626" s="23"/>
      <c r="CD626" s="23"/>
      <c r="CE626" s="23"/>
      <c r="CF626" s="23"/>
      <c r="CG626" s="23"/>
      <c r="CH626" s="23"/>
      <c r="CI626" s="23"/>
      <c r="CJ626" s="23"/>
      <c r="CK626" s="23"/>
      <c r="CL626" s="23"/>
      <c r="CM626" s="23"/>
      <c r="CN626" s="23"/>
      <c r="CO626" s="23"/>
      <c r="CP626" s="23"/>
      <c r="CQ626" s="23"/>
      <c r="CR626" s="23"/>
      <c r="CS626" s="23"/>
      <c r="CT626" s="23"/>
      <c r="CU626" s="23"/>
      <c r="CV626" s="23"/>
      <c r="CW626" s="23"/>
      <c r="CX626" s="23"/>
      <c r="CY626" s="23"/>
      <c r="CZ626" s="23"/>
      <c r="DA626" s="23"/>
      <c r="DB626" s="23"/>
      <c r="DC626" s="23"/>
      <c r="DD626" s="23"/>
      <c r="DE626" s="23"/>
      <c r="DF626" s="23"/>
      <c r="DG626" s="23"/>
      <c r="DH626" s="23"/>
      <c r="DI626" s="23"/>
      <c r="DJ626" s="23"/>
      <c r="DK626" s="23"/>
      <c r="DL626" s="23"/>
      <c r="DM626" s="23"/>
      <c r="DN626" s="23"/>
      <c r="DO626" s="23"/>
      <c r="DP626" s="23"/>
      <c r="DQ626" s="23"/>
      <c r="DR626" s="23"/>
      <c r="DS626" s="23"/>
      <c r="DT626" s="23"/>
      <c r="DU626" s="23"/>
      <c r="DV626" s="23"/>
      <c r="DW626" s="23"/>
      <c r="DX626" s="23"/>
      <c r="DY626" s="23"/>
      <c r="DZ626" s="23"/>
      <c r="EA626" s="23"/>
      <c r="EB626" s="23"/>
      <c r="EC626" s="23"/>
      <c r="ED626" s="23"/>
      <c r="EE626" s="23"/>
      <c r="EF626" s="23"/>
      <c r="EG626" s="23"/>
      <c r="EH626" s="23"/>
      <c r="EI626" s="23"/>
      <c r="EJ626" s="23"/>
      <c r="EK626" s="23"/>
      <c r="EL626" s="23"/>
      <c r="EM626" s="23"/>
      <c r="EN626" s="23"/>
      <c r="EO626" s="23"/>
      <c r="EP626" s="23"/>
      <c r="EQ626" s="23"/>
      <c r="ER626" s="23"/>
      <c r="ES626" s="23"/>
      <c r="ET626" s="23"/>
      <c r="EU626" s="23"/>
      <c r="EV626" s="23"/>
      <c r="EW626" s="23"/>
      <c r="EX626" s="23"/>
      <c r="EY626" s="23"/>
      <c r="EZ626" s="23"/>
      <c r="FA626" s="23"/>
      <c r="FB626" s="23"/>
      <c r="FC626" s="23"/>
      <c r="FD626" s="23"/>
      <c r="FE626" s="23"/>
      <c r="FF626" s="23"/>
      <c r="FG626" s="23"/>
      <c r="FH626" s="23"/>
      <c r="FI626" s="23"/>
      <c r="FJ626" s="23"/>
      <c r="FK626" s="23"/>
      <c r="FL626" s="23"/>
      <c r="FM626" s="23"/>
      <c r="FN626" s="23"/>
      <c r="FO626" s="23"/>
      <c r="FP626" s="23"/>
      <c r="FQ626" s="23"/>
      <c r="FR626" s="23"/>
      <c r="FS626" s="23"/>
      <c r="FT626" s="23"/>
      <c r="FU626" s="23"/>
      <c r="FV626" s="23"/>
      <c r="FW626" s="23"/>
      <c r="FX626" s="23"/>
      <c r="FY626" s="23"/>
      <c r="FZ626" s="23"/>
      <c r="GA626" s="23"/>
      <c r="GB626" s="23"/>
      <c r="GC626" s="23"/>
      <c r="GD626" s="23"/>
      <c r="GE626" s="23"/>
      <c r="GF626" s="23"/>
      <c r="GG626" s="23"/>
      <c r="GH626" s="23"/>
      <c r="GI626" s="23"/>
      <c r="GJ626" s="23"/>
      <c r="GK626" s="23"/>
      <c r="GL626" s="23"/>
      <c r="GM626" s="23"/>
      <c r="GN626" s="23"/>
      <c r="GO626" s="23"/>
      <c r="GP626" s="23"/>
      <c r="GQ626" s="23"/>
      <c r="GR626" s="23"/>
      <c r="GS626" s="23"/>
      <c r="GT626" s="23"/>
      <c r="GU626" s="23"/>
      <c r="GV626" s="23"/>
      <c r="GW626" s="23"/>
      <c r="GX626" s="23"/>
      <c r="GY626" s="23"/>
      <c r="GZ626" s="23"/>
      <c r="HA626" s="23"/>
      <c r="HB626" s="23"/>
      <c r="HC626" s="23"/>
      <c r="HD626" s="23"/>
      <c r="HE626" s="23"/>
      <c r="HF626" s="23"/>
      <c r="HG626" s="23"/>
      <c r="HH626" s="23"/>
      <c r="HI626" s="23"/>
      <c r="HJ626" s="23"/>
      <c r="HK626" s="23"/>
      <c r="HL626" s="23"/>
      <c r="HM626" s="23"/>
      <c r="HN626" s="23"/>
      <c r="HO626" s="23"/>
      <c r="HP626" s="23"/>
      <c r="HQ626" s="23"/>
      <c r="HR626" s="23"/>
      <c r="HS626" s="23"/>
      <c r="HT626" s="23"/>
      <c r="HU626" s="23"/>
      <c r="HV626" s="23"/>
      <c r="HW626" s="23"/>
      <c r="HX626" s="23"/>
      <c r="HY626" s="23"/>
      <c r="HZ626" s="23"/>
      <c r="IA626" s="23"/>
      <c r="IB626" s="23"/>
      <c r="IC626" s="23"/>
      <c r="ID626" s="23"/>
      <c r="IE626" s="23"/>
      <c r="IF626" s="23"/>
      <c r="IG626" s="23"/>
      <c r="IH626" s="23"/>
      <c r="II626" s="23"/>
      <c r="IJ626" s="23"/>
      <c r="IK626" s="23"/>
      <c r="IL626" s="23"/>
      <c r="IM626" s="23"/>
      <c r="IN626" s="23"/>
      <c r="IO626" s="23"/>
      <c r="IP626" s="23"/>
      <c r="IQ626" s="23"/>
    </row>
    <row r="627" spans="1:251" s="50" customFormat="1" ht="18.75" customHeight="1">
      <c r="A627" s="34"/>
      <c r="B627" s="47"/>
      <c r="C627" s="130"/>
      <c r="D627" s="130"/>
      <c r="E627" s="130"/>
      <c r="F627" s="130"/>
      <c r="G627" s="130"/>
      <c r="H627" s="130"/>
      <c r="I627" s="130"/>
      <c r="J627" s="130"/>
      <c r="K627" s="130"/>
      <c r="L627" s="130"/>
      <c r="M627" s="130"/>
      <c r="N627" s="130"/>
      <c r="O627" s="130"/>
      <c r="P627" s="130"/>
      <c r="Q627" s="130"/>
      <c r="R627" s="130"/>
      <c r="S627" s="130"/>
      <c r="T627" s="130"/>
      <c r="U627" s="130"/>
      <c r="V627" s="130"/>
      <c r="W627" s="130"/>
      <c r="X627" s="130"/>
      <c r="Y627" s="130"/>
      <c r="Z627" s="131"/>
      <c r="AA627" s="132"/>
      <c r="AB627" s="200"/>
      <c r="AC627" s="200"/>
      <c r="AD627" s="200"/>
      <c r="AE627" s="200"/>
      <c r="AF627" s="200"/>
      <c r="AG627" s="200"/>
      <c r="AH627" s="200"/>
      <c r="AI627" s="201"/>
      <c r="AJ627" s="132"/>
      <c r="AK627" s="196"/>
      <c r="AL627" s="196"/>
      <c r="AM627" s="196"/>
      <c r="AN627" s="196"/>
      <c r="AO627" s="196"/>
      <c r="AP627" s="196"/>
      <c r="AQ627" s="196"/>
      <c r="AR627" s="197"/>
      <c r="AS627" s="132"/>
      <c r="AT627" s="196"/>
      <c r="AU627" s="196"/>
      <c r="AV627" s="196"/>
      <c r="AW627" s="196"/>
      <c r="AX627" s="202"/>
      <c r="AY627" s="23"/>
      <c r="AZ627" s="23"/>
      <c r="BA627" s="23"/>
      <c r="BB627" s="23"/>
      <c r="BC627" s="23"/>
      <c r="BD627" s="23"/>
      <c r="BE627" s="23"/>
      <c r="BF627" s="23"/>
      <c r="BG627" s="23"/>
      <c r="BH627" s="23"/>
      <c r="BI627" s="23"/>
      <c r="BJ627" s="23"/>
      <c r="BK627" s="23"/>
      <c r="BL627" s="23"/>
      <c r="BM627" s="23"/>
      <c r="BN627" s="23"/>
      <c r="BO627" s="23"/>
      <c r="BP627" s="23"/>
      <c r="BQ627" s="23"/>
      <c r="BR627" s="23"/>
      <c r="BS627" s="23"/>
      <c r="BT627" s="23"/>
      <c r="BU627" s="23"/>
      <c r="BV627" s="23"/>
      <c r="BW627" s="23"/>
      <c r="BX627" s="23"/>
      <c r="BY627" s="23"/>
      <c r="BZ627" s="23"/>
      <c r="CA627" s="23"/>
      <c r="CB627" s="23"/>
      <c r="CC627" s="23"/>
      <c r="CD627" s="23"/>
      <c r="CE627" s="23"/>
      <c r="CF627" s="23"/>
      <c r="CG627" s="23"/>
      <c r="CH627" s="23"/>
      <c r="CI627" s="23"/>
      <c r="CJ627" s="23"/>
      <c r="CK627" s="23"/>
      <c r="CL627" s="23"/>
      <c r="CM627" s="23"/>
      <c r="CN627" s="23"/>
      <c r="CO627" s="23"/>
      <c r="CP627" s="23"/>
      <c r="CQ627" s="23"/>
      <c r="CR627" s="23"/>
      <c r="CS627" s="23"/>
      <c r="CT627" s="23"/>
      <c r="CU627" s="23"/>
      <c r="CV627" s="23"/>
      <c r="CW627" s="23"/>
      <c r="CX627" s="23"/>
      <c r="CY627" s="23"/>
      <c r="CZ627" s="23"/>
      <c r="DA627" s="23"/>
      <c r="DB627" s="23"/>
      <c r="DC627" s="23"/>
      <c r="DD627" s="23"/>
      <c r="DE627" s="23"/>
      <c r="DF627" s="23"/>
      <c r="DG627" s="23"/>
      <c r="DH627" s="23"/>
      <c r="DI627" s="23"/>
      <c r="DJ627" s="23"/>
      <c r="DK627" s="23"/>
      <c r="DL627" s="23"/>
      <c r="DM627" s="23"/>
      <c r="DN627" s="23"/>
      <c r="DO627" s="23"/>
      <c r="DP627" s="23"/>
      <c r="DQ627" s="23"/>
      <c r="DR627" s="23"/>
      <c r="DS627" s="23"/>
      <c r="DT627" s="23"/>
      <c r="DU627" s="23"/>
      <c r="DV627" s="23"/>
      <c r="DW627" s="23"/>
      <c r="DX627" s="23"/>
      <c r="DY627" s="23"/>
      <c r="DZ627" s="23"/>
      <c r="EA627" s="23"/>
      <c r="EB627" s="23"/>
      <c r="EC627" s="23"/>
      <c r="ED627" s="23"/>
      <c r="EE627" s="23"/>
      <c r="EF627" s="23"/>
      <c r="EG627" s="23"/>
      <c r="EH627" s="23"/>
      <c r="EI627" s="23"/>
      <c r="EJ627" s="23"/>
      <c r="EK627" s="23"/>
      <c r="EL627" s="23"/>
      <c r="EM627" s="23"/>
      <c r="EN627" s="23"/>
      <c r="EO627" s="23"/>
      <c r="EP627" s="23"/>
      <c r="EQ627" s="23"/>
      <c r="ER627" s="23"/>
      <c r="ES627" s="23"/>
      <c r="ET627" s="23"/>
      <c r="EU627" s="23"/>
      <c r="EV627" s="23"/>
      <c r="EW627" s="23"/>
      <c r="EX627" s="23"/>
      <c r="EY627" s="23"/>
      <c r="EZ627" s="23"/>
      <c r="FA627" s="23"/>
      <c r="FB627" s="23"/>
      <c r="FC627" s="23"/>
      <c r="FD627" s="23"/>
      <c r="FE627" s="23"/>
      <c r="FF627" s="23"/>
      <c r="FG627" s="23"/>
      <c r="FH627" s="23"/>
      <c r="FI627" s="23"/>
      <c r="FJ627" s="23"/>
      <c r="FK627" s="23"/>
      <c r="FL627" s="23"/>
      <c r="FM627" s="23"/>
      <c r="FN627" s="23"/>
      <c r="FO627" s="23"/>
      <c r="FP627" s="23"/>
      <c r="FQ627" s="23"/>
      <c r="FR627" s="23"/>
      <c r="FS627" s="23"/>
      <c r="FT627" s="23"/>
      <c r="FU627" s="23"/>
      <c r="FV627" s="23"/>
      <c r="FW627" s="23"/>
      <c r="FX627" s="23"/>
      <c r="FY627" s="23"/>
      <c r="FZ627" s="23"/>
      <c r="GA627" s="23"/>
      <c r="GB627" s="23"/>
      <c r="GC627" s="23"/>
      <c r="GD627" s="23"/>
      <c r="GE627" s="23"/>
      <c r="GF627" s="23"/>
      <c r="GG627" s="23"/>
      <c r="GH627" s="23"/>
      <c r="GI627" s="23"/>
      <c r="GJ627" s="23"/>
      <c r="GK627" s="23"/>
      <c r="GL627" s="23"/>
      <c r="GM627" s="23"/>
      <c r="GN627" s="23"/>
      <c r="GO627" s="23"/>
      <c r="GP627" s="23"/>
      <c r="GQ627" s="23"/>
      <c r="GR627" s="23"/>
      <c r="GS627" s="23"/>
      <c r="GT627" s="23"/>
      <c r="GU627" s="23"/>
      <c r="GV627" s="23"/>
      <c r="GW627" s="23"/>
      <c r="GX627" s="23"/>
      <c r="GY627" s="23"/>
      <c r="GZ627" s="23"/>
      <c r="HA627" s="23"/>
      <c r="HB627" s="23"/>
      <c r="HC627" s="23"/>
      <c r="HD627" s="23"/>
      <c r="HE627" s="23"/>
      <c r="HF627" s="23"/>
      <c r="HG627" s="23"/>
      <c r="HH627" s="23"/>
      <c r="HI627" s="23"/>
      <c r="HJ627" s="23"/>
      <c r="HK627" s="23"/>
      <c r="HL627" s="23"/>
      <c r="HM627" s="23"/>
      <c r="HN627" s="23"/>
      <c r="HO627" s="23"/>
      <c r="HP627" s="23"/>
      <c r="HQ627" s="23"/>
      <c r="HR627" s="23"/>
      <c r="HS627" s="23"/>
      <c r="HT627" s="23"/>
      <c r="HU627" s="23"/>
      <c r="HV627" s="23"/>
      <c r="HW627" s="23"/>
      <c r="HX627" s="23"/>
      <c r="HY627" s="23"/>
      <c r="HZ627" s="23"/>
      <c r="IA627" s="23"/>
      <c r="IB627" s="23"/>
      <c r="IC627" s="23"/>
      <c r="ID627" s="23"/>
      <c r="IE627" s="23"/>
      <c r="IF627" s="23"/>
      <c r="IG627" s="23"/>
      <c r="IH627" s="23"/>
      <c r="II627" s="23"/>
      <c r="IJ627" s="23"/>
      <c r="IK627" s="23"/>
      <c r="IL627" s="23"/>
      <c r="IM627" s="23"/>
      <c r="IN627" s="23"/>
      <c r="IO627" s="23"/>
      <c r="IP627" s="23"/>
      <c r="IQ627" s="23"/>
    </row>
    <row r="628" spans="1:251" s="50" customFormat="1" ht="18.75" customHeight="1">
      <c r="A628" s="34"/>
      <c r="B628" s="48"/>
      <c r="C628" s="130"/>
      <c r="D628" s="130"/>
      <c r="E628" s="130"/>
      <c r="F628" s="130"/>
      <c r="G628" s="130"/>
      <c r="H628" s="130"/>
      <c r="I628" s="130"/>
      <c r="J628" s="130"/>
      <c r="K628" s="130"/>
      <c r="L628" s="130"/>
      <c r="M628" s="130"/>
      <c r="N628" s="130"/>
      <c r="O628" s="130"/>
      <c r="P628" s="130"/>
      <c r="Q628" s="130"/>
      <c r="R628" s="130"/>
      <c r="S628" s="130"/>
      <c r="T628" s="130"/>
      <c r="U628" s="130"/>
      <c r="V628" s="130"/>
      <c r="W628" s="130"/>
      <c r="X628" s="130"/>
      <c r="Y628" s="130"/>
      <c r="Z628" s="131"/>
      <c r="AA628" s="132"/>
      <c r="AB628" s="200"/>
      <c r="AC628" s="200"/>
      <c r="AD628" s="200"/>
      <c r="AE628" s="200"/>
      <c r="AF628" s="200"/>
      <c r="AG628" s="200"/>
      <c r="AH628" s="200"/>
      <c r="AI628" s="201"/>
      <c r="AJ628" s="132"/>
      <c r="AK628" s="133"/>
      <c r="AL628" s="133"/>
      <c r="AM628" s="133"/>
      <c r="AN628" s="133"/>
      <c r="AO628" s="133"/>
      <c r="AP628" s="133"/>
      <c r="AQ628" s="133"/>
      <c r="AR628" s="134"/>
      <c r="AS628" s="132"/>
      <c r="AT628" s="196"/>
      <c r="AU628" s="196"/>
      <c r="AV628" s="196"/>
      <c r="AW628" s="196"/>
      <c r="AX628" s="202"/>
      <c r="AY628" s="23"/>
      <c r="AZ628" s="23"/>
      <c r="BA628" s="23"/>
      <c r="BB628" s="23"/>
      <c r="BC628" s="23"/>
      <c r="BD628" s="23"/>
      <c r="BE628" s="23"/>
      <c r="BF628" s="23"/>
      <c r="BG628" s="23"/>
      <c r="BH628" s="23"/>
      <c r="BI628" s="23"/>
      <c r="BJ628" s="23"/>
      <c r="BK628" s="23"/>
      <c r="BL628" s="23"/>
      <c r="BM628" s="23"/>
      <c r="BN628" s="23"/>
      <c r="BO628" s="23"/>
      <c r="BP628" s="23"/>
      <c r="BQ628" s="23"/>
      <c r="BR628" s="23"/>
      <c r="BS628" s="23"/>
      <c r="BT628" s="23"/>
      <c r="BU628" s="23"/>
      <c r="BV628" s="23"/>
      <c r="BW628" s="23"/>
      <c r="BX628" s="23"/>
      <c r="BY628" s="23"/>
      <c r="BZ628" s="23"/>
      <c r="CA628" s="23"/>
      <c r="CB628" s="23"/>
      <c r="CC628" s="23"/>
      <c r="CD628" s="23"/>
      <c r="CE628" s="23"/>
      <c r="CF628" s="23"/>
      <c r="CG628" s="23"/>
      <c r="CH628" s="23"/>
      <c r="CI628" s="23"/>
      <c r="CJ628" s="23"/>
      <c r="CK628" s="23"/>
      <c r="CL628" s="23"/>
      <c r="CM628" s="23"/>
      <c r="CN628" s="23"/>
      <c r="CO628" s="23"/>
      <c r="CP628" s="23"/>
      <c r="CQ628" s="23"/>
      <c r="CR628" s="23"/>
      <c r="CS628" s="23"/>
      <c r="CT628" s="23"/>
      <c r="CU628" s="23"/>
      <c r="CV628" s="23"/>
      <c r="CW628" s="23"/>
      <c r="CX628" s="23"/>
      <c r="CY628" s="23"/>
      <c r="CZ628" s="23"/>
      <c r="DA628" s="23"/>
      <c r="DB628" s="23"/>
      <c r="DC628" s="23"/>
      <c r="DD628" s="23"/>
      <c r="DE628" s="23"/>
      <c r="DF628" s="23"/>
      <c r="DG628" s="23"/>
      <c r="DH628" s="23"/>
      <c r="DI628" s="23"/>
      <c r="DJ628" s="23"/>
      <c r="DK628" s="23"/>
      <c r="DL628" s="23"/>
      <c r="DM628" s="23"/>
      <c r="DN628" s="23"/>
      <c r="DO628" s="23"/>
      <c r="DP628" s="23"/>
      <c r="DQ628" s="23"/>
      <c r="DR628" s="23"/>
      <c r="DS628" s="23"/>
      <c r="DT628" s="23"/>
      <c r="DU628" s="23"/>
      <c r="DV628" s="23"/>
      <c r="DW628" s="23"/>
      <c r="DX628" s="23"/>
      <c r="DY628" s="23"/>
      <c r="DZ628" s="23"/>
      <c r="EA628" s="23"/>
      <c r="EB628" s="23"/>
      <c r="EC628" s="23"/>
      <c r="ED628" s="23"/>
      <c r="EE628" s="23"/>
      <c r="EF628" s="23"/>
      <c r="EG628" s="23"/>
      <c r="EH628" s="23"/>
      <c r="EI628" s="23"/>
      <c r="EJ628" s="23"/>
      <c r="EK628" s="23"/>
      <c r="EL628" s="23"/>
      <c r="EM628" s="23"/>
      <c r="EN628" s="23"/>
      <c r="EO628" s="23"/>
      <c r="EP628" s="23"/>
      <c r="EQ628" s="23"/>
      <c r="ER628" s="23"/>
      <c r="ES628" s="23"/>
      <c r="ET628" s="23"/>
      <c r="EU628" s="23"/>
      <c r="EV628" s="23"/>
      <c r="EW628" s="23"/>
      <c r="EX628" s="23"/>
      <c r="EY628" s="23"/>
      <c r="EZ628" s="23"/>
      <c r="FA628" s="23"/>
      <c r="FB628" s="23"/>
      <c r="FC628" s="23"/>
      <c r="FD628" s="23"/>
      <c r="FE628" s="23"/>
      <c r="FF628" s="23"/>
      <c r="FG628" s="23"/>
      <c r="FH628" s="23"/>
      <c r="FI628" s="23"/>
      <c r="FJ628" s="23"/>
      <c r="FK628" s="23"/>
      <c r="FL628" s="23"/>
      <c r="FM628" s="23"/>
      <c r="FN628" s="23"/>
      <c r="FO628" s="23"/>
      <c r="FP628" s="23"/>
      <c r="FQ628" s="23"/>
      <c r="FR628" s="23"/>
      <c r="FS628" s="23"/>
      <c r="FT628" s="23"/>
      <c r="FU628" s="23"/>
      <c r="FV628" s="23"/>
      <c r="FW628" s="23"/>
      <c r="FX628" s="23"/>
      <c r="FY628" s="23"/>
      <c r="FZ628" s="23"/>
      <c r="GA628" s="23"/>
      <c r="GB628" s="23"/>
      <c r="GC628" s="23"/>
      <c r="GD628" s="23"/>
      <c r="GE628" s="23"/>
      <c r="GF628" s="23"/>
      <c r="GG628" s="23"/>
      <c r="GH628" s="23"/>
      <c r="GI628" s="23"/>
      <c r="GJ628" s="23"/>
      <c r="GK628" s="23"/>
      <c r="GL628" s="23"/>
      <c r="GM628" s="23"/>
      <c r="GN628" s="23"/>
      <c r="GO628" s="23"/>
      <c r="GP628" s="23"/>
      <c r="GQ628" s="23"/>
      <c r="GR628" s="23"/>
      <c r="GS628" s="23"/>
      <c r="GT628" s="23"/>
      <c r="GU628" s="23"/>
      <c r="GV628" s="23"/>
      <c r="GW628" s="23"/>
      <c r="GX628" s="23"/>
      <c r="GY628" s="23"/>
      <c r="GZ628" s="23"/>
      <c r="HA628" s="23"/>
      <c r="HB628" s="23"/>
      <c r="HC628" s="23"/>
      <c r="HD628" s="23"/>
      <c r="HE628" s="23"/>
      <c r="HF628" s="23"/>
      <c r="HG628" s="23"/>
      <c r="HH628" s="23"/>
      <c r="HI628" s="23"/>
      <c r="HJ628" s="23"/>
      <c r="HK628" s="23"/>
      <c r="HL628" s="23"/>
      <c r="HM628" s="23"/>
      <c r="HN628" s="23"/>
      <c r="HO628" s="23"/>
      <c r="HP628" s="23"/>
      <c r="HQ628" s="23"/>
      <c r="HR628" s="23"/>
      <c r="HS628" s="23"/>
      <c r="HT628" s="23"/>
      <c r="HU628" s="23"/>
      <c r="HV628" s="23"/>
      <c r="HW628" s="23"/>
      <c r="HX628" s="23"/>
      <c r="HY628" s="23"/>
      <c r="HZ628" s="23"/>
      <c r="IA628" s="23"/>
      <c r="IB628" s="23"/>
      <c r="IC628" s="23"/>
      <c r="ID628" s="23"/>
      <c r="IE628" s="23"/>
      <c r="IF628" s="23"/>
      <c r="IG628" s="23"/>
      <c r="IH628" s="23"/>
      <c r="II628" s="23"/>
      <c r="IJ628" s="23"/>
      <c r="IK628" s="23"/>
      <c r="IL628" s="23"/>
      <c r="IM628" s="23"/>
      <c r="IN628" s="23"/>
      <c r="IO628" s="23"/>
      <c r="IP628" s="23"/>
      <c r="IQ628" s="23"/>
    </row>
    <row r="629" spans="1:251" s="50" customFormat="1" ht="18.75" customHeight="1" thickBot="1">
      <c r="A629" s="34"/>
      <c r="B629" s="49"/>
      <c r="C629" s="158"/>
      <c r="D629" s="158"/>
      <c r="E629" s="158"/>
      <c r="F629" s="158"/>
      <c r="G629" s="158"/>
      <c r="H629" s="158"/>
      <c r="I629" s="158"/>
      <c r="J629" s="158"/>
      <c r="K629" s="158"/>
      <c r="L629" s="158"/>
      <c r="M629" s="158"/>
      <c r="N629" s="158"/>
      <c r="O629" s="158"/>
      <c r="P629" s="158"/>
      <c r="Q629" s="158"/>
      <c r="R629" s="158"/>
      <c r="S629" s="158"/>
      <c r="T629" s="158"/>
      <c r="U629" s="158"/>
      <c r="V629" s="158"/>
      <c r="W629" s="158"/>
      <c r="X629" s="158"/>
      <c r="Y629" s="158"/>
      <c r="Z629" s="159"/>
      <c r="AA629" s="160"/>
      <c r="AB629" s="211"/>
      <c r="AC629" s="211"/>
      <c r="AD629" s="211"/>
      <c r="AE629" s="211"/>
      <c r="AF629" s="211"/>
      <c r="AG629" s="211"/>
      <c r="AH629" s="211"/>
      <c r="AI629" s="212"/>
      <c r="AJ629" s="160"/>
      <c r="AK629" s="161"/>
      <c r="AL629" s="161"/>
      <c r="AM629" s="161"/>
      <c r="AN629" s="161"/>
      <c r="AO629" s="161"/>
      <c r="AP629" s="161"/>
      <c r="AQ629" s="161"/>
      <c r="AR629" s="162"/>
      <c r="AS629" s="188"/>
      <c r="AT629" s="213"/>
      <c r="AU629" s="213"/>
      <c r="AV629" s="213"/>
      <c r="AW629" s="213"/>
      <c r="AX629" s="214"/>
      <c r="AY629" s="23"/>
      <c r="AZ629" s="23"/>
      <c r="BA629" s="23"/>
      <c r="BB629" s="23"/>
      <c r="BC629" s="23"/>
      <c r="BD629" s="23"/>
      <c r="BE629" s="23"/>
      <c r="BF629" s="23"/>
      <c r="BG629" s="23"/>
      <c r="BH629" s="23"/>
      <c r="BI629" s="23"/>
      <c r="BJ629" s="23"/>
      <c r="BK629" s="23"/>
      <c r="BL629" s="23"/>
      <c r="BM629" s="23"/>
      <c r="BN629" s="23"/>
      <c r="BO629" s="23"/>
      <c r="BP629" s="23"/>
      <c r="BQ629" s="23"/>
      <c r="BR629" s="23"/>
      <c r="BS629" s="23"/>
      <c r="BT629" s="23"/>
      <c r="BU629" s="23"/>
      <c r="BV629" s="23"/>
      <c r="BW629" s="23"/>
      <c r="BX629" s="23"/>
      <c r="BY629" s="23"/>
      <c r="BZ629" s="23"/>
      <c r="CA629" s="23"/>
      <c r="CB629" s="23"/>
      <c r="CC629" s="23"/>
      <c r="CD629" s="23"/>
      <c r="CE629" s="23"/>
      <c r="CF629" s="23"/>
      <c r="CG629" s="23"/>
      <c r="CH629" s="23"/>
      <c r="CI629" s="23"/>
      <c r="CJ629" s="23"/>
      <c r="CK629" s="23"/>
      <c r="CL629" s="23"/>
      <c r="CM629" s="23"/>
      <c r="CN629" s="23"/>
      <c r="CO629" s="23"/>
      <c r="CP629" s="23"/>
      <c r="CQ629" s="23"/>
      <c r="CR629" s="23"/>
      <c r="CS629" s="23"/>
      <c r="CT629" s="23"/>
      <c r="CU629" s="23"/>
      <c r="CV629" s="23"/>
      <c r="CW629" s="23"/>
      <c r="CX629" s="23"/>
      <c r="CY629" s="23"/>
      <c r="CZ629" s="23"/>
      <c r="DA629" s="23"/>
      <c r="DB629" s="23"/>
      <c r="DC629" s="23"/>
      <c r="DD629" s="23"/>
      <c r="DE629" s="23"/>
      <c r="DF629" s="23"/>
      <c r="DG629" s="23"/>
      <c r="DH629" s="23"/>
      <c r="DI629" s="23"/>
      <c r="DJ629" s="23"/>
      <c r="DK629" s="23"/>
      <c r="DL629" s="23"/>
      <c r="DM629" s="23"/>
      <c r="DN629" s="23"/>
      <c r="DO629" s="23"/>
      <c r="DP629" s="23"/>
      <c r="DQ629" s="23"/>
      <c r="DR629" s="23"/>
      <c r="DS629" s="23"/>
      <c r="DT629" s="23"/>
      <c r="DU629" s="23"/>
      <c r="DV629" s="23"/>
      <c r="DW629" s="23"/>
      <c r="DX629" s="23"/>
      <c r="DY629" s="23"/>
      <c r="DZ629" s="23"/>
      <c r="EA629" s="23"/>
      <c r="EB629" s="23"/>
      <c r="EC629" s="23"/>
      <c r="ED629" s="23"/>
      <c r="EE629" s="23"/>
      <c r="EF629" s="23"/>
      <c r="EG629" s="23"/>
      <c r="EH629" s="23"/>
      <c r="EI629" s="23"/>
      <c r="EJ629" s="23"/>
      <c r="EK629" s="23"/>
      <c r="EL629" s="23"/>
      <c r="EM629" s="23"/>
      <c r="EN629" s="23"/>
      <c r="EO629" s="23"/>
      <c r="EP629" s="23"/>
      <c r="EQ629" s="23"/>
      <c r="ER629" s="23"/>
      <c r="ES629" s="23"/>
      <c r="ET629" s="23"/>
      <c r="EU629" s="23"/>
      <c r="EV629" s="23"/>
      <c r="EW629" s="23"/>
      <c r="EX629" s="23"/>
      <c r="EY629" s="23"/>
      <c r="EZ629" s="23"/>
      <c r="FA629" s="23"/>
      <c r="FB629" s="23"/>
      <c r="FC629" s="23"/>
      <c r="FD629" s="23"/>
      <c r="FE629" s="23"/>
      <c r="FF629" s="23"/>
      <c r="FG629" s="23"/>
      <c r="FH629" s="23"/>
      <c r="FI629" s="23"/>
      <c r="FJ629" s="23"/>
      <c r="FK629" s="23"/>
      <c r="FL629" s="23"/>
      <c r="FM629" s="23"/>
      <c r="FN629" s="23"/>
      <c r="FO629" s="23"/>
      <c r="FP629" s="23"/>
      <c r="FQ629" s="23"/>
      <c r="FR629" s="23"/>
      <c r="FS629" s="23"/>
      <c r="FT629" s="23"/>
      <c r="FU629" s="23"/>
      <c r="FV629" s="23"/>
      <c r="FW629" s="23"/>
      <c r="FX629" s="23"/>
      <c r="FY629" s="23"/>
      <c r="FZ629" s="23"/>
      <c r="GA629" s="23"/>
      <c r="GB629" s="23"/>
      <c r="GC629" s="23"/>
      <c r="GD629" s="23"/>
      <c r="GE629" s="23"/>
      <c r="GF629" s="23"/>
      <c r="GG629" s="23"/>
      <c r="GH629" s="23"/>
      <c r="GI629" s="23"/>
      <c r="GJ629" s="23"/>
      <c r="GK629" s="23"/>
      <c r="GL629" s="23"/>
      <c r="GM629" s="23"/>
      <c r="GN629" s="23"/>
      <c r="GO629" s="23"/>
      <c r="GP629" s="23"/>
      <c r="GQ629" s="23"/>
      <c r="GR629" s="23"/>
      <c r="GS629" s="23"/>
      <c r="GT629" s="23"/>
      <c r="GU629" s="23"/>
      <c r="GV629" s="23"/>
      <c r="GW629" s="23"/>
      <c r="GX629" s="23"/>
      <c r="GY629" s="23"/>
      <c r="GZ629" s="23"/>
      <c r="HA629" s="23"/>
      <c r="HB629" s="23"/>
      <c r="HC629" s="23"/>
      <c r="HD629" s="23"/>
      <c r="HE629" s="23"/>
      <c r="HF629" s="23"/>
      <c r="HG629" s="23"/>
      <c r="HH629" s="23"/>
      <c r="HI629" s="23"/>
      <c r="HJ629" s="23"/>
      <c r="HK629" s="23"/>
      <c r="HL629" s="23"/>
      <c r="HM629" s="23"/>
      <c r="HN629" s="23"/>
      <c r="HO629" s="23"/>
      <c r="HP629" s="23"/>
      <c r="HQ629" s="23"/>
      <c r="HR629" s="23"/>
      <c r="HS629" s="23"/>
      <c r="HT629" s="23"/>
      <c r="HU629" s="23"/>
      <c r="HV629" s="23"/>
      <c r="HW629" s="23"/>
      <c r="HX629" s="23"/>
      <c r="HY629" s="23"/>
      <c r="HZ629" s="23"/>
      <c r="IA629" s="23"/>
      <c r="IB629" s="23"/>
      <c r="IC629" s="23"/>
      <c r="ID629" s="23"/>
      <c r="IE629" s="23"/>
      <c r="IF629" s="23"/>
      <c r="IG629" s="23"/>
      <c r="IH629" s="23"/>
      <c r="II629" s="23"/>
      <c r="IJ629" s="23"/>
      <c r="IK629" s="23"/>
      <c r="IL629" s="23"/>
      <c r="IM629" s="23"/>
      <c r="IN629" s="23"/>
      <c r="IO629" s="23"/>
      <c r="IP629" s="23"/>
      <c r="IQ629" s="23"/>
    </row>
    <row r="630" spans="1:251" s="50" customFormat="1" ht="18.75" customHeight="1" thickTop="1" thickBot="1">
      <c r="A630" s="38"/>
      <c r="B630" s="164" t="s">
        <v>105</v>
      </c>
      <c r="C630" s="191"/>
      <c r="D630" s="191"/>
      <c r="E630" s="191"/>
      <c r="F630" s="191"/>
      <c r="G630" s="191"/>
      <c r="H630" s="191"/>
      <c r="I630" s="191"/>
      <c r="J630" s="191"/>
      <c r="K630" s="191"/>
      <c r="L630" s="191"/>
      <c r="M630" s="191"/>
      <c r="N630" s="191"/>
      <c r="O630" s="191"/>
      <c r="P630" s="191"/>
      <c r="Q630" s="191"/>
      <c r="R630" s="191"/>
      <c r="S630" s="191"/>
      <c r="T630" s="191"/>
      <c r="U630" s="191"/>
      <c r="V630" s="191"/>
      <c r="W630" s="191"/>
      <c r="X630" s="191"/>
      <c r="Y630" s="191"/>
      <c r="Z630" s="192"/>
      <c r="AA630" s="167">
        <f>SUM(AA622:AA629)</f>
        <v>0</v>
      </c>
      <c r="AB630" s="215"/>
      <c r="AC630" s="215"/>
      <c r="AD630" s="215"/>
      <c r="AE630" s="215"/>
      <c r="AF630" s="215"/>
      <c r="AG630" s="215"/>
      <c r="AH630" s="215"/>
      <c r="AI630" s="216"/>
      <c r="AJ630" s="167">
        <f>SUM(AJ622:AJ629)</f>
        <v>3397</v>
      </c>
      <c r="AK630" s="215"/>
      <c r="AL630" s="215"/>
      <c r="AM630" s="215"/>
      <c r="AN630" s="215"/>
      <c r="AO630" s="215"/>
      <c r="AP630" s="215"/>
      <c r="AQ630" s="215"/>
      <c r="AR630" s="216"/>
      <c r="AS630" s="167"/>
      <c r="AT630" s="215"/>
      <c r="AU630" s="215"/>
      <c r="AV630" s="215"/>
      <c r="AW630" s="215"/>
      <c r="AX630" s="217"/>
      <c r="AY630" s="23"/>
      <c r="AZ630" s="23"/>
      <c r="BA630" s="23"/>
      <c r="BB630" s="23"/>
      <c r="BC630" s="23"/>
      <c r="BD630" s="23"/>
      <c r="BE630" s="23"/>
      <c r="BF630" s="23"/>
      <c r="BG630" s="23"/>
      <c r="BH630" s="23"/>
      <c r="BI630" s="23"/>
      <c r="BJ630" s="23"/>
      <c r="BK630" s="23"/>
      <c r="BL630" s="23"/>
      <c r="BM630" s="23"/>
      <c r="BN630" s="23"/>
      <c r="BO630" s="23"/>
      <c r="BP630" s="23"/>
      <c r="BQ630" s="23"/>
      <c r="BR630" s="23"/>
      <c r="BS630" s="23"/>
      <c r="BT630" s="23"/>
      <c r="BU630" s="23"/>
      <c r="BV630" s="23"/>
      <c r="BW630" s="23"/>
      <c r="BX630" s="23"/>
      <c r="BY630" s="23"/>
      <c r="BZ630" s="23"/>
      <c r="CA630" s="23"/>
      <c r="CB630" s="23"/>
      <c r="CC630" s="23"/>
      <c r="CD630" s="23"/>
      <c r="CE630" s="23"/>
      <c r="CF630" s="23"/>
      <c r="CG630" s="23"/>
      <c r="CH630" s="23"/>
      <c r="CI630" s="23"/>
      <c r="CJ630" s="23"/>
      <c r="CK630" s="23"/>
      <c r="CL630" s="23"/>
      <c r="CM630" s="23"/>
      <c r="CN630" s="23"/>
      <c r="CO630" s="23"/>
      <c r="CP630" s="23"/>
      <c r="CQ630" s="23"/>
      <c r="CR630" s="23"/>
      <c r="CS630" s="23"/>
      <c r="CT630" s="23"/>
      <c r="CU630" s="23"/>
      <c r="CV630" s="23"/>
      <c r="CW630" s="23"/>
      <c r="CX630" s="23"/>
      <c r="CY630" s="23"/>
      <c r="CZ630" s="23"/>
      <c r="DA630" s="23"/>
      <c r="DB630" s="23"/>
      <c r="DC630" s="23"/>
      <c r="DD630" s="23"/>
      <c r="DE630" s="23"/>
      <c r="DF630" s="23"/>
      <c r="DG630" s="23"/>
      <c r="DH630" s="23"/>
      <c r="DI630" s="23"/>
      <c r="DJ630" s="23"/>
      <c r="DK630" s="23"/>
      <c r="DL630" s="23"/>
      <c r="DM630" s="23"/>
      <c r="DN630" s="23"/>
      <c r="DO630" s="23"/>
      <c r="DP630" s="23"/>
      <c r="DQ630" s="23"/>
      <c r="DR630" s="23"/>
      <c r="DS630" s="23"/>
      <c r="DT630" s="23"/>
      <c r="DU630" s="23"/>
      <c r="DV630" s="23"/>
      <c r="DW630" s="23"/>
      <c r="DX630" s="23"/>
      <c r="DY630" s="23"/>
      <c r="DZ630" s="23"/>
      <c r="EA630" s="23"/>
      <c r="EB630" s="23"/>
      <c r="EC630" s="23"/>
      <c r="ED630" s="23"/>
      <c r="EE630" s="23"/>
      <c r="EF630" s="23"/>
      <c r="EG630" s="23"/>
      <c r="EH630" s="23"/>
      <c r="EI630" s="23"/>
      <c r="EJ630" s="23"/>
      <c r="EK630" s="23"/>
      <c r="EL630" s="23"/>
      <c r="EM630" s="23"/>
      <c r="EN630" s="23"/>
      <c r="EO630" s="23"/>
      <c r="EP630" s="23"/>
      <c r="EQ630" s="23"/>
      <c r="ER630" s="23"/>
      <c r="ES630" s="23"/>
      <c r="ET630" s="23"/>
      <c r="EU630" s="23"/>
      <c r="EV630" s="23"/>
      <c r="EW630" s="23"/>
      <c r="EX630" s="23"/>
      <c r="EY630" s="23"/>
      <c r="EZ630" s="23"/>
      <c r="FA630" s="23"/>
      <c r="FB630" s="23"/>
      <c r="FC630" s="23"/>
      <c r="FD630" s="23"/>
      <c r="FE630" s="23"/>
      <c r="FF630" s="23"/>
      <c r="FG630" s="23"/>
      <c r="FH630" s="23"/>
      <c r="FI630" s="23"/>
      <c r="FJ630" s="23"/>
      <c r="FK630" s="23"/>
      <c r="FL630" s="23"/>
      <c r="FM630" s="23"/>
      <c r="FN630" s="23"/>
      <c r="FO630" s="23"/>
      <c r="FP630" s="23"/>
      <c r="FQ630" s="23"/>
      <c r="FR630" s="23"/>
      <c r="FS630" s="23"/>
      <c r="FT630" s="23"/>
      <c r="FU630" s="23"/>
      <c r="FV630" s="23"/>
      <c r="FW630" s="23"/>
      <c r="FX630" s="23"/>
      <c r="FY630" s="23"/>
      <c r="FZ630" s="23"/>
      <c r="GA630" s="23"/>
      <c r="GB630" s="23"/>
      <c r="GC630" s="23"/>
      <c r="GD630" s="23"/>
      <c r="GE630" s="23"/>
      <c r="GF630" s="23"/>
      <c r="GG630" s="23"/>
      <c r="GH630" s="23"/>
      <c r="GI630" s="23"/>
      <c r="GJ630" s="23"/>
      <c r="GK630" s="23"/>
      <c r="GL630" s="23"/>
      <c r="GM630" s="23"/>
      <c r="GN630" s="23"/>
      <c r="GO630" s="23"/>
      <c r="GP630" s="23"/>
      <c r="GQ630" s="23"/>
      <c r="GR630" s="23"/>
      <c r="GS630" s="23"/>
      <c r="GT630" s="23"/>
      <c r="GU630" s="23"/>
      <c r="GV630" s="23"/>
      <c r="GW630" s="23"/>
      <c r="GX630" s="23"/>
      <c r="GY630" s="23"/>
      <c r="GZ630" s="23"/>
      <c r="HA630" s="23"/>
      <c r="HB630" s="23"/>
      <c r="HC630" s="23"/>
      <c r="HD630" s="23"/>
      <c r="HE630" s="23"/>
      <c r="HF630" s="23"/>
      <c r="HG630" s="23"/>
      <c r="HH630" s="23"/>
      <c r="HI630" s="23"/>
      <c r="HJ630" s="23"/>
      <c r="HK630" s="23"/>
      <c r="HL630" s="23"/>
      <c r="HM630" s="23"/>
      <c r="HN630" s="23"/>
      <c r="HO630" s="23"/>
      <c r="HP630" s="23"/>
      <c r="HQ630" s="23"/>
      <c r="HR630" s="23"/>
      <c r="HS630" s="23"/>
      <c r="HT630" s="23"/>
      <c r="HU630" s="23"/>
      <c r="HV630" s="23"/>
      <c r="HW630" s="23"/>
      <c r="HX630" s="23"/>
      <c r="HY630" s="23"/>
      <c r="HZ630" s="23"/>
      <c r="IA630" s="23"/>
      <c r="IB630" s="23"/>
      <c r="IC630" s="23"/>
      <c r="ID630" s="23"/>
      <c r="IE630" s="23"/>
      <c r="IF630" s="23"/>
      <c r="IG630" s="23"/>
      <c r="IH630" s="23"/>
      <c r="II630" s="23"/>
      <c r="IJ630" s="23"/>
      <c r="IK630" s="23"/>
      <c r="IL630" s="23"/>
      <c r="IM630" s="23"/>
      <c r="IN630" s="23"/>
      <c r="IO630" s="23"/>
      <c r="IP630" s="23"/>
      <c r="IQ630" s="23"/>
    </row>
    <row r="632" spans="1:251" s="23" customFormat="1" ht="19.2">
      <c r="A632" s="22" t="s">
        <v>86</v>
      </c>
      <c r="AW632" s="24"/>
      <c r="AX632" s="25"/>
      <c r="AY632" s="24"/>
    </row>
    <row r="633" spans="1:251" s="23" customFormat="1" ht="13.2"/>
    <row r="634" spans="1:251" s="23" customFormat="1">
      <c r="A634" s="26"/>
      <c r="B634" s="115" t="s">
        <v>87</v>
      </c>
      <c r="C634" s="153"/>
      <c r="D634" s="153"/>
      <c r="E634" s="153"/>
      <c r="F634" s="153"/>
      <c r="G634" s="153"/>
      <c r="H634" s="153"/>
      <c r="I634" s="153"/>
      <c r="J634" s="153"/>
      <c r="K634" s="153"/>
      <c r="L634" s="153"/>
      <c r="M634" s="153"/>
      <c r="N634" s="153"/>
      <c r="O634" s="153"/>
      <c r="P634" s="153"/>
      <c r="Q634" s="153"/>
      <c r="R634" s="153"/>
      <c r="S634" s="153"/>
      <c r="T634" s="153"/>
      <c r="U634" s="153"/>
      <c r="V634" s="153"/>
      <c r="W634" s="153"/>
      <c r="X634" s="153"/>
      <c r="Y634" s="153"/>
      <c r="Z634" s="153"/>
      <c r="AA634" s="153"/>
      <c r="AB634" s="153"/>
      <c r="AC634" s="153"/>
      <c r="AD634" s="153"/>
      <c r="AE634" s="153"/>
      <c r="AF634" s="153"/>
      <c r="AG634" s="153"/>
      <c r="AH634" s="153"/>
      <c r="AI634" s="153"/>
      <c r="AJ634" s="153"/>
      <c r="AK634" s="153"/>
      <c r="AL634" s="153"/>
      <c r="AM634" s="153"/>
      <c r="AN634" s="153"/>
      <c r="AO634" s="153"/>
      <c r="AP634" s="153"/>
      <c r="AQ634" s="153"/>
      <c r="AR634" s="153"/>
      <c r="AS634" s="153"/>
      <c r="AT634" s="153"/>
      <c r="AU634" s="153"/>
      <c r="AV634" s="153"/>
      <c r="AW634" s="153"/>
      <c r="AX634" s="153"/>
      <c r="AY634" s="26"/>
    </row>
    <row r="635" spans="1:251" s="23" customFormat="1" ht="13.2">
      <c r="Z635" s="27"/>
      <c r="AD635" s="27"/>
      <c r="AE635" s="27"/>
      <c r="AF635" s="27"/>
      <c r="AG635" s="27"/>
      <c r="AH635" s="27"/>
      <c r="AI635" s="27"/>
      <c r="AO635" s="27"/>
    </row>
    <row r="636" spans="1:251" s="23" customFormat="1" ht="13.8" thickBot="1">
      <c r="Z636" s="27"/>
      <c r="AD636" s="27"/>
      <c r="AE636" s="27"/>
      <c r="AF636" s="27"/>
      <c r="AG636" s="27"/>
      <c r="AH636" s="27"/>
      <c r="AI636" s="27"/>
      <c r="AO636" s="27"/>
      <c r="DI636" s="28"/>
    </row>
    <row r="637" spans="1:251" s="23" customFormat="1" ht="24.6" customHeight="1" thickBot="1">
      <c r="A637" s="116" t="s">
        <v>88</v>
      </c>
      <c r="B637" s="117"/>
      <c r="C637" s="117"/>
      <c r="D637" s="117"/>
      <c r="E637" s="117"/>
      <c r="F637" s="117"/>
      <c r="G637" s="117"/>
      <c r="H637" s="117"/>
      <c r="I637" s="117"/>
      <c r="J637" s="117"/>
      <c r="K637" s="118"/>
      <c r="L637" s="154">
        <v>19</v>
      </c>
      <c r="M637" s="154"/>
      <c r="N637" s="154"/>
      <c r="O637" s="155"/>
      <c r="P637" s="122" t="s">
        <v>89</v>
      </c>
      <c r="Q637" s="120"/>
      <c r="R637" s="120"/>
      <c r="S637" s="120"/>
      <c r="T637" s="120"/>
      <c r="U637" s="123"/>
      <c r="V637" s="156" t="s">
        <v>114</v>
      </c>
      <c r="W637" s="156"/>
      <c r="X637" s="156"/>
      <c r="Y637" s="156"/>
      <c r="Z637" s="156"/>
      <c r="AA637" s="156"/>
      <c r="AB637" s="156"/>
      <c r="AC637" s="156"/>
      <c r="AD637" s="156"/>
      <c r="AE637" s="156"/>
      <c r="AF637" s="156"/>
      <c r="AG637" s="156"/>
      <c r="AH637" s="156"/>
      <c r="AI637" s="156"/>
      <c r="AJ637" s="156"/>
      <c r="AK637" s="156"/>
      <c r="AL637" s="156"/>
      <c r="AM637" s="156"/>
      <c r="AN637" s="156"/>
      <c r="AO637" s="156"/>
      <c r="AP637" s="156"/>
      <c r="AQ637" s="156"/>
      <c r="AR637" s="156"/>
      <c r="AS637" s="156"/>
      <c r="AT637" s="156"/>
      <c r="AU637" s="156"/>
      <c r="AV637" s="156"/>
      <c r="AW637" s="156"/>
      <c r="AX637" s="157"/>
      <c r="DI637" s="28"/>
    </row>
    <row r="638" spans="1:251" s="23" customFormat="1" ht="14.4">
      <c r="A638" s="29"/>
      <c r="B638" s="29"/>
      <c r="C638" s="29"/>
      <c r="D638" s="29"/>
      <c r="E638" s="29"/>
      <c r="F638" s="29"/>
      <c r="G638" s="29"/>
      <c r="H638" s="29"/>
      <c r="I638" s="29"/>
      <c r="J638" s="29"/>
      <c r="K638" s="29"/>
      <c r="L638" s="30"/>
      <c r="M638" s="30"/>
      <c r="N638" s="30"/>
      <c r="O638" s="30"/>
      <c r="P638" s="29"/>
      <c r="Q638" s="29"/>
      <c r="R638" s="29"/>
      <c r="S638" s="29"/>
      <c r="T638" s="29"/>
      <c r="U638" s="29"/>
      <c r="V638" s="31"/>
      <c r="W638" s="31"/>
      <c r="X638" s="31"/>
      <c r="Y638" s="31"/>
      <c r="Z638" s="31"/>
      <c r="AA638" s="31"/>
      <c r="AB638" s="31"/>
      <c r="AC638" s="31"/>
      <c r="AD638" s="31"/>
      <c r="AE638" s="31"/>
      <c r="AF638" s="31"/>
      <c r="AG638" s="31"/>
      <c r="AH638" s="31"/>
      <c r="AI638" s="31"/>
      <c r="AJ638" s="31"/>
      <c r="AK638" s="31"/>
      <c r="AL638" s="31"/>
      <c r="AM638" s="31"/>
      <c r="AN638" s="31"/>
      <c r="AO638" s="31"/>
      <c r="AP638" s="31"/>
      <c r="AQ638" s="31"/>
      <c r="AR638" s="31"/>
      <c r="AS638" s="31"/>
      <c r="AT638" s="31"/>
      <c r="AU638" s="31"/>
      <c r="AV638" s="31"/>
      <c r="AW638" s="31"/>
      <c r="AX638" s="31"/>
      <c r="DI638" s="28"/>
    </row>
    <row r="639" spans="1:251" s="23" customFormat="1" ht="15" thickBot="1">
      <c r="A639" s="32"/>
      <c r="B639" s="33" t="s">
        <v>91</v>
      </c>
      <c r="C639" s="34"/>
      <c r="D639" s="34"/>
      <c r="E639" s="34"/>
      <c r="F639" s="34"/>
      <c r="G639" s="34"/>
      <c r="H639" s="34"/>
      <c r="I639" s="34"/>
      <c r="J639" s="34"/>
      <c r="K639" s="34"/>
      <c r="L639" s="35"/>
      <c r="M639" s="35"/>
      <c r="N639" s="35"/>
      <c r="O639" s="35"/>
      <c r="P639" s="34"/>
      <c r="Q639" s="34"/>
      <c r="R639" s="34"/>
      <c r="S639" s="34"/>
      <c r="T639" s="34"/>
      <c r="U639" s="34"/>
      <c r="V639" s="33"/>
      <c r="W639" s="33"/>
      <c r="X639" s="33"/>
      <c r="Y639" s="33"/>
      <c r="Z639" s="33"/>
      <c r="AA639" s="33"/>
      <c r="AB639" s="33"/>
      <c r="AC639" s="33"/>
      <c r="AD639" s="33"/>
      <c r="AE639" s="33"/>
      <c r="AF639" s="33"/>
      <c r="AG639" s="33"/>
      <c r="AH639" s="33"/>
      <c r="AI639" s="33"/>
      <c r="AJ639" s="33"/>
      <c r="AK639" s="33"/>
      <c r="AL639" s="33"/>
      <c r="AM639" s="33"/>
      <c r="AN639" s="33"/>
      <c r="AO639" s="33"/>
      <c r="AP639" s="33"/>
      <c r="AQ639" s="33"/>
      <c r="AR639" s="33"/>
      <c r="AS639" s="33"/>
      <c r="AT639" s="33"/>
      <c r="AU639" s="33"/>
      <c r="AV639" s="33"/>
      <c r="AW639" s="33"/>
      <c r="AX639" s="33"/>
      <c r="DI639" s="28"/>
    </row>
    <row r="640" spans="1:251" s="23" customFormat="1" ht="14.4">
      <c r="A640" s="34"/>
      <c r="B640" s="36"/>
      <c r="C640" s="29"/>
      <c r="D640" s="29"/>
      <c r="E640" s="29"/>
      <c r="F640" s="29"/>
      <c r="G640" s="29"/>
      <c r="H640" s="29"/>
      <c r="I640" s="29"/>
      <c r="J640" s="29"/>
      <c r="K640" s="29"/>
      <c r="L640" s="30"/>
      <c r="M640" s="30"/>
      <c r="N640" s="30"/>
      <c r="O640" s="30"/>
      <c r="P640" s="29"/>
      <c r="Q640" s="29"/>
      <c r="R640" s="29"/>
      <c r="S640" s="29"/>
      <c r="T640" s="29"/>
      <c r="U640" s="29"/>
      <c r="V640" s="31"/>
      <c r="W640" s="31"/>
      <c r="X640" s="31"/>
      <c r="Y640" s="31"/>
      <c r="Z640" s="31"/>
      <c r="AA640" s="31"/>
      <c r="AB640" s="31"/>
      <c r="AC640" s="31"/>
      <c r="AD640" s="31"/>
      <c r="AE640" s="31"/>
      <c r="AF640" s="31"/>
      <c r="AG640" s="31"/>
      <c r="AH640" s="31"/>
      <c r="AI640" s="31"/>
      <c r="AJ640" s="31"/>
      <c r="AK640" s="31"/>
      <c r="AL640" s="31"/>
      <c r="AM640" s="31"/>
      <c r="AN640" s="31"/>
      <c r="AO640" s="31"/>
      <c r="AP640" s="31"/>
      <c r="AQ640" s="31"/>
      <c r="AR640" s="31"/>
      <c r="AS640" s="31"/>
      <c r="AT640" s="31"/>
      <c r="AU640" s="31"/>
      <c r="AV640" s="31"/>
      <c r="AW640" s="31"/>
      <c r="AX640" s="37"/>
    </row>
    <row r="641" spans="1:251" s="23" customFormat="1" ht="10.8" customHeight="1">
      <c r="A641" s="34"/>
      <c r="B641" s="127" t="s">
        <v>163</v>
      </c>
      <c r="C641" s="128"/>
      <c r="D641" s="128"/>
      <c r="E641" s="128"/>
      <c r="F641" s="128"/>
      <c r="G641" s="128"/>
      <c r="H641" s="128"/>
      <c r="I641" s="128"/>
      <c r="J641" s="128"/>
      <c r="K641" s="128"/>
      <c r="L641" s="128"/>
      <c r="M641" s="128"/>
      <c r="N641" s="128"/>
      <c r="O641" s="128"/>
      <c r="P641" s="128"/>
      <c r="Q641" s="128"/>
      <c r="R641" s="128"/>
      <c r="S641" s="128"/>
      <c r="T641" s="128"/>
      <c r="U641" s="128"/>
      <c r="V641" s="128"/>
      <c r="W641" s="128"/>
      <c r="X641" s="128"/>
      <c r="Y641" s="128"/>
      <c r="Z641" s="128"/>
      <c r="AA641" s="128"/>
      <c r="AB641" s="128"/>
      <c r="AC641" s="128"/>
      <c r="AD641" s="128"/>
      <c r="AE641" s="128"/>
      <c r="AF641" s="128"/>
      <c r="AG641" s="128"/>
      <c r="AH641" s="128"/>
      <c r="AI641" s="128"/>
      <c r="AJ641" s="128"/>
      <c r="AK641" s="128"/>
      <c r="AL641" s="128"/>
      <c r="AM641" s="128"/>
      <c r="AN641" s="128"/>
      <c r="AO641" s="128"/>
      <c r="AP641" s="128"/>
      <c r="AQ641" s="128"/>
      <c r="AR641" s="128"/>
      <c r="AS641" s="128"/>
      <c r="AT641" s="128"/>
      <c r="AU641" s="128"/>
      <c r="AV641" s="128"/>
      <c r="AW641" s="128"/>
      <c r="AX641" s="129"/>
    </row>
    <row r="642" spans="1:251" s="23" customFormat="1" ht="10.8" customHeight="1">
      <c r="A642" s="34"/>
      <c r="B642" s="127"/>
      <c r="C642" s="128"/>
      <c r="D642" s="128"/>
      <c r="E642" s="128"/>
      <c r="F642" s="128"/>
      <c r="G642" s="128"/>
      <c r="H642" s="128"/>
      <c r="I642" s="128"/>
      <c r="J642" s="128"/>
      <c r="K642" s="128"/>
      <c r="L642" s="128"/>
      <c r="M642" s="128"/>
      <c r="N642" s="128"/>
      <c r="O642" s="128"/>
      <c r="P642" s="128"/>
      <c r="Q642" s="128"/>
      <c r="R642" s="128"/>
      <c r="S642" s="128"/>
      <c r="T642" s="128"/>
      <c r="U642" s="128"/>
      <c r="V642" s="128"/>
      <c r="W642" s="128"/>
      <c r="X642" s="128"/>
      <c r="Y642" s="128"/>
      <c r="Z642" s="128"/>
      <c r="AA642" s="128"/>
      <c r="AB642" s="128"/>
      <c r="AC642" s="128"/>
      <c r="AD642" s="128"/>
      <c r="AE642" s="128"/>
      <c r="AF642" s="128"/>
      <c r="AG642" s="128"/>
      <c r="AH642" s="128"/>
      <c r="AI642" s="128"/>
      <c r="AJ642" s="128"/>
      <c r="AK642" s="128"/>
      <c r="AL642" s="128"/>
      <c r="AM642" s="128"/>
      <c r="AN642" s="128"/>
      <c r="AO642" s="128"/>
      <c r="AP642" s="128"/>
      <c r="AQ642" s="128"/>
      <c r="AR642" s="128"/>
      <c r="AS642" s="128"/>
      <c r="AT642" s="128"/>
      <c r="AU642" s="128"/>
      <c r="AV642" s="128"/>
      <c r="AW642" s="128"/>
      <c r="AX642" s="129"/>
      <c r="BC642" s="17"/>
    </row>
    <row r="643" spans="1:251" s="23" customFormat="1" ht="10.8" customHeight="1">
      <c r="A643" s="34"/>
      <c r="B643" s="127"/>
      <c r="C643" s="128"/>
      <c r="D643" s="128"/>
      <c r="E643" s="128"/>
      <c r="F643" s="128"/>
      <c r="G643" s="128"/>
      <c r="H643" s="128"/>
      <c r="I643" s="128"/>
      <c r="J643" s="128"/>
      <c r="K643" s="128"/>
      <c r="L643" s="128"/>
      <c r="M643" s="128"/>
      <c r="N643" s="128"/>
      <c r="O643" s="128"/>
      <c r="P643" s="128"/>
      <c r="Q643" s="128"/>
      <c r="R643" s="128"/>
      <c r="S643" s="128"/>
      <c r="T643" s="128"/>
      <c r="U643" s="128"/>
      <c r="V643" s="128"/>
      <c r="W643" s="128"/>
      <c r="X643" s="128"/>
      <c r="Y643" s="128"/>
      <c r="Z643" s="128"/>
      <c r="AA643" s="128"/>
      <c r="AB643" s="128"/>
      <c r="AC643" s="128"/>
      <c r="AD643" s="128"/>
      <c r="AE643" s="128"/>
      <c r="AF643" s="128"/>
      <c r="AG643" s="128"/>
      <c r="AH643" s="128"/>
      <c r="AI643" s="128"/>
      <c r="AJ643" s="128"/>
      <c r="AK643" s="128"/>
      <c r="AL643" s="128"/>
      <c r="AM643" s="128"/>
      <c r="AN643" s="128"/>
      <c r="AO643" s="128"/>
      <c r="AP643" s="128"/>
      <c r="AQ643" s="128"/>
      <c r="AR643" s="128"/>
      <c r="AS643" s="128"/>
      <c r="AT643" s="128"/>
      <c r="AU643" s="128"/>
      <c r="AV643" s="128"/>
      <c r="AW643" s="128"/>
      <c r="AX643" s="129"/>
    </row>
    <row r="644" spans="1:251" s="23" customFormat="1" ht="10.8" customHeight="1">
      <c r="A644" s="34"/>
      <c r="B644" s="127"/>
      <c r="C644" s="128"/>
      <c r="D644" s="128"/>
      <c r="E644" s="128"/>
      <c r="F644" s="128"/>
      <c r="G644" s="128"/>
      <c r="H644" s="128"/>
      <c r="I644" s="128"/>
      <c r="J644" s="128"/>
      <c r="K644" s="128"/>
      <c r="L644" s="128"/>
      <c r="M644" s="128"/>
      <c r="N644" s="128"/>
      <c r="O644" s="128"/>
      <c r="P644" s="128"/>
      <c r="Q644" s="128"/>
      <c r="R644" s="128"/>
      <c r="S644" s="128"/>
      <c r="T644" s="128"/>
      <c r="U644" s="128"/>
      <c r="V644" s="128"/>
      <c r="W644" s="128"/>
      <c r="X644" s="128"/>
      <c r="Y644" s="128"/>
      <c r="Z644" s="128"/>
      <c r="AA644" s="128"/>
      <c r="AB644" s="128"/>
      <c r="AC644" s="128"/>
      <c r="AD644" s="128"/>
      <c r="AE644" s="128"/>
      <c r="AF644" s="128"/>
      <c r="AG644" s="128"/>
      <c r="AH644" s="128"/>
      <c r="AI644" s="128"/>
      <c r="AJ644" s="128"/>
      <c r="AK644" s="128"/>
      <c r="AL644" s="128"/>
      <c r="AM644" s="128"/>
      <c r="AN644" s="128"/>
      <c r="AO644" s="128"/>
      <c r="AP644" s="128"/>
      <c r="AQ644" s="128"/>
      <c r="AR644" s="128"/>
      <c r="AS644" s="128"/>
      <c r="AT644" s="128"/>
      <c r="AU644" s="128"/>
      <c r="AV644" s="128"/>
      <c r="AW644" s="128"/>
      <c r="AX644" s="129"/>
    </row>
    <row r="645" spans="1:251" s="23" customFormat="1" ht="10.8" customHeight="1">
      <c r="A645" s="34"/>
      <c r="B645" s="127"/>
      <c r="C645" s="128"/>
      <c r="D645" s="128"/>
      <c r="E645" s="128"/>
      <c r="F645" s="128"/>
      <c r="G645" s="128"/>
      <c r="H645" s="128"/>
      <c r="I645" s="128"/>
      <c r="J645" s="128"/>
      <c r="K645" s="128"/>
      <c r="L645" s="128"/>
      <c r="M645" s="128"/>
      <c r="N645" s="128"/>
      <c r="O645" s="128"/>
      <c r="P645" s="128"/>
      <c r="Q645" s="128"/>
      <c r="R645" s="128"/>
      <c r="S645" s="128"/>
      <c r="T645" s="128"/>
      <c r="U645" s="128"/>
      <c r="V645" s="128"/>
      <c r="W645" s="128"/>
      <c r="X645" s="128"/>
      <c r="Y645" s="128"/>
      <c r="Z645" s="128"/>
      <c r="AA645" s="128"/>
      <c r="AB645" s="128"/>
      <c r="AC645" s="128"/>
      <c r="AD645" s="128"/>
      <c r="AE645" s="128"/>
      <c r="AF645" s="128"/>
      <c r="AG645" s="128"/>
      <c r="AH645" s="128"/>
      <c r="AI645" s="128"/>
      <c r="AJ645" s="128"/>
      <c r="AK645" s="128"/>
      <c r="AL645" s="128"/>
      <c r="AM645" s="128"/>
      <c r="AN645" s="128"/>
      <c r="AO645" s="128"/>
      <c r="AP645" s="128"/>
      <c r="AQ645" s="128"/>
      <c r="AR645" s="128"/>
      <c r="AS645" s="128"/>
      <c r="AT645" s="128"/>
      <c r="AU645" s="128"/>
      <c r="AV645" s="128"/>
      <c r="AW645" s="128"/>
      <c r="AX645" s="129"/>
    </row>
    <row r="646" spans="1:251" s="23" customFormat="1" ht="10.8" customHeight="1">
      <c r="A646" s="34"/>
      <c r="B646" s="127"/>
      <c r="C646" s="128"/>
      <c r="D646" s="128"/>
      <c r="E646" s="128"/>
      <c r="F646" s="128"/>
      <c r="G646" s="128"/>
      <c r="H646" s="128"/>
      <c r="I646" s="128"/>
      <c r="J646" s="128"/>
      <c r="K646" s="128"/>
      <c r="L646" s="128"/>
      <c r="M646" s="128"/>
      <c r="N646" s="128"/>
      <c r="O646" s="128"/>
      <c r="P646" s="128"/>
      <c r="Q646" s="128"/>
      <c r="R646" s="128"/>
      <c r="S646" s="128"/>
      <c r="T646" s="128"/>
      <c r="U646" s="128"/>
      <c r="V646" s="128"/>
      <c r="W646" s="128"/>
      <c r="X646" s="128"/>
      <c r="Y646" s="128"/>
      <c r="Z646" s="128"/>
      <c r="AA646" s="128"/>
      <c r="AB646" s="128"/>
      <c r="AC646" s="128"/>
      <c r="AD646" s="128"/>
      <c r="AE646" s="128"/>
      <c r="AF646" s="128"/>
      <c r="AG646" s="128"/>
      <c r="AH646" s="128"/>
      <c r="AI646" s="128"/>
      <c r="AJ646" s="128"/>
      <c r="AK646" s="128"/>
      <c r="AL646" s="128"/>
      <c r="AM646" s="128"/>
      <c r="AN646" s="128"/>
      <c r="AO646" s="128"/>
      <c r="AP646" s="128"/>
      <c r="AQ646" s="128"/>
      <c r="AR646" s="128"/>
      <c r="AS646" s="128"/>
      <c r="AT646" s="128"/>
      <c r="AU646" s="128"/>
      <c r="AV646" s="128"/>
      <c r="AW646" s="128"/>
      <c r="AX646" s="129"/>
    </row>
    <row r="647" spans="1:251" s="23" customFormat="1" ht="10.8" customHeight="1">
      <c r="A647" s="34"/>
      <c r="B647" s="127"/>
      <c r="C647" s="128"/>
      <c r="D647" s="128"/>
      <c r="E647" s="128"/>
      <c r="F647" s="128"/>
      <c r="G647" s="128"/>
      <c r="H647" s="128"/>
      <c r="I647" s="128"/>
      <c r="J647" s="128"/>
      <c r="K647" s="128"/>
      <c r="L647" s="128"/>
      <c r="M647" s="128"/>
      <c r="N647" s="128"/>
      <c r="O647" s="128"/>
      <c r="P647" s="128"/>
      <c r="Q647" s="128"/>
      <c r="R647" s="128"/>
      <c r="S647" s="128"/>
      <c r="T647" s="128"/>
      <c r="U647" s="128"/>
      <c r="V647" s="128"/>
      <c r="W647" s="128"/>
      <c r="X647" s="128"/>
      <c r="Y647" s="128"/>
      <c r="Z647" s="128"/>
      <c r="AA647" s="128"/>
      <c r="AB647" s="128"/>
      <c r="AC647" s="128"/>
      <c r="AD647" s="128"/>
      <c r="AE647" s="128"/>
      <c r="AF647" s="128"/>
      <c r="AG647" s="128"/>
      <c r="AH647" s="128"/>
      <c r="AI647" s="128"/>
      <c r="AJ647" s="128"/>
      <c r="AK647" s="128"/>
      <c r="AL647" s="128"/>
      <c r="AM647" s="128"/>
      <c r="AN647" s="128"/>
      <c r="AO647" s="128"/>
      <c r="AP647" s="128"/>
      <c r="AQ647" s="128"/>
      <c r="AR647" s="128"/>
      <c r="AS647" s="128"/>
      <c r="AT647" s="128"/>
      <c r="AU647" s="128"/>
      <c r="AV647" s="128"/>
      <c r="AW647" s="128"/>
      <c r="AX647" s="129"/>
    </row>
    <row r="648" spans="1:251" s="23" customFormat="1" ht="10.8" customHeight="1">
      <c r="A648" s="34"/>
      <c r="B648" s="127"/>
      <c r="C648" s="128"/>
      <c r="D648" s="128"/>
      <c r="E648" s="128"/>
      <c r="F648" s="128"/>
      <c r="G648" s="128"/>
      <c r="H648" s="128"/>
      <c r="I648" s="128"/>
      <c r="J648" s="128"/>
      <c r="K648" s="128"/>
      <c r="L648" s="128"/>
      <c r="M648" s="128"/>
      <c r="N648" s="128"/>
      <c r="O648" s="128"/>
      <c r="P648" s="128"/>
      <c r="Q648" s="128"/>
      <c r="R648" s="128"/>
      <c r="S648" s="128"/>
      <c r="T648" s="128"/>
      <c r="U648" s="128"/>
      <c r="V648" s="128"/>
      <c r="W648" s="128"/>
      <c r="X648" s="128"/>
      <c r="Y648" s="128"/>
      <c r="Z648" s="128"/>
      <c r="AA648" s="128"/>
      <c r="AB648" s="128"/>
      <c r="AC648" s="128"/>
      <c r="AD648" s="128"/>
      <c r="AE648" s="128"/>
      <c r="AF648" s="128"/>
      <c r="AG648" s="128"/>
      <c r="AH648" s="128"/>
      <c r="AI648" s="128"/>
      <c r="AJ648" s="128"/>
      <c r="AK648" s="128"/>
      <c r="AL648" s="128"/>
      <c r="AM648" s="128"/>
      <c r="AN648" s="128"/>
      <c r="AO648" s="128"/>
      <c r="AP648" s="128"/>
      <c r="AQ648" s="128"/>
      <c r="AR648" s="128"/>
      <c r="AS648" s="128"/>
      <c r="AT648" s="128"/>
      <c r="AU648" s="128"/>
      <c r="AV648" s="128"/>
      <c r="AW648" s="128"/>
      <c r="AX648" s="129"/>
    </row>
    <row r="649" spans="1:251" s="23" customFormat="1" ht="10.8" customHeight="1">
      <c r="A649" s="34"/>
      <c r="B649" s="127"/>
      <c r="C649" s="128"/>
      <c r="D649" s="128"/>
      <c r="E649" s="128"/>
      <c r="F649" s="128"/>
      <c r="G649" s="128"/>
      <c r="H649" s="128"/>
      <c r="I649" s="128"/>
      <c r="J649" s="128"/>
      <c r="K649" s="128"/>
      <c r="L649" s="128"/>
      <c r="M649" s="128"/>
      <c r="N649" s="128"/>
      <c r="O649" s="128"/>
      <c r="P649" s="128"/>
      <c r="Q649" s="128"/>
      <c r="R649" s="128"/>
      <c r="S649" s="128"/>
      <c r="T649" s="128"/>
      <c r="U649" s="128"/>
      <c r="V649" s="128"/>
      <c r="W649" s="128"/>
      <c r="X649" s="128"/>
      <c r="Y649" s="128"/>
      <c r="Z649" s="128"/>
      <c r="AA649" s="128"/>
      <c r="AB649" s="128"/>
      <c r="AC649" s="128"/>
      <c r="AD649" s="128"/>
      <c r="AE649" s="128"/>
      <c r="AF649" s="128"/>
      <c r="AG649" s="128"/>
      <c r="AH649" s="128"/>
      <c r="AI649" s="128"/>
      <c r="AJ649" s="128"/>
      <c r="AK649" s="128"/>
      <c r="AL649" s="128"/>
      <c r="AM649" s="128"/>
      <c r="AN649" s="128"/>
      <c r="AO649" s="128"/>
      <c r="AP649" s="128"/>
      <c r="AQ649" s="128"/>
      <c r="AR649" s="128"/>
      <c r="AS649" s="128"/>
      <c r="AT649" s="128"/>
      <c r="AU649" s="128"/>
      <c r="AV649" s="128"/>
      <c r="AW649" s="128"/>
      <c r="AX649" s="129"/>
    </row>
    <row r="650" spans="1:251" s="23" customFormat="1" ht="10.8" customHeight="1">
      <c r="A650" s="34"/>
      <c r="B650" s="127"/>
      <c r="C650" s="128"/>
      <c r="D650" s="128"/>
      <c r="E650" s="128"/>
      <c r="F650" s="128"/>
      <c r="G650" s="128"/>
      <c r="H650" s="128"/>
      <c r="I650" s="128"/>
      <c r="J650" s="128"/>
      <c r="K650" s="128"/>
      <c r="L650" s="128"/>
      <c r="M650" s="128"/>
      <c r="N650" s="128"/>
      <c r="O650" s="128"/>
      <c r="P650" s="128"/>
      <c r="Q650" s="128"/>
      <c r="R650" s="128"/>
      <c r="S650" s="128"/>
      <c r="T650" s="128"/>
      <c r="U650" s="128"/>
      <c r="V650" s="128"/>
      <c r="W650" s="128"/>
      <c r="X650" s="128"/>
      <c r="Y650" s="128"/>
      <c r="Z650" s="128"/>
      <c r="AA650" s="128"/>
      <c r="AB650" s="128"/>
      <c r="AC650" s="128"/>
      <c r="AD650" s="128"/>
      <c r="AE650" s="128"/>
      <c r="AF650" s="128"/>
      <c r="AG650" s="128"/>
      <c r="AH650" s="128"/>
      <c r="AI650" s="128"/>
      <c r="AJ650" s="128"/>
      <c r="AK650" s="128"/>
      <c r="AL650" s="128"/>
      <c r="AM650" s="128"/>
      <c r="AN650" s="128"/>
      <c r="AO650" s="128"/>
      <c r="AP650" s="128"/>
      <c r="AQ650" s="128"/>
      <c r="AR650" s="128"/>
      <c r="AS650" s="128"/>
      <c r="AT650" s="128"/>
      <c r="AU650" s="128"/>
      <c r="AV650" s="128"/>
      <c r="AW650" s="128"/>
      <c r="AX650" s="129"/>
    </row>
    <row r="651" spans="1:251" s="23" customFormat="1" ht="15" thickBot="1">
      <c r="A651" s="38"/>
      <c r="B651" s="39"/>
      <c r="C651" s="40"/>
      <c r="D651" s="40"/>
      <c r="E651" s="40"/>
      <c r="F651" s="40"/>
      <c r="G651" s="40"/>
      <c r="H651" s="40"/>
      <c r="I651" s="40"/>
      <c r="J651" s="40"/>
      <c r="K651" s="40"/>
      <c r="L651" s="40"/>
      <c r="M651" s="40"/>
      <c r="N651" s="40"/>
      <c r="O651" s="40"/>
      <c r="P651" s="40"/>
      <c r="Q651" s="40"/>
      <c r="R651" s="40"/>
      <c r="S651" s="40"/>
      <c r="T651" s="40"/>
      <c r="U651" s="40"/>
      <c r="V651" s="40"/>
      <c r="W651" s="40"/>
      <c r="X651" s="40"/>
      <c r="Y651" s="40"/>
      <c r="Z651" s="40"/>
      <c r="AA651" s="40"/>
      <c r="AB651" s="40"/>
      <c r="AC651" s="40"/>
      <c r="AD651" s="40"/>
      <c r="AE651" s="40"/>
      <c r="AF651" s="40"/>
      <c r="AG651" s="40"/>
      <c r="AH651" s="40"/>
      <c r="AI651" s="40"/>
      <c r="AJ651" s="40"/>
      <c r="AK651" s="40"/>
      <c r="AL651" s="40"/>
      <c r="AM651" s="40"/>
      <c r="AN651" s="40"/>
      <c r="AO651" s="40"/>
      <c r="AP651" s="40"/>
      <c r="AQ651" s="40"/>
      <c r="AR651" s="40"/>
      <c r="AS651" s="40"/>
      <c r="AT651" s="40"/>
      <c r="AU651" s="40"/>
      <c r="AV651" s="40"/>
      <c r="AW651" s="40"/>
      <c r="AX651" s="41"/>
    </row>
    <row r="652" spans="1:251" s="23" customFormat="1" ht="13.2">
      <c r="B652" s="42"/>
    </row>
    <row r="653" spans="1:251" s="23" customFormat="1" ht="14.4">
      <c r="B653" s="33" t="s">
        <v>93</v>
      </c>
      <c r="C653" s="34"/>
      <c r="D653" s="34"/>
      <c r="E653" s="34"/>
      <c r="F653" s="34"/>
      <c r="G653" s="34"/>
      <c r="H653" s="34"/>
      <c r="I653" s="34"/>
      <c r="J653" s="34"/>
      <c r="K653" s="34"/>
      <c r="L653" s="35"/>
      <c r="M653" s="35"/>
      <c r="N653" s="35"/>
      <c r="O653" s="35"/>
      <c r="P653" s="34"/>
      <c r="Q653" s="34"/>
      <c r="R653" s="34"/>
      <c r="S653" s="34"/>
      <c r="T653" s="34"/>
      <c r="U653" s="34"/>
      <c r="V653" s="33"/>
      <c r="W653" s="33"/>
      <c r="X653" s="33"/>
      <c r="Y653" s="33"/>
      <c r="Z653" s="33"/>
      <c r="AA653" s="33"/>
      <c r="AB653" s="33"/>
      <c r="AC653" s="33"/>
      <c r="AD653" s="33"/>
      <c r="AE653" s="33"/>
      <c r="AF653" s="33"/>
      <c r="AG653" s="33"/>
      <c r="AH653" s="33"/>
      <c r="AI653" s="33"/>
      <c r="AJ653" s="33"/>
      <c r="AK653" s="33"/>
      <c r="AL653" s="33"/>
      <c r="AM653" s="33"/>
      <c r="AN653" s="33"/>
      <c r="AO653" s="33"/>
      <c r="AP653" s="33"/>
      <c r="AQ653" s="33"/>
      <c r="AR653" s="33"/>
      <c r="AS653" s="33"/>
      <c r="AT653" s="33"/>
      <c r="AU653" s="33"/>
      <c r="AV653" s="33"/>
      <c r="AW653" s="33"/>
      <c r="AX653" s="33"/>
    </row>
    <row r="654" spans="1:251" s="23" customFormat="1" ht="15" thickBot="1">
      <c r="B654" s="33"/>
      <c r="C654" s="34"/>
      <c r="D654" s="34"/>
      <c r="E654" s="34"/>
      <c r="F654" s="34"/>
      <c r="G654" s="34"/>
      <c r="H654" s="34"/>
      <c r="I654" s="34"/>
      <c r="J654" s="34"/>
      <c r="K654" s="34"/>
      <c r="L654" s="35"/>
      <c r="M654" s="35"/>
      <c r="N654" s="35"/>
      <c r="O654" s="35"/>
      <c r="P654" s="34"/>
      <c r="Q654" s="34"/>
      <c r="R654" s="34"/>
      <c r="S654" s="34"/>
      <c r="T654" s="34"/>
      <c r="U654" s="34"/>
      <c r="V654" s="33"/>
      <c r="W654" s="33"/>
      <c r="X654" s="33"/>
      <c r="Y654" s="33"/>
      <c r="Z654" s="33"/>
      <c r="AA654" s="33"/>
      <c r="AB654" s="33"/>
      <c r="AC654" s="33"/>
      <c r="AD654" s="33"/>
      <c r="AE654" s="33"/>
      <c r="AF654" s="33"/>
      <c r="AG654" s="33"/>
      <c r="AH654" s="33"/>
      <c r="AI654" s="33"/>
      <c r="AJ654" s="33"/>
      <c r="AK654" s="33"/>
      <c r="AL654" s="33"/>
      <c r="AM654" s="33"/>
      <c r="AN654" s="33"/>
      <c r="AO654" s="33"/>
      <c r="AP654" s="33"/>
      <c r="AQ654" s="33"/>
      <c r="AR654" s="33"/>
      <c r="AS654" s="33"/>
      <c r="AT654" s="33"/>
      <c r="AU654" s="33"/>
      <c r="AV654" s="33"/>
      <c r="AW654" s="33"/>
      <c r="AX654" s="43" t="s">
        <v>94</v>
      </c>
    </row>
    <row r="655" spans="1:251" s="50" customFormat="1" ht="13.5" customHeight="1">
      <c r="A655" s="34"/>
      <c r="B655" s="139" t="s">
        <v>95</v>
      </c>
      <c r="C655" s="203"/>
      <c r="D655" s="203"/>
      <c r="E655" s="203"/>
      <c r="F655" s="203"/>
      <c r="G655" s="203"/>
      <c r="H655" s="203"/>
      <c r="I655" s="203"/>
      <c r="J655" s="203"/>
      <c r="K655" s="203"/>
      <c r="L655" s="203"/>
      <c r="M655" s="203"/>
      <c r="N655" s="203"/>
      <c r="O655" s="203"/>
      <c r="P655" s="203"/>
      <c r="Q655" s="203"/>
      <c r="R655" s="203"/>
      <c r="S655" s="203"/>
      <c r="T655" s="203"/>
      <c r="U655" s="203"/>
      <c r="V655" s="203"/>
      <c r="W655" s="203"/>
      <c r="X655" s="203"/>
      <c r="Y655" s="203"/>
      <c r="Z655" s="204"/>
      <c r="AA655" s="145" t="s">
        <v>116</v>
      </c>
      <c r="AB655" s="203"/>
      <c r="AC655" s="203"/>
      <c r="AD655" s="203"/>
      <c r="AE655" s="203"/>
      <c r="AF655" s="203"/>
      <c r="AG655" s="203"/>
      <c r="AH655" s="203"/>
      <c r="AI655" s="204"/>
      <c r="AJ655" s="145" t="s">
        <v>117</v>
      </c>
      <c r="AK655" s="203"/>
      <c r="AL655" s="203"/>
      <c r="AM655" s="203"/>
      <c r="AN655" s="203"/>
      <c r="AO655" s="203"/>
      <c r="AP655" s="203"/>
      <c r="AQ655" s="203"/>
      <c r="AR655" s="204"/>
      <c r="AS655" s="145" t="s">
        <v>98</v>
      </c>
      <c r="AT655" s="203"/>
      <c r="AU655" s="203"/>
      <c r="AV655" s="203"/>
      <c r="AW655" s="203"/>
      <c r="AX655" s="209"/>
      <c r="AY655" s="23"/>
      <c r="AZ655" s="23"/>
      <c r="BA655" s="23"/>
      <c r="BB655" s="23"/>
      <c r="BC655" s="23"/>
      <c r="BD655" s="23"/>
      <c r="BE655" s="23"/>
      <c r="BF655" s="23"/>
      <c r="BG655" s="23"/>
      <c r="BH655" s="23"/>
      <c r="BI655" s="23"/>
      <c r="BJ655" s="23"/>
      <c r="BK655" s="23"/>
      <c r="BL655" s="23"/>
      <c r="BM655" s="23"/>
      <c r="BN655" s="23"/>
      <c r="BO655" s="23"/>
      <c r="BP655" s="23"/>
      <c r="BQ655" s="23"/>
      <c r="BR655" s="23"/>
      <c r="BS655" s="23"/>
      <c r="BT655" s="23"/>
      <c r="BU655" s="23"/>
      <c r="BV655" s="23"/>
      <c r="BW655" s="23"/>
      <c r="BX655" s="23"/>
      <c r="BY655" s="23"/>
      <c r="BZ655" s="23"/>
      <c r="CA655" s="23"/>
      <c r="CB655" s="23"/>
      <c r="CC655" s="23"/>
      <c r="CD655" s="23"/>
      <c r="CE655" s="23"/>
      <c r="CF655" s="23"/>
      <c r="CG655" s="23"/>
      <c r="CH655" s="23"/>
      <c r="CI655" s="23"/>
      <c r="CJ655" s="23"/>
      <c r="CK655" s="23"/>
      <c r="CL655" s="23"/>
      <c r="CM655" s="23"/>
      <c r="CN655" s="23"/>
      <c r="CO655" s="23"/>
      <c r="CP655" s="23"/>
      <c r="CQ655" s="23"/>
      <c r="CR655" s="23"/>
      <c r="CS655" s="23"/>
      <c r="CT655" s="23"/>
      <c r="CU655" s="23"/>
      <c r="CV655" s="23"/>
      <c r="CW655" s="23"/>
      <c r="CX655" s="23"/>
      <c r="CY655" s="23"/>
      <c r="CZ655" s="23"/>
      <c r="DA655" s="23"/>
      <c r="DB655" s="23"/>
      <c r="DC655" s="23"/>
      <c r="DD655" s="23"/>
      <c r="DE655" s="23"/>
      <c r="DF655" s="23"/>
      <c r="DG655" s="23"/>
      <c r="DH655" s="23"/>
      <c r="DI655" s="23"/>
      <c r="DJ655" s="23"/>
      <c r="DK655" s="23"/>
      <c r="DL655" s="23"/>
      <c r="DM655" s="23"/>
      <c r="DN655" s="23"/>
      <c r="DO655" s="23"/>
      <c r="DP655" s="23"/>
      <c r="DQ655" s="23"/>
      <c r="DR655" s="23"/>
      <c r="DS655" s="23"/>
      <c r="DT655" s="23"/>
      <c r="DU655" s="23"/>
      <c r="DV655" s="23"/>
      <c r="DW655" s="23"/>
      <c r="DX655" s="23"/>
      <c r="DY655" s="23"/>
      <c r="DZ655" s="23"/>
      <c r="EA655" s="23"/>
      <c r="EB655" s="23"/>
      <c r="EC655" s="23"/>
      <c r="ED655" s="23"/>
      <c r="EE655" s="23"/>
      <c r="EF655" s="23"/>
      <c r="EG655" s="23"/>
      <c r="EH655" s="23"/>
      <c r="EI655" s="23"/>
      <c r="EJ655" s="23"/>
      <c r="EK655" s="23"/>
      <c r="EL655" s="23"/>
      <c r="EM655" s="23"/>
      <c r="EN655" s="23"/>
      <c r="EO655" s="23"/>
      <c r="EP655" s="23"/>
      <c r="EQ655" s="23"/>
      <c r="ER655" s="23"/>
      <c r="ES655" s="23"/>
      <c r="ET655" s="23"/>
      <c r="EU655" s="23"/>
      <c r="EV655" s="23"/>
      <c r="EW655" s="23"/>
      <c r="EX655" s="23"/>
      <c r="EY655" s="23"/>
      <c r="EZ655" s="23"/>
      <c r="FA655" s="23"/>
      <c r="FB655" s="23"/>
      <c r="FC655" s="23"/>
      <c r="FD655" s="23"/>
      <c r="FE655" s="23"/>
      <c r="FF655" s="23"/>
      <c r="FG655" s="23"/>
      <c r="FH655" s="23"/>
      <c r="FI655" s="23"/>
      <c r="FJ655" s="23"/>
      <c r="FK655" s="23"/>
      <c r="FL655" s="23"/>
      <c r="FM655" s="23"/>
      <c r="FN655" s="23"/>
      <c r="FO655" s="23"/>
      <c r="FP655" s="23"/>
      <c r="FQ655" s="23"/>
      <c r="FR655" s="23"/>
      <c r="FS655" s="23"/>
      <c r="FT655" s="23"/>
      <c r="FU655" s="23"/>
      <c r="FV655" s="23"/>
      <c r="FW655" s="23"/>
      <c r="FX655" s="23"/>
      <c r="FY655" s="23"/>
      <c r="FZ655" s="23"/>
      <c r="GA655" s="23"/>
      <c r="GB655" s="23"/>
      <c r="GC655" s="23"/>
      <c r="GD655" s="23"/>
      <c r="GE655" s="23"/>
      <c r="GF655" s="23"/>
      <c r="GG655" s="23"/>
      <c r="GH655" s="23"/>
      <c r="GI655" s="23"/>
      <c r="GJ655" s="23"/>
      <c r="GK655" s="23"/>
      <c r="GL655" s="23"/>
      <c r="GM655" s="23"/>
      <c r="GN655" s="23"/>
      <c r="GO655" s="23"/>
      <c r="GP655" s="23"/>
      <c r="GQ655" s="23"/>
      <c r="GR655" s="23"/>
      <c r="GS655" s="23"/>
      <c r="GT655" s="23"/>
      <c r="GU655" s="23"/>
      <c r="GV655" s="23"/>
      <c r="GW655" s="23"/>
      <c r="GX655" s="23"/>
      <c r="GY655" s="23"/>
      <c r="GZ655" s="23"/>
      <c r="HA655" s="23"/>
      <c r="HB655" s="23"/>
      <c r="HC655" s="23"/>
      <c r="HD655" s="23"/>
      <c r="HE655" s="23"/>
      <c r="HF655" s="23"/>
      <c r="HG655" s="23"/>
      <c r="HH655" s="23"/>
      <c r="HI655" s="23"/>
      <c r="HJ655" s="23"/>
      <c r="HK655" s="23"/>
      <c r="HL655" s="23"/>
      <c r="HM655" s="23"/>
      <c r="HN655" s="23"/>
      <c r="HO655" s="23"/>
      <c r="HP655" s="23"/>
      <c r="HQ655" s="23"/>
      <c r="HR655" s="23"/>
      <c r="HS655" s="23"/>
      <c r="HT655" s="23"/>
      <c r="HU655" s="23"/>
      <c r="HV655" s="23"/>
      <c r="HW655" s="23"/>
      <c r="HX655" s="23"/>
      <c r="HY655" s="23"/>
      <c r="HZ655" s="23"/>
      <c r="IA655" s="23"/>
      <c r="IB655" s="23"/>
      <c r="IC655" s="23"/>
      <c r="ID655" s="23"/>
      <c r="IE655" s="23"/>
      <c r="IF655" s="23"/>
      <c r="IG655" s="23"/>
      <c r="IH655" s="23"/>
      <c r="II655" s="23"/>
      <c r="IJ655" s="23"/>
      <c r="IK655" s="23"/>
      <c r="IL655" s="23"/>
      <c r="IM655" s="23"/>
      <c r="IN655" s="23"/>
      <c r="IO655" s="23"/>
      <c r="IP655" s="23"/>
      <c r="IQ655" s="23"/>
    </row>
    <row r="656" spans="1:251" s="50" customFormat="1">
      <c r="A656" s="34"/>
      <c r="B656" s="205"/>
      <c r="C656" s="206"/>
      <c r="D656" s="206"/>
      <c r="E656" s="206"/>
      <c r="F656" s="206"/>
      <c r="G656" s="206"/>
      <c r="H656" s="206"/>
      <c r="I656" s="206"/>
      <c r="J656" s="206"/>
      <c r="K656" s="206"/>
      <c r="L656" s="206"/>
      <c r="M656" s="206"/>
      <c r="N656" s="206"/>
      <c r="O656" s="206"/>
      <c r="P656" s="206"/>
      <c r="Q656" s="206"/>
      <c r="R656" s="206"/>
      <c r="S656" s="206"/>
      <c r="T656" s="206"/>
      <c r="U656" s="206"/>
      <c r="V656" s="206"/>
      <c r="W656" s="206"/>
      <c r="X656" s="206"/>
      <c r="Y656" s="206"/>
      <c r="Z656" s="207"/>
      <c r="AA656" s="208"/>
      <c r="AB656" s="206"/>
      <c r="AC656" s="206"/>
      <c r="AD656" s="206"/>
      <c r="AE656" s="206"/>
      <c r="AF656" s="206"/>
      <c r="AG656" s="206"/>
      <c r="AH656" s="206"/>
      <c r="AI656" s="207"/>
      <c r="AJ656" s="208"/>
      <c r="AK656" s="206"/>
      <c r="AL656" s="206"/>
      <c r="AM656" s="206"/>
      <c r="AN656" s="206"/>
      <c r="AO656" s="206"/>
      <c r="AP656" s="206"/>
      <c r="AQ656" s="206"/>
      <c r="AR656" s="207"/>
      <c r="AS656" s="208"/>
      <c r="AT656" s="206"/>
      <c r="AU656" s="206"/>
      <c r="AV656" s="206"/>
      <c r="AW656" s="206"/>
      <c r="AX656" s="210"/>
      <c r="AY656" s="23"/>
      <c r="AZ656" s="23"/>
      <c r="BA656" s="23"/>
      <c r="BB656"/>
      <c r="BC656" s="45"/>
      <c r="BE656" s="23"/>
      <c r="BF656" s="23"/>
      <c r="BG656" s="23"/>
      <c r="BH656" s="23"/>
      <c r="BI656" s="23"/>
      <c r="BJ656" s="23"/>
      <c r="BK656" s="23"/>
      <c r="BL656" s="23"/>
      <c r="BM656" s="23"/>
      <c r="BN656" s="23"/>
      <c r="BO656" s="23"/>
      <c r="BP656" s="23"/>
      <c r="BQ656" s="23"/>
      <c r="BR656" s="23"/>
      <c r="BS656" s="23"/>
      <c r="BT656" s="23"/>
      <c r="BU656" s="23"/>
      <c r="BV656" s="23"/>
      <c r="BW656" s="23"/>
      <c r="BX656" s="23"/>
      <c r="BY656" s="23"/>
      <c r="BZ656" s="23"/>
      <c r="CA656" s="23"/>
      <c r="CB656" s="23"/>
      <c r="CC656" s="23"/>
      <c r="CD656" s="23"/>
      <c r="CE656" s="23"/>
      <c r="CF656" s="23"/>
      <c r="CG656" s="23"/>
      <c r="CH656" s="23"/>
      <c r="CI656" s="23"/>
      <c r="CJ656" s="23"/>
      <c r="CK656" s="23"/>
      <c r="CL656" s="23"/>
      <c r="CM656" s="23"/>
      <c r="CN656" s="23"/>
      <c r="CO656" s="23"/>
      <c r="CP656" s="23"/>
      <c r="CQ656" s="23"/>
      <c r="CR656" s="23"/>
      <c r="CS656" s="23"/>
      <c r="CT656" s="23"/>
      <c r="CU656" s="23"/>
      <c r="CV656" s="23"/>
      <c r="CW656" s="23"/>
      <c r="CX656" s="23"/>
      <c r="CY656" s="23"/>
      <c r="CZ656" s="23"/>
      <c r="DA656" s="23"/>
      <c r="DB656" s="23"/>
      <c r="DC656" s="23"/>
      <c r="DD656" s="23"/>
      <c r="DE656" s="23"/>
      <c r="DF656" s="23"/>
      <c r="DG656" s="23"/>
      <c r="DH656" s="23"/>
      <c r="DI656" s="23"/>
      <c r="DJ656" s="23"/>
      <c r="DK656" s="23"/>
      <c r="DL656" s="23"/>
      <c r="DM656" s="23"/>
      <c r="DN656" s="23"/>
      <c r="DO656" s="23"/>
      <c r="DP656" s="23"/>
      <c r="DQ656" s="23"/>
      <c r="DR656" s="23"/>
      <c r="DS656" s="23"/>
      <c r="DT656" s="23"/>
      <c r="DU656" s="23"/>
      <c r="DV656" s="23"/>
      <c r="DW656" s="23"/>
      <c r="DX656" s="23"/>
      <c r="DY656" s="23"/>
      <c r="DZ656" s="23"/>
      <c r="EA656" s="23"/>
      <c r="EB656" s="23"/>
      <c r="EC656" s="23"/>
      <c r="ED656" s="23"/>
      <c r="EE656" s="23"/>
      <c r="EF656" s="23"/>
      <c r="EG656" s="23"/>
      <c r="EH656" s="23"/>
      <c r="EI656" s="23"/>
      <c r="EJ656" s="23"/>
      <c r="EK656" s="23"/>
      <c r="EL656" s="23"/>
      <c r="EM656" s="23"/>
      <c r="EN656" s="23"/>
      <c r="EO656" s="23"/>
      <c r="EP656" s="23"/>
      <c r="EQ656" s="23"/>
      <c r="ER656" s="23"/>
      <c r="ES656" s="23"/>
      <c r="ET656" s="23"/>
      <c r="EU656" s="23"/>
      <c r="EV656" s="23"/>
      <c r="EW656" s="23"/>
      <c r="EX656" s="23"/>
      <c r="EY656" s="23"/>
      <c r="EZ656" s="23"/>
      <c r="FA656" s="23"/>
      <c r="FB656" s="23"/>
      <c r="FC656" s="23"/>
      <c r="FD656" s="23"/>
      <c r="FE656" s="23"/>
      <c r="FF656" s="23"/>
      <c r="FG656" s="23"/>
      <c r="FH656" s="23"/>
      <c r="FI656" s="23"/>
      <c r="FJ656" s="23"/>
      <c r="FK656" s="23"/>
      <c r="FL656" s="23"/>
      <c r="FM656" s="23"/>
      <c r="FN656" s="23"/>
      <c r="FO656" s="23"/>
      <c r="FP656" s="23"/>
      <c r="FQ656" s="23"/>
      <c r="FR656" s="23"/>
      <c r="FS656" s="23"/>
      <c r="FT656" s="23"/>
      <c r="FU656" s="23"/>
      <c r="FV656" s="23"/>
      <c r="FW656" s="23"/>
      <c r="FX656" s="23"/>
      <c r="FY656" s="23"/>
      <c r="FZ656" s="23"/>
      <c r="GA656" s="23"/>
      <c r="GB656" s="23"/>
      <c r="GC656" s="23"/>
      <c r="GD656" s="23"/>
      <c r="GE656" s="23"/>
      <c r="GF656" s="23"/>
      <c r="GG656" s="23"/>
      <c r="GH656" s="23"/>
      <c r="GI656" s="23"/>
      <c r="GJ656" s="23"/>
      <c r="GK656" s="23"/>
      <c r="GL656" s="23"/>
      <c r="GM656" s="23"/>
      <c r="GN656" s="23"/>
      <c r="GO656" s="23"/>
      <c r="GP656" s="23"/>
      <c r="GQ656" s="23"/>
      <c r="GR656" s="23"/>
      <c r="GS656" s="23"/>
      <c r="GT656" s="23"/>
      <c r="GU656" s="23"/>
      <c r="GV656" s="23"/>
      <c r="GW656" s="23"/>
      <c r="GX656" s="23"/>
      <c r="GY656" s="23"/>
      <c r="GZ656" s="23"/>
      <c r="HA656" s="23"/>
      <c r="HB656" s="23"/>
      <c r="HC656" s="23"/>
      <c r="HD656" s="23"/>
      <c r="HE656" s="23"/>
      <c r="HF656" s="23"/>
      <c r="HG656" s="23"/>
      <c r="HH656" s="23"/>
      <c r="HI656" s="23"/>
      <c r="HJ656" s="23"/>
      <c r="HK656" s="23"/>
      <c r="HL656" s="23"/>
      <c r="HM656" s="23"/>
      <c r="HN656" s="23"/>
      <c r="HO656" s="23"/>
      <c r="HP656" s="23"/>
      <c r="HQ656" s="23"/>
      <c r="HR656" s="23"/>
      <c r="HS656" s="23"/>
      <c r="HT656" s="23"/>
      <c r="HU656" s="23"/>
      <c r="HV656" s="23"/>
      <c r="HW656" s="23"/>
      <c r="HX656" s="23"/>
      <c r="HY656" s="23"/>
      <c r="HZ656" s="23"/>
      <c r="IA656" s="23"/>
      <c r="IB656" s="23"/>
      <c r="IC656" s="23"/>
      <c r="ID656" s="23"/>
      <c r="IE656" s="23"/>
      <c r="IF656" s="23"/>
      <c r="IG656" s="23"/>
      <c r="IH656" s="23"/>
      <c r="II656" s="23"/>
      <c r="IJ656" s="23"/>
      <c r="IK656" s="23"/>
      <c r="IL656" s="23"/>
      <c r="IM656" s="23"/>
      <c r="IN656" s="23"/>
      <c r="IO656" s="23"/>
      <c r="IP656" s="23"/>
      <c r="IQ656" s="23"/>
    </row>
    <row r="657" spans="1:251" s="50" customFormat="1" ht="18.75" customHeight="1">
      <c r="A657" s="34"/>
      <c r="B657" s="46"/>
      <c r="C657" s="130" t="s">
        <v>118</v>
      </c>
      <c r="D657" s="130"/>
      <c r="E657" s="130"/>
      <c r="F657" s="130"/>
      <c r="G657" s="130"/>
      <c r="H657" s="130"/>
      <c r="I657" s="130"/>
      <c r="J657" s="130"/>
      <c r="K657" s="130"/>
      <c r="L657" s="130"/>
      <c r="M657" s="130"/>
      <c r="N657" s="130"/>
      <c r="O657" s="130"/>
      <c r="P657" s="130"/>
      <c r="Q657" s="130"/>
      <c r="R657" s="130"/>
      <c r="S657" s="130"/>
      <c r="T657" s="130"/>
      <c r="U657" s="130"/>
      <c r="V657" s="130"/>
      <c r="W657" s="130"/>
      <c r="X657" s="130"/>
      <c r="Y657" s="130"/>
      <c r="Z657" s="131"/>
      <c r="AA657" s="132">
        <v>102163</v>
      </c>
      <c r="AB657" s="196"/>
      <c r="AC657" s="196"/>
      <c r="AD657" s="196"/>
      <c r="AE657" s="196"/>
      <c r="AF657" s="196"/>
      <c r="AG657" s="196"/>
      <c r="AH657" s="196"/>
      <c r="AI657" s="197"/>
      <c r="AJ657" s="220">
        <v>98649</v>
      </c>
      <c r="AK657" s="221"/>
      <c r="AL657" s="221"/>
      <c r="AM657" s="221"/>
      <c r="AN657" s="221"/>
      <c r="AO657" s="221"/>
      <c r="AP657" s="221"/>
      <c r="AQ657" s="221"/>
      <c r="AR657" s="222"/>
      <c r="AS657" s="132"/>
      <c r="AT657" s="196"/>
      <c r="AU657" s="196"/>
      <c r="AV657" s="196"/>
      <c r="AW657" s="196"/>
      <c r="AX657" s="202"/>
      <c r="AY657" s="23"/>
      <c r="AZ657" s="23"/>
      <c r="BA657" s="23"/>
      <c r="BB657" s="23"/>
      <c r="BC657" s="23"/>
      <c r="BD657" s="23"/>
      <c r="BE657" s="23"/>
      <c r="BF657" s="23"/>
      <c r="BG657" s="23"/>
      <c r="BH657" s="23"/>
      <c r="BI657" s="23"/>
      <c r="BJ657" s="23"/>
      <c r="BK657" s="23"/>
      <c r="BL657" s="23"/>
      <c r="BM657" s="23"/>
      <c r="BN657" s="23"/>
      <c r="BO657" s="23"/>
      <c r="BP657" s="23"/>
      <c r="BQ657" s="23"/>
      <c r="BR657" s="23"/>
      <c r="BS657" s="23"/>
      <c r="BT657" s="23"/>
      <c r="BU657" s="23"/>
      <c r="BV657" s="23"/>
      <c r="BW657" s="23"/>
      <c r="BX657" s="23"/>
      <c r="BY657" s="23"/>
      <c r="BZ657" s="23"/>
      <c r="CA657" s="23"/>
      <c r="CB657" s="23"/>
      <c r="CC657" s="23"/>
      <c r="CD657" s="23"/>
      <c r="CE657" s="23"/>
      <c r="CF657" s="23"/>
      <c r="CG657" s="23"/>
      <c r="CH657" s="23"/>
      <c r="CI657" s="23"/>
      <c r="CJ657" s="23"/>
      <c r="CK657" s="23"/>
      <c r="CL657" s="23"/>
      <c r="CM657" s="23"/>
      <c r="CN657" s="23"/>
      <c r="CO657" s="23"/>
      <c r="CP657" s="23"/>
      <c r="CQ657" s="23"/>
      <c r="CR657" s="23"/>
      <c r="CS657" s="23"/>
      <c r="CT657" s="23"/>
      <c r="CU657" s="23"/>
      <c r="CV657" s="23"/>
      <c r="CW657" s="23"/>
      <c r="CX657" s="23"/>
      <c r="CY657" s="23"/>
      <c r="CZ657" s="23"/>
      <c r="DA657" s="23"/>
      <c r="DB657" s="23"/>
      <c r="DC657" s="23"/>
      <c r="DD657" s="23"/>
      <c r="DE657" s="23"/>
      <c r="DF657" s="23"/>
      <c r="DG657" s="23"/>
      <c r="DH657" s="23"/>
      <c r="DI657" s="23"/>
      <c r="DJ657" s="23"/>
      <c r="DK657" s="23"/>
      <c r="DL657" s="23"/>
      <c r="DM657" s="23"/>
      <c r="DN657" s="23"/>
      <c r="DO657" s="23"/>
      <c r="DP657" s="23"/>
      <c r="DQ657" s="23"/>
      <c r="DR657" s="23"/>
      <c r="DS657" s="23"/>
      <c r="DT657" s="23"/>
      <c r="DU657" s="23"/>
      <c r="DV657" s="23"/>
      <c r="DW657" s="23"/>
      <c r="DX657" s="23"/>
      <c r="DY657" s="23"/>
      <c r="DZ657" s="23"/>
      <c r="EA657" s="23"/>
      <c r="EB657" s="23"/>
      <c r="EC657" s="23"/>
      <c r="ED657" s="23"/>
      <c r="EE657" s="23"/>
      <c r="EF657" s="23"/>
      <c r="EG657" s="23"/>
      <c r="EH657" s="23"/>
      <c r="EI657" s="23"/>
      <c r="EJ657" s="23"/>
      <c r="EK657" s="23"/>
      <c r="EL657" s="23"/>
      <c r="EM657" s="23"/>
      <c r="EN657" s="23"/>
      <c r="EO657" s="23"/>
      <c r="EP657" s="23"/>
      <c r="EQ657" s="23"/>
      <c r="ER657" s="23"/>
      <c r="ES657" s="23"/>
      <c r="ET657" s="23"/>
      <c r="EU657" s="23"/>
      <c r="EV657" s="23"/>
      <c r="EW657" s="23"/>
      <c r="EX657" s="23"/>
      <c r="EY657" s="23"/>
      <c r="EZ657" s="23"/>
      <c r="FA657" s="23"/>
      <c r="FB657" s="23"/>
      <c r="FC657" s="23"/>
      <c r="FD657" s="23"/>
      <c r="FE657" s="23"/>
      <c r="FF657" s="23"/>
      <c r="FG657" s="23"/>
      <c r="FH657" s="23"/>
      <c r="FI657" s="23"/>
      <c r="FJ657" s="23"/>
      <c r="FK657" s="23"/>
      <c r="FL657" s="23"/>
      <c r="FM657" s="23"/>
      <c r="FN657" s="23"/>
      <c r="FO657" s="23"/>
      <c r="FP657" s="23"/>
      <c r="FQ657" s="23"/>
      <c r="FR657" s="23"/>
      <c r="FS657" s="23"/>
      <c r="FT657" s="23"/>
      <c r="FU657" s="23"/>
      <c r="FV657" s="23"/>
      <c r="FW657" s="23"/>
      <c r="FX657" s="23"/>
      <c r="FY657" s="23"/>
      <c r="FZ657" s="23"/>
      <c r="GA657" s="23"/>
      <c r="GB657" s="23"/>
      <c r="GC657" s="23"/>
      <c r="GD657" s="23"/>
      <c r="GE657" s="23"/>
      <c r="GF657" s="23"/>
      <c r="GG657" s="23"/>
      <c r="GH657" s="23"/>
      <c r="GI657" s="23"/>
      <c r="GJ657" s="23"/>
      <c r="GK657" s="23"/>
      <c r="GL657" s="23"/>
      <c r="GM657" s="23"/>
      <c r="GN657" s="23"/>
      <c r="GO657" s="23"/>
      <c r="GP657" s="23"/>
      <c r="GQ657" s="23"/>
      <c r="GR657" s="23"/>
      <c r="GS657" s="23"/>
      <c r="GT657" s="23"/>
      <c r="GU657" s="23"/>
      <c r="GV657" s="23"/>
      <c r="GW657" s="23"/>
      <c r="GX657" s="23"/>
      <c r="GY657" s="23"/>
      <c r="GZ657" s="23"/>
      <c r="HA657" s="23"/>
      <c r="HB657" s="23"/>
      <c r="HC657" s="23"/>
      <c r="HD657" s="23"/>
      <c r="HE657" s="23"/>
      <c r="HF657" s="23"/>
      <c r="HG657" s="23"/>
      <c r="HH657" s="23"/>
      <c r="HI657" s="23"/>
      <c r="HJ657" s="23"/>
      <c r="HK657" s="23"/>
      <c r="HL657" s="23"/>
      <c r="HM657" s="23"/>
      <c r="HN657" s="23"/>
      <c r="HO657" s="23"/>
      <c r="HP657" s="23"/>
      <c r="HQ657" s="23"/>
      <c r="HR657" s="23"/>
      <c r="HS657" s="23"/>
      <c r="HT657" s="23"/>
      <c r="HU657" s="23"/>
      <c r="HV657" s="23"/>
      <c r="HW657" s="23"/>
      <c r="HX657" s="23"/>
      <c r="HY657" s="23"/>
      <c r="HZ657" s="23"/>
      <c r="IA657" s="23"/>
      <c r="IB657" s="23"/>
      <c r="IC657" s="23"/>
      <c r="ID657" s="23"/>
      <c r="IE657" s="23"/>
      <c r="IF657" s="23"/>
      <c r="IG657" s="23"/>
      <c r="IH657" s="23"/>
      <c r="II657" s="23"/>
      <c r="IJ657" s="23"/>
      <c r="IK657" s="23"/>
      <c r="IL657" s="23"/>
      <c r="IM657" s="23"/>
      <c r="IN657" s="23"/>
      <c r="IO657" s="23"/>
      <c r="IP657" s="23"/>
      <c r="IQ657" s="23"/>
    </row>
    <row r="658" spans="1:251" s="50" customFormat="1" ht="18.75" customHeight="1">
      <c r="A658" s="34"/>
      <c r="B658" s="47"/>
      <c r="C658" s="130"/>
      <c r="D658" s="130"/>
      <c r="E658" s="130"/>
      <c r="F658" s="130"/>
      <c r="G658" s="130"/>
      <c r="H658" s="130"/>
      <c r="I658" s="130"/>
      <c r="J658" s="130"/>
      <c r="K658" s="130"/>
      <c r="L658" s="130"/>
      <c r="M658" s="130"/>
      <c r="N658" s="130"/>
      <c r="O658" s="130"/>
      <c r="P658" s="130"/>
      <c r="Q658" s="130"/>
      <c r="R658" s="130"/>
      <c r="S658" s="130"/>
      <c r="T658" s="130"/>
      <c r="U658" s="130"/>
      <c r="V658" s="130"/>
      <c r="W658" s="130"/>
      <c r="X658" s="130"/>
      <c r="Y658" s="130"/>
      <c r="Z658" s="131"/>
      <c r="AA658" s="132"/>
      <c r="AB658" s="200"/>
      <c r="AC658" s="200"/>
      <c r="AD658" s="200"/>
      <c r="AE658" s="200"/>
      <c r="AF658" s="200"/>
      <c r="AG658" s="200"/>
      <c r="AH658" s="200"/>
      <c r="AI658" s="201"/>
      <c r="AJ658" s="132"/>
      <c r="AK658" s="196"/>
      <c r="AL658" s="196"/>
      <c r="AM658" s="196"/>
      <c r="AN658" s="196"/>
      <c r="AO658" s="196"/>
      <c r="AP658" s="196"/>
      <c r="AQ658" s="196"/>
      <c r="AR658" s="197"/>
      <c r="AS658" s="132"/>
      <c r="AT658" s="196"/>
      <c r="AU658" s="196"/>
      <c r="AV658" s="196"/>
      <c r="AW658" s="196"/>
      <c r="AX658" s="202"/>
      <c r="AY658" s="23"/>
      <c r="AZ658" s="23"/>
      <c r="BA658" s="23"/>
      <c r="BB658" s="23"/>
      <c r="BC658" s="23"/>
      <c r="BD658" s="23"/>
      <c r="BE658" s="23"/>
      <c r="BF658" s="23"/>
      <c r="BG658" s="23"/>
      <c r="BH658" s="23"/>
      <c r="BI658" s="23"/>
      <c r="BJ658" s="23"/>
      <c r="BK658" s="23"/>
      <c r="BL658" s="23"/>
      <c r="BM658" s="23"/>
      <c r="BN658" s="23"/>
      <c r="BO658" s="23"/>
      <c r="BP658" s="23"/>
      <c r="BQ658" s="23"/>
      <c r="BR658" s="23"/>
      <c r="BS658" s="23"/>
      <c r="BT658" s="23"/>
      <c r="BU658" s="23"/>
      <c r="BV658" s="23"/>
      <c r="BW658" s="23"/>
      <c r="BX658" s="23"/>
      <c r="BY658" s="23"/>
      <c r="BZ658" s="23"/>
      <c r="CA658" s="23"/>
      <c r="CB658" s="23"/>
      <c r="CC658" s="23"/>
      <c r="CD658" s="23"/>
      <c r="CE658" s="23"/>
      <c r="CF658" s="23"/>
      <c r="CG658" s="23"/>
      <c r="CH658" s="23"/>
      <c r="CI658" s="23"/>
      <c r="CJ658" s="23"/>
      <c r="CK658" s="23"/>
      <c r="CL658" s="23"/>
      <c r="CM658" s="23"/>
      <c r="CN658" s="23"/>
      <c r="CO658" s="23"/>
      <c r="CP658" s="23"/>
      <c r="CQ658" s="23"/>
      <c r="CR658" s="23"/>
      <c r="CS658" s="23"/>
      <c r="CT658" s="23"/>
      <c r="CU658" s="23"/>
      <c r="CV658" s="23"/>
      <c r="CW658" s="23"/>
      <c r="CX658" s="23"/>
      <c r="CY658" s="23"/>
      <c r="CZ658" s="23"/>
      <c r="DA658" s="23"/>
      <c r="DB658" s="23"/>
      <c r="DC658" s="23"/>
      <c r="DD658" s="23"/>
      <c r="DE658" s="23"/>
      <c r="DF658" s="23"/>
      <c r="DG658" s="23"/>
      <c r="DH658" s="23"/>
      <c r="DI658" s="23"/>
      <c r="DJ658" s="23"/>
      <c r="DK658" s="23"/>
      <c r="DL658" s="23"/>
      <c r="DM658" s="23"/>
      <c r="DN658" s="23"/>
      <c r="DO658" s="23"/>
      <c r="DP658" s="23"/>
      <c r="DQ658" s="23"/>
      <c r="DR658" s="23"/>
      <c r="DS658" s="23"/>
      <c r="DT658" s="23"/>
      <c r="DU658" s="23"/>
      <c r="DV658" s="23"/>
      <c r="DW658" s="23"/>
      <c r="DX658" s="23"/>
      <c r="DY658" s="23"/>
      <c r="DZ658" s="23"/>
      <c r="EA658" s="23"/>
      <c r="EB658" s="23"/>
      <c r="EC658" s="23"/>
      <c r="ED658" s="23"/>
      <c r="EE658" s="23"/>
      <c r="EF658" s="23"/>
      <c r="EG658" s="23"/>
      <c r="EH658" s="23"/>
      <c r="EI658" s="23"/>
      <c r="EJ658" s="23"/>
      <c r="EK658" s="23"/>
      <c r="EL658" s="23"/>
      <c r="EM658" s="23"/>
      <c r="EN658" s="23"/>
      <c r="EO658" s="23"/>
      <c r="EP658" s="23"/>
      <c r="EQ658" s="23"/>
      <c r="ER658" s="23"/>
      <c r="ES658" s="23"/>
      <c r="ET658" s="23"/>
      <c r="EU658" s="23"/>
      <c r="EV658" s="23"/>
      <c r="EW658" s="23"/>
      <c r="EX658" s="23"/>
      <c r="EY658" s="23"/>
      <c r="EZ658" s="23"/>
      <c r="FA658" s="23"/>
      <c r="FB658" s="23"/>
      <c r="FC658" s="23"/>
      <c r="FD658" s="23"/>
      <c r="FE658" s="23"/>
      <c r="FF658" s="23"/>
      <c r="FG658" s="23"/>
      <c r="FH658" s="23"/>
      <c r="FI658" s="23"/>
      <c r="FJ658" s="23"/>
      <c r="FK658" s="23"/>
      <c r="FL658" s="23"/>
      <c r="FM658" s="23"/>
      <c r="FN658" s="23"/>
      <c r="FO658" s="23"/>
      <c r="FP658" s="23"/>
      <c r="FQ658" s="23"/>
      <c r="FR658" s="23"/>
      <c r="FS658" s="23"/>
      <c r="FT658" s="23"/>
      <c r="FU658" s="23"/>
      <c r="FV658" s="23"/>
      <c r="FW658" s="23"/>
      <c r="FX658" s="23"/>
      <c r="FY658" s="23"/>
      <c r="FZ658" s="23"/>
      <c r="GA658" s="23"/>
      <c r="GB658" s="23"/>
      <c r="GC658" s="23"/>
      <c r="GD658" s="23"/>
      <c r="GE658" s="23"/>
      <c r="GF658" s="23"/>
      <c r="GG658" s="23"/>
      <c r="GH658" s="23"/>
      <c r="GI658" s="23"/>
      <c r="GJ658" s="23"/>
      <c r="GK658" s="23"/>
      <c r="GL658" s="23"/>
      <c r="GM658" s="23"/>
      <c r="GN658" s="23"/>
      <c r="GO658" s="23"/>
      <c r="GP658" s="23"/>
      <c r="GQ658" s="23"/>
      <c r="GR658" s="23"/>
      <c r="GS658" s="23"/>
      <c r="GT658" s="23"/>
      <c r="GU658" s="23"/>
      <c r="GV658" s="23"/>
      <c r="GW658" s="23"/>
      <c r="GX658" s="23"/>
      <c r="GY658" s="23"/>
      <c r="GZ658" s="23"/>
      <c r="HA658" s="23"/>
      <c r="HB658" s="23"/>
      <c r="HC658" s="23"/>
      <c r="HD658" s="23"/>
      <c r="HE658" s="23"/>
      <c r="HF658" s="23"/>
      <c r="HG658" s="23"/>
      <c r="HH658" s="23"/>
      <c r="HI658" s="23"/>
      <c r="HJ658" s="23"/>
      <c r="HK658" s="23"/>
      <c r="HL658" s="23"/>
      <c r="HM658" s="23"/>
      <c r="HN658" s="23"/>
      <c r="HO658" s="23"/>
      <c r="HP658" s="23"/>
      <c r="HQ658" s="23"/>
      <c r="HR658" s="23"/>
      <c r="HS658" s="23"/>
      <c r="HT658" s="23"/>
      <c r="HU658" s="23"/>
      <c r="HV658" s="23"/>
      <c r="HW658" s="23"/>
      <c r="HX658" s="23"/>
      <c r="HY658" s="23"/>
      <c r="HZ658" s="23"/>
      <c r="IA658" s="23"/>
      <c r="IB658" s="23"/>
      <c r="IC658" s="23"/>
      <c r="ID658" s="23"/>
      <c r="IE658" s="23"/>
      <c r="IF658" s="23"/>
      <c r="IG658" s="23"/>
      <c r="IH658" s="23"/>
      <c r="II658" s="23"/>
      <c r="IJ658" s="23"/>
      <c r="IK658" s="23"/>
      <c r="IL658" s="23"/>
      <c r="IM658" s="23"/>
      <c r="IN658" s="23"/>
      <c r="IO658" s="23"/>
      <c r="IP658" s="23"/>
      <c r="IQ658" s="23"/>
    </row>
    <row r="659" spans="1:251" s="50" customFormat="1" ht="18.75" customHeight="1">
      <c r="A659" s="34"/>
      <c r="B659" s="47"/>
      <c r="C659" s="130"/>
      <c r="D659" s="130"/>
      <c r="E659" s="130"/>
      <c r="F659" s="130"/>
      <c r="G659" s="130"/>
      <c r="H659" s="130"/>
      <c r="I659" s="130"/>
      <c r="J659" s="130"/>
      <c r="K659" s="130"/>
      <c r="L659" s="130"/>
      <c r="M659" s="130"/>
      <c r="N659" s="130"/>
      <c r="O659" s="130"/>
      <c r="P659" s="130"/>
      <c r="Q659" s="130"/>
      <c r="R659" s="130"/>
      <c r="S659" s="130"/>
      <c r="T659" s="130"/>
      <c r="U659" s="130"/>
      <c r="V659" s="130"/>
      <c r="W659" s="130"/>
      <c r="X659" s="130"/>
      <c r="Y659" s="130"/>
      <c r="Z659" s="131"/>
      <c r="AA659" s="132"/>
      <c r="AB659" s="200"/>
      <c r="AC659" s="200"/>
      <c r="AD659" s="200"/>
      <c r="AE659" s="200"/>
      <c r="AF659" s="200"/>
      <c r="AG659" s="200"/>
      <c r="AH659" s="200"/>
      <c r="AI659" s="201"/>
      <c r="AJ659" s="132"/>
      <c r="AK659" s="196"/>
      <c r="AL659" s="196"/>
      <c r="AM659" s="196"/>
      <c r="AN659" s="196"/>
      <c r="AO659" s="196"/>
      <c r="AP659" s="196"/>
      <c r="AQ659" s="196"/>
      <c r="AR659" s="197"/>
      <c r="AS659" s="132"/>
      <c r="AT659" s="196"/>
      <c r="AU659" s="196"/>
      <c r="AV659" s="196"/>
      <c r="AW659" s="196"/>
      <c r="AX659" s="202"/>
      <c r="AY659" s="23"/>
      <c r="AZ659" s="23"/>
      <c r="BA659" s="23"/>
      <c r="BB659" s="23"/>
      <c r="BC659" s="23"/>
      <c r="BD659" s="23"/>
      <c r="BE659" s="23"/>
      <c r="BF659" s="23"/>
      <c r="BG659" s="23"/>
      <c r="BH659" s="23"/>
      <c r="BI659" s="23"/>
      <c r="BJ659" s="23"/>
      <c r="BK659" s="23"/>
      <c r="BL659" s="23"/>
      <c r="BM659" s="23"/>
      <c r="BN659" s="23"/>
      <c r="BO659" s="23"/>
      <c r="BP659" s="23"/>
      <c r="BQ659" s="23"/>
      <c r="BR659" s="23"/>
      <c r="BS659" s="23"/>
      <c r="BT659" s="23"/>
      <c r="BU659" s="23"/>
      <c r="BV659" s="23"/>
      <c r="BW659" s="23"/>
      <c r="BX659" s="23"/>
      <c r="BY659" s="23"/>
      <c r="BZ659" s="23"/>
      <c r="CA659" s="23"/>
      <c r="CB659" s="23"/>
      <c r="CC659" s="23"/>
      <c r="CD659" s="23"/>
      <c r="CE659" s="23"/>
      <c r="CF659" s="23"/>
      <c r="CG659" s="23"/>
      <c r="CH659" s="23"/>
      <c r="CI659" s="23"/>
      <c r="CJ659" s="23"/>
      <c r="CK659" s="23"/>
      <c r="CL659" s="23"/>
      <c r="CM659" s="23"/>
      <c r="CN659" s="23"/>
      <c r="CO659" s="23"/>
      <c r="CP659" s="23"/>
      <c r="CQ659" s="23"/>
      <c r="CR659" s="23"/>
      <c r="CS659" s="23"/>
      <c r="CT659" s="23"/>
      <c r="CU659" s="23"/>
      <c r="CV659" s="23"/>
      <c r="CW659" s="23"/>
      <c r="CX659" s="23"/>
      <c r="CY659" s="23"/>
      <c r="CZ659" s="23"/>
      <c r="DA659" s="23"/>
      <c r="DB659" s="23"/>
      <c r="DC659" s="23"/>
      <c r="DD659" s="23"/>
      <c r="DE659" s="23"/>
      <c r="DF659" s="23"/>
      <c r="DG659" s="23"/>
      <c r="DH659" s="23"/>
      <c r="DI659" s="23"/>
      <c r="DJ659" s="23"/>
      <c r="DK659" s="23"/>
      <c r="DL659" s="23"/>
      <c r="DM659" s="23"/>
      <c r="DN659" s="23"/>
      <c r="DO659" s="23"/>
      <c r="DP659" s="23"/>
      <c r="DQ659" s="23"/>
      <c r="DR659" s="23"/>
      <c r="DS659" s="23"/>
      <c r="DT659" s="23"/>
      <c r="DU659" s="23"/>
      <c r="DV659" s="23"/>
      <c r="DW659" s="23"/>
      <c r="DX659" s="23"/>
      <c r="DY659" s="23"/>
      <c r="DZ659" s="23"/>
      <c r="EA659" s="23"/>
      <c r="EB659" s="23"/>
      <c r="EC659" s="23"/>
      <c r="ED659" s="23"/>
      <c r="EE659" s="23"/>
      <c r="EF659" s="23"/>
      <c r="EG659" s="23"/>
      <c r="EH659" s="23"/>
      <c r="EI659" s="23"/>
      <c r="EJ659" s="23"/>
      <c r="EK659" s="23"/>
      <c r="EL659" s="23"/>
      <c r="EM659" s="23"/>
      <c r="EN659" s="23"/>
      <c r="EO659" s="23"/>
      <c r="EP659" s="23"/>
      <c r="EQ659" s="23"/>
      <c r="ER659" s="23"/>
      <c r="ES659" s="23"/>
      <c r="ET659" s="23"/>
      <c r="EU659" s="23"/>
      <c r="EV659" s="23"/>
      <c r="EW659" s="23"/>
      <c r="EX659" s="23"/>
      <c r="EY659" s="23"/>
      <c r="EZ659" s="23"/>
      <c r="FA659" s="23"/>
      <c r="FB659" s="23"/>
      <c r="FC659" s="23"/>
      <c r="FD659" s="23"/>
      <c r="FE659" s="23"/>
      <c r="FF659" s="23"/>
      <c r="FG659" s="23"/>
      <c r="FH659" s="23"/>
      <c r="FI659" s="23"/>
      <c r="FJ659" s="23"/>
      <c r="FK659" s="23"/>
      <c r="FL659" s="23"/>
      <c r="FM659" s="23"/>
      <c r="FN659" s="23"/>
      <c r="FO659" s="23"/>
      <c r="FP659" s="23"/>
      <c r="FQ659" s="23"/>
      <c r="FR659" s="23"/>
      <c r="FS659" s="23"/>
      <c r="FT659" s="23"/>
      <c r="FU659" s="23"/>
      <c r="FV659" s="23"/>
      <c r="FW659" s="23"/>
      <c r="FX659" s="23"/>
      <c r="FY659" s="23"/>
      <c r="FZ659" s="23"/>
      <c r="GA659" s="23"/>
      <c r="GB659" s="23"/>
      <c r="GC659" s="23"/>
      <c r="GD659" s="23"/>
      <c r="GE659" s="23"/>
      <c r="GF659" s="23"/>
      <c r="GG659" s="23"/>
      <c r="GH659" s="23"/>
      <c r="GI659" s="23"/>
      <c r="GJ659" s="23"/>
      <c r="GK659" s="23"/>
      <c r="GL659" s="23"/>
      <c r="GM659" s="23"/>
      <c r="GN659" s="23"/>
      <c r="GO659" s="23"/>
      <c r="GP659" s="23"/>
      <c r="GQ659" s="23"/>
      <c r="GR659" s="23"/>
      <c r="GS659" s="23"/>
      <c r="GT659" s="23"/>
      <c r="GU659" s="23"/>
      <c r="GV659" s="23"/>
      <c r="GW659" s="23"/>
      <c r="GX659" s="23"/>
      <c r="GY659" s="23"/>
      <c r="GZ659" s="23"/>
      <c r="HA659" s="23"/>
      <c r="HB659" s="23"/>
      <c r="HC659" s="23"/>
      <c r="HD659" s="23"/>
      <c r="HE659" s="23"/>
      <c r="HF659" s="23"/>
      <c r="HG659" s="23"/>
      <c r="HH659" s="23"/>
      <c r="HI659" s="23"/>
      <c r="HJ659" s="23"/>
      <c r="HK659" s="23"/>
      <c r="HL659" s="23"/>
      <c r="HM659" s="23"/>
      <c r="HN659" s="23"/>
      <c r="HO659" s="23"/>
      <c r="HP659" s="23"/>
      <c r="HQ659" s="23"/>
      <c r="HR659" s="23"/>
      <c r="HS659" s="23"/>
      <c r="HT659" s="23"/>
      <c r="HU659" s="23"/>
      <c r="HV659" s="23"/>
      <c r="HW659" s="23"/>
      <c r="HX659" s="23"/>
      <c r="HY659" s="23"/>
      <c r="HZ659" s="23"/>
      <c r="IA659" s="23"/>
      <c r="IB659" s="23"/>
      <c r="IC659" s="23"/>
      <c r="ID659" s="23"/>
      <c r="IE659" s="23"/>
      <c r="IF659" s="23"/>
      <c r="IG659" s="23"/>
      <c r="IH659" s="23"/>
      <c r="II659" s="23"/>
      <c r="IJ659" s="23"/>
      <c r="IK659" s="23"/>
      <c r="IL659" s="23"/>
      <c r="IM659" s="23"/>
      <c r="IN659" s="23"/>
      <c r="IO659" s="23"/>
      <c r="IP659" s="23"/>
      <c r="IQ659" s="23"/>
    </row>
    <row r="660" spans="1:251" s="50" customFormat="1" ht="18.75" customHeight="1">
      <c r="A660" s="34"/>
      <c r="B660" s="47"/>
      <c r="C660" s="130"/>
      <c r="D660" s="130"/>
      <c r="E660" s="130"/>
      <c r="F660" s="130"/>
      <c r="G660" s="130"/>
      <c r="H660" s="130"/>
      <c r="I660" s="130"/>
      <c r="J660" s="130"/>
      <c r="K660" s="130"/>
      <c r="L660" s="130"/>
      <c r="M660" s="130"/>
      <c r="N660" s="130"/>
      <c r="O660" s="130"/>
      <c r="P660" s="130"/>
      <c r="Q660" s="130"/>
      <c r="R660" s="130"/>
      <c r="S660" s="130"/>
      <c r="T660" s="130"/>
      <c r="U660" s="130"/>
      <c r="V660" s="130"/>
      <c r="W660" s="130"/>
      <c r="X660" s="130"/>
      <c r="Y660" s="130"/>
      <c r="Z660" s="131"/>
      <c r="AA660" s="132"/>
      <c r="AB660" s="200"/>
      <c r="AC660" s="200"/>
      <c r="AD660" s="200"/>
      <c r="AE660" s="200"/>
      <c r="AF660" s="200"/>
      <c r="AG660" s="200"/>
      <c r="AH660" s="200"/>
      <c r="AI660" s="201"/>
      <c r="AJ660" s="132"/>
      <c r="AK660" s="196"/>
      <c r="AL660" s="196"/>
      <c r="AM660" s="196"/>
      <c r="AN660" s="196"/>
      <c r="AO660" s="196"/>
      <c r="AP660" s="196"/>
      <c r="AQ660" s="196"/>
      <c r="AR660" s="197"/>
      <c r="AS660" s="132"/>
      <c r="AT660" s="196"/>
      <c r="AU660" s="196"/>
      <c r="AV660" s="196"/>
      <c r="AW660" s="196"/>
      <c r="AX660" s="202"/>
      <c r="AY660" s="23"/>
      <c r="AZ660" s="23"/>
      <c r="BA660" s="23"/>
      <c r="BB660" s="23"/>
      <c r="BC660" s="23"/>
      <c r="BD660" s="23"/>
      <c r="BE660" s="23"/>
      <c r="BF660" s="23"/>
      <c r="BG660" s="23"/>
      <c r="BH660" s="23"/>
      <c r="BI660" s="23"/>
      <c r="BJ660" s="23"/>
      <c r="BK660" s="23"/>
      <c r="BL660" s="23"/>
      <c r="BM660" s="23"/>
      <c r="BN660" s="23"/>
      <c r="BO660" s="23"/>
      <c r="BP660" s="23"/>
      <c r="BQ660" s="23"/>
      <c r="BR660" s="23"/>
      <c r="BS660" s="23"/>
      <c r="BT660" s="23"/>
      <c r="BU660" s="23"/>
      <c r="BV660" s="23"/>
      <c r="BW660" s="23"/>
      <c r="BX660" s="23"/>
      <c r="BY660" s="23"/>
      <c r="BZ660" s="23"/>
      <c r="CA660" s="23"/>
      <c r="CB660" s="23"/>
      <c r="CC660" s="23"/>
      <c r="CD660" s="23"/>
      <c r="CE660" s="23"/>
      <c r="CF660" s="23"/>
      <c r="CG660" s="23"/>
      <c r="CH660" s="23"/>
      <c r="CI660" s="23"/>
      <c r="CJ660" s="23"/>
      <c r="CK660" s="23"/>
      <c r="CL660" s="23"/>
      <c r="CM660" s="23"/>
      <c r="CN660" s="23"/>
      <c r="CO660" s="23"/>
      <c r="CP660" s="23"/>
      <c r="CQ660" s="23"/>
      <c r="CR660" s="23"/>
      <c r="CS660" s="23"/>
      <c r="CT660" s="23"/>
      <c r="CU660" s="23"/>
      <c r="CV660" s="23"/>
      <c r="CW660" s="23"/>
      <c r="CX660" s="23"/>
      <c r="CY660" s="23"/>
      <c r="CZ660" s="23"/>
      <c r="DA660" s="23"/>
      <c r="DB660" s="23"/>
      <c r="DC660" s="23"/>
      <c r="DD660" s="23"/>
      <c r="DE660" s="23"/>
      <c r="DF660" s="23"/>
      <c r="DG660" s="23"/>
      <c r="DH660" s="23"/>
      <c r="DI660" s="23"/>
      <c r="DJ660" s="23"/>
      <c r="DK660" s="23"/>
      <c r="DL660" s="23"/>
      <c r="DM660" s="23"/>
      <c r="DN660" s="23"/>
      <c r="DO660" s="23"/>
      <c r="DP660" s="23"/>
      <c r="DQ660" s="23"/>
      <c r="DR660" s="23"/>
      <c r="DS660" s="23"/>
      <c r="DT660" s="23"/>
      <c r="DU660" s="23"/>
      <c r="DV660" s="23"/>
      <c r="DW660" s="23"/>
      <c r="DX660" s="23"/>
      <c r="DY660" s="23"/>
      <c r="DZ660" s="23"/>
      <c r="EA660" s="23"/>
      <c r="EB660" s="23"/>
      <c r="EC660" s="23"/>
      <c r="ED660" s="23"/>
      <c r="EE660" s="23"/>
      <c r="EF660" s="23"/>
      <c r="EG660" s="23"/>
      <c r="EH660" s="23"/>
      <c r="EI660" s="23"/>
      <c r="EJ660" s="23"/>
      <c r="EK660" s="23"/>
      <c r="EL660" s="23"/>
      <c r="EM660" s="23"/>
      <c r="EN660" s="23"/>
      <c r="EO660" s="23"/>
      <c r="EP660" s="23"/>
      <c r="EQ660" s="23"/>
      <c r="ER660" s="23"/>
      <c r="ES660" s="23"/>
      <c r="ET660" s="23"/>
      <c r="EU660" s="23"/>
      <c r="EV660" s="23"/>
      <c r="EW660" s="23"/>
      <c r="EX660" s="23"/>
      <c r="EY660" s="23"/>
      <c r="EZ660" s="23"/>
      <c r="FA660" s="23"/>
      <c r="FB660" s="23"/>
      <c r="FC660" s="23"/>
      <c r="FD660" s="23"/>
      <c r="FE660" s="23"/>
      <c r="FF660" s="23"/>
      <c r="FG660" s="23"/>
      <c r="FH660" s="23"/>
      <c r="FI660" s="23"/>
      <c r="FJ660" s="23"/>
      <c r="FK660" s="23"/>
      <c r="FL660" s="23"/>
      <c r="FM660" s="23"/>
      <c r="FN660" s="23"/>
      <c r="FO660" s="23"/>
      <c r="FP660" s="23"/>
      <c r="FQ660" s="23"/>
      <c r="FR660" s="23"/>
      <c r="FS660" s="23"/>
      <c r="FT660" s="23"/>
      <c r="FU660" s="23"/>
      <c r="FV660" s="23"/>
      <c r="FW660" s="23"/>
      <c r="FX660" s="23"/>
      <c r="FY660" s="23"/>
      <c r="FZ660" s="23"/>
      <c r="GA660" s="23"/>
      <c r="GB660" s="23"/>
      <c r="GC660" s="23"/>
      <c r="GD660" s="23"/>
      <c r="GE660" s="23"/>
      <c r="GF660" s="23"/>
      <c r="GG660" s="23"/>
      <c r="GH660" s="23"/>
      <c r="GI660" s="23"/>
      <c r="GJ660" s="23"/>
      <c r="GK660" s="23"/>
      <c r="GL660" s="23"/>
      <c r="GM660" s="23"/>
      <c r="GN660" s="23"/>
      <c r="GO660" s="23"/>
      <c r="GP660" s="23"/>
      <c r="GQ660" s="23"/>
      <c r="GR660" s="23"/>
      <c r="GS660" s="23"/>
      <c r="GT660" s="23"/>
      <c r="GU660" s="23"/>
      <c r="GV660" s="23"/>
      <c r="GW660" s="23"/>
      <c r="GX660" s="23"/>
      <c r="GY660" s="23"/>
      <c r="GZ660" s="23"/>
      <c r="HA660" s="23"/>
      <c r="HB660" s="23"/>
      <c r="HC660" s="23"/>
      <c r="HD660" s="23"/>
      <c r="HE660" s="23"/>
      <c r="HF660" s="23"/>
      <c r="HG660" s="23"/>
      <c r="HH660" s="23"/>
      <c r="HI660" s="23"/>
      <c r="HJ660" s="23"/>
      <c r="HK660" s="23"/>
      <c r="HL660" s="23"/>
      <c r="HM660" s="23"/>
      <c r="HN660" s="23"/>
      <c r="HO660" s="23"/>
      <c r="HP660" s="23"/>
      <c r="HQ660" s="23"/>
      <c r="HR660" s="23"/>
      <c r="HS660" s="23"/>
      <c r="HT660" s="23"/>
      <c r="HU660" s="23"/>
      <c r="HV660" s="23"/>
      <c r="HW660" s="23"/>
      <c r="HX660" s="23"/>
      <c r="HY660" s="23"/>
      <c r="HZ660" s="23"/>
      <c r="IA660" s="23"/>
      <c r="IB660" s="23"/>
      <c r="IC660" s="23"/>
      <c r="ID660" s="23"/>
      <c r="IE660" s="23"/>
      <c r="IF660" s="23"/>
      <c r="IG660" s="23"/>
      <c r="IH660" s="23"/>
      <c r="II660" s="23"/>
      <c r="IJ660" s="23"/>
      <c r="IK660" s="23"/>
      <c r="IL660" s="23"/>
      <c r="IM660" s="23"/>
      <c r="IN660" s="23"/>
      <c r="IO660" s="23"/>
      <c r="IP660" s="23"/>
      <c r="IQ660" s="23"/>
    </row>
    <row r="661" spans="1:251" s="50" customFormat="1" ht="18.75" customHeight="1">
      <c r="A661" s="34"/>
      <c r="B661" s="48"/>
      <c r="C661" s="130"/>
      <c r="D661" s="130"/>
      <c r="E661" s="130"/>
      <c r="F661" s="130"/>
      <c r="G661" s="130"/>
      <c r="H661" s="130"/>
      <c r="I661" s="130"/>
      <c r="J661" s="130"/>
      <c r="K661" s="130"/>
      <c r="L661" s="130"/>
      <c r="M661" s="130"/>
      <c r="N661" s="130"/>
      <c r="O661" s="130"/>
      <c r="P661" s="130"/>
      <c r="Q661" s="130"/>
      <c r="R661" s="130"/>
      <c r="S661" s="130"/>
      <c r="T661" s="130"/>
      <c r="U661" s="130"/>
      <c r="V661" s="130"/>
      <c r="W661" s="130"/>
      <c r="X661" s="130"/>
      <c r="Y661" s="130"/>
      <c r="Z661" s="131"/>
      <c r="AA661" s="132"/>
      <c r="AB661" s="200"/>
      <c r="AC661" s="200"/>
      <c r="AD661" s="200"/>
      <c r="AE661" s="200"/>
      <c r="AF661" s="200"/>
      <c r="AG661" s="200"/>
      <c r="AH661" s="200"/>
      <c r="AI661" s="201"/>
      <c r="AJ661" s="132"/>
      <c r="AK661" s="196"/>
      <c r="AL661" s="196"/>
      <c r="AM661" s="196"/>
      <c r="AN661" s="196"/>
      <c r="AO661" s="196"/>
      <c r="AP661" s="196"/>
      <c r="AQ661" s="196"/>
      <c r="AR661" s="197"/>
      <c r="AS661" s="136"/>
      <c r="AT661" s="198"/>
      <c r="AU661" s="198"/>
      <c r="AV661" s="198"/>
      <c r="AW661" s="198"/>
      <c r="AX661" s="199"/>
      <c r="AY661" s="23"/>
      <c r="AZ661" s="23"/>
      <c r="BA661" s="23"/>
      <c r="BB661" s="23"/>
      <c r="BC661" s="23"/>
      <c r="BD661" s="23"/>
      <c r="BE661" s="23"/>
      <c r="BF661" s="23"/>
      <c r="BG661" s="23"/>
      <c r="BH661" s="23"/>
      <c r="BI661" s="23"/>
      <c r="BJ661" s="23"/>
      <c r="BK661" s="23"/>
      <c r="BL661" s="23"/>
      <c r="BM661" s="23"/>
      <c r="BN661" s="23"/>
      <c r="BO661" s="23"/>
      <c r="BP661" s="23"/>
      <c r="BQ661" s="23"/>
      <c r="BR661" s="23"/>
      <c r="BS661" s="23"/>
      <c r="BT661" s="23"/>
      <c r="BU661" s="23"/>
      <c r="BV661" s="23"/>
      <c r="BW661" s="23"/>
      <c r="BX661" s="23"/>
      <c r="BY661" s="23"/>
      <c r="BZ661" s="23"/>
      <c r="CA661" s="23"/>
      <c r="CB661" s="23"/>
      <c r="CC661" s="23"/>
      <c r="CD661" s="23"/>
      <c r="CE661" s="23"/>
      <c r="CF661" s="23"/>
      <c r="CG661" s="23"/>
      <c r="CH661" s="23"/>
      <c r="CI661" s="23"/>
      <c r="CJ661" s="23"/>
      <c r="CK661" s="23"/>
      <c r="CL661" s="23"/>
      <c r="CM661" s="23"/>
      <c r="CN661" s="23"/>
      <c r="CO661" s="23"/>
      <c r="CP661" s="23"/>
      <c r="CQ661" s="23"/>
      <c r="CR661" s="23"/>
      <c r="CS661" s="23"/>
      <c r="CT661" s="23"/>
      <c r="CU661" s="23"/>
      <c r="CV661" s="23"/>
      <c r="CW661" s="23"/>
      <c r="CX661" s="23"/>
      <c r="CY661" s="23"/>
      <c r="CZ661" s="23"/>
      <c r="DA661" s="23"/>
      <c r="DB661" s="23"/>
      <c r="DC661" s="23"/>
      <c r="DD661" s="23"/>
      <c r="DE661" s="23"/>
      <c r="DF661" s="23"/>
      <c r="DG661" s="23"/>
      <c r="DH661" s="23"/>
      <c r="DI661" s="23"/>
      <c r="DJ661" s="23"/>
      <c r="DK661" s="23"/>
      <c r="DL661" s="23"/>
      <c r="DM661" s="23"/>
      <c r="DN661" s="23"/>
      <c r="DO661" s="23"/>
      <c r="DP661" s="23"/>
      <c r="DQ661" s="23"/>
      <c r="DR661" s="23"/>
      <c r="DS661" s="23"/>
      <c r="DT661" s="23"/>
      <c r="DU661" s="23"/>
      <c r="DV661" s="23"/>
      <c r="DW661" s="23"/>
      <c r="DX661" s="23"/>
      <c r="DY661" s="23"/>
      <c r="DZ661" s="23"/>
      <c r="EA661" s="23"/>
      <c r="EB661" s="23"/>
      <c r="EC661" s="23"/>
      <c r="ED661" s="23"/>
      <c r="EE661" s="23"/>
      <c r="EF661" s="23"/>
      <c r="EG661" s="23"/>
      <c r="EH661" s="23"/>
      <c r="EI661" s="23"/>
      <c r="EJ661" s="23"/>
      <c r="EK661" s="23"/>
      <c r="EL661" s="23"/>
      <c r="EM661" s="23"/>
      <c r="EN661" s="23"/>
      <c r="EO661" s="23"/>
      <c r="EP661" s="23"/>
      <c r="EQ661" s="23"/>
      <c r="ER661" s="23"/>
      <c r="ES661" s="23"/>
      <c r="ET661" s="23"/>
      <c r="EU661" s="23"/>
      <c r="EV661" s="23"/>
      <c r="EW661" s="23"/>
      <c r="EX661" s="23"/>
      <c r="EY661" s="23"/>
      <c r="EZ661" s="23"/>
      <c r="FA661" s="23"/>
      <c r="FB661" s="23"/>
      <c r="FC661" s="23"/>
      <c r="FD661" s="23"/>
      <c r="FE661" s="23"/>
      <c r="FF661" s="23"/>
      <c r="FG661" s="23"/>
      <c r="FH661" s="23"/>
      <c r="FI661" s="23"/>
      <c r="FJ661" s="23"/>
      <c r="FK661" s="23"/>
      <c r="FL661" s="23"/>
      <c r="FM661" s="23"/>
      <c r="FN661" s="23"/>
      <c r="FO661" s="23"/>
      <c r="FP661" s="23"/>
      <c r="FQ661" s="23"/>
      <c r="FR661" s="23"/>
      <c r="FS661" s="23"/>
      <c r="FT661" s="23"/>
      <c r="FU661" s="23"/>
      <c r="FV661" s="23"/>
      <c r="FW661" s="23"/>
      <c r="FX661" s="23"/>
      <c r="FY661" s="23"/>
      <c r="FZ661" s="23"/>
      <c r="GA661" s="23"/>
      <c r="GB661" s="23"/>
      <c r="GC661" s="23"/>
      <c r="GD661" s="23"/>
      <c r="GE661" s="23"/>
      <c r="GF661" s="23"/>
      <c r="GG661" s="23"/>
      <c r="GH661" s="23"/>
      <c r="GI661" s="23"/>
      <c r="GJ661" s="23"/>
      <c r="GK661" s="23"/>
      <c r="GL661" s="23"/>
      <c r="GM661" s="23"/>
      <c r="GN661" s="23"/>
      <c r="GO661" s="23"/>
      <c r="GP661" s="23"/>
      <c r="GQ661" s="23"/>
      <c r="GR661" s="23"/>
      <c r="GS661" s="23"/>
      <c r="GT661" s="23"/>
      <c r="GU661" s="23"/>
      <c r="GV661" s="23"/>
      <c r="GW661" s="23"/>
      <c r="GX661" s="23"/>
      <c r="GY661" s="23"/>
      <c r="GZ661" s="23"/>
      <c r="HA661" s="23"/>
      <c r="HB661" s="23"/>
      <c r="HC661" s="23"/>
      <c r="HD661" s="23"/>
      <c r="HE661" s="23"/>
      <c r="HF661" s="23"/>
      <c r="HG661" s="23"/>
      <c r="HH661" s="23"/>
      <c r="HI661" s="23"/>
      <c r="HJ661" s="23"/>
      <c r="HK661" s="23"/>
      <c r="HL661" s="23"/>
      <c r="HM661" s="23"/>
      <c r="HN661" s="23"/>
      <c r="HO661" s="23"/>
      <c r="HP661" s="23"/>
      <c r="HQ661" s="23"/>
      <c r="HR661" s="23"/>
      <c r="HS661" s="23"/>
      <c r="HT661" s="23"/>
      <c r="HU661" s="23"/>
      <c r="HV661" s="23"/>
      <c r="HW661" s="23"/>
      <c r="HX661" s="23"/>
      <c r="HY661" s="23"/>
      <c r="HZ661" s="23"/>
      <c r="IA661" s="23"/>
      <c r="IB661" s="23"/>
      <c r="IC661" s="23"/>
      <c r="ID661" s="23"/>
      <c r="IE661" s="23"/>
      <c r="IF661" s="23"/>
      <c r="IG661" s="23"/>
      <c r="IH661" s="23"/>
      <c r="II661" s="23"/>
      <c r="IJ661" s="23"/>
      <c r="IK661" s="23"/>
      <c r="IL661" s="23"/>
      <c r="IM661" s="23"/>
      <c r="IN661" s="23"/>
      <c r="IO661" s="23"/>
      <c r="IP661" s="23"/>
      <c r="IQ661" s="23"/>
    </row>
    <row r="662" spans="1:251" s="50" customFormat="1" ht="18.75" customHeight="1">
      <c r="A662" s="34"/>
      <c r="B662" s="47"/>
      <c r="C662" s="130"/>
      <c r="D662" s="130"/>
      <c r="E662" s="130"/>
      <c r="F662" s="130"/>
      <c r="G662" s="130"/>
      <c r="H662" s="130"/>
      <c r="I662" s="130"/>
      <c r="J662" s="130"/>
      <c r="K662" s="130"/>
      <c r="L662" s="130"/>
      <c r="M662" s="130"/>
      <c r="N662" s="130"/>
      <c r="O662" s="130"/>
      <c r="P662" s="130"/>
      <c r="Q662" s="130"/>
      <c r="R662" s="130"/>
      <c r="S662" s="130"/>
      <c r="T662" s="130"/>
      <c r="U662" s="130"/>
      <c r="V662" s="130"/>
      <c r="W662" s="130"/>
      <c r="X662" s="130"/>
      <c r="Y662" s="130"/>
      <c r="Z662" s="131"/>
      <c r="AA662" s="132"/>
      <c r="AB662" s="200"/>
      <c r="AC662" s="200"/>
      <c r="AD662" s="200"/>
      <c r="AE662" s="200"/>
      <c r="AF662" s="200"/>
      <c r="AG662" s="200"/>
      <c r="AH662" s="200"/>
      <c r="AI662" s="201"/>
      <c r="AJ662" s="132"/>
      <c r="AK662" s="196"/>
      <c r="AL662" s="196"/>
      <c r="AM662" s="196"/>
      <c r="AN662" s="196"/>
      <c r="AO662" s="196"/>
      <c r="AP662" s="196"/>
      <c r="AQ662" s="196"/>
      <c r="AR662" s="197"/>
      <c r="AS662" s="132"/>
      <c r="AT662" s="196"/>
      <c r="AU662" s="196"/>
      <c r="AV662" s="196"/>
      <c r="AW662" s="196"/>
      <c r="AX662" s="202"/>
      <c r="AY662" s="23"/>
      <c r="AZ662" s="23"/>
      <c r="BA662" s="23"/>
      <c r="BB662" s="23"/>
      <c r="BC662" s="23"/>
      <c r="BD662" s="23"/>
      <c r="BE662" s="23"/>
      <c r="BF662" s="23"/>
      <c r="BG662" s="23"/>
      <c r="BH662" s="23"/>
      <c r="BI662" s="23"/>
      <c r="BJ662" s="23"/>
      <c r="BK662" s="23"/>
      <c r="BL662" s="23"/>
      <c r="BM662" s="23"/>
      <c r="BN662" s="23"/>
      <c r="BO662" s="23"/>
      <c r="BP662" s="23"/>
      <c r="BQ662" s="23"/>
      <c r="BR662" s="23"/>
      <c r="BS662" s="23"/>
      <c r="BT662" s="23"/>
      <c r="BU662" s="23"/>
      <c r="BV662" s="23"/>
      <c r="BW662" s="23"/>
      <c r="BX662" s="23"/>
      <c r="BY662" s="23"/>
      <c r="BZ662" s="23"/>
      <c r="CA662" s="23"/>
      <c r="CB662" s="23"/>
      <c r="CC662" s="23"/>
      <c r="CD662" s="23"/>
      <c r="CE662" s="23"/>
      <c r="CF662" s="23"/>
      <c r="CG662" s="23"/>
      <c r="CH662" s="23"/>
      <c r="CI662" s="23"/>
      <c r="CJ662" s="23"/>
      <c r="CK662" s="23"/>
      <c r="CL662" s="23"/>
      <c r="CM662" s="23"/>
      <c r="CN662" s="23"/>
      <c r="CO662" s="23"/>
      <c r="CP662" s="23"/>
      <c r="CQ662" s="23"/>
      <c r="CR662" s="23"/>
      <c r="CS662" s="23"/>
      <c r="CT662" s="23"/>
      <c r="CU662" s="23"/>
      <c r="CV662" s="23"/>
      <c r="CW662" s="23"/>
      <c r="CX662" s="23"/>
      <c r="CY662" s="23"/>
      <c r="CZ662" s="23"/>
      <c r="DA662" s="23"/>
      <c r="DB662" s="23"/>
      <c r="DC662" s="23"/>
      <c r="DD662" s="23"/>
      <c r="DE662" s="23"/>
      <c r="DF662" s="23"/>
      <c r="DG662" s="23"/>
      <c r="DH662" s="23"/>
      <c r="DI662" s="23"/>
      <c r="DJ662" s="23"/>
      <c r="DK662" s="23"/>
      <c r="DL662" s="23"/>
      <c r="DM662" s="23"/>
      <c r="DN662" s="23"/>
      <c r="DO662" s="23"/>
      <c r="DP662" s="23"/>
      <c r="DQ662" s="23"/>
      <c r="DR662" s="23"/>
      <c r="DS662" s="23"/>
      <c r="DT662" s="23"/>
      <c r="DU662" s="23"/>
      <c r="DV662" s="23"/>
      <c r="DW662" s="23"/>
      <c r="DX662" s="23"/>
      <c r="DY662" s="23"/>
      <c r="DZ662" s="23"/>
      <c r="EA662" s="23"/>
      <c r="EB662" s="23"/>
      <c r="EC662" s="23"/>
      <c r="ED662" s="23"/>
      <c r="EE662" s="23"/>
      <c r="EF662" s="23"/>
      <c r="EG662" s="23"/>
      <c r="EH662" s="23"/>
      <c r="EI662" s="23"/>
      <c r="EJ662" s="23"/>
      <c r="EK662" s="23"/>
      <c r="EL662" s="23"/>
      <c r="EM662" s="23"/>
      <c r="EN662" s="23"/>
      <c r="EO662" s="23"/>
      <c r="EP662" s="23"/>
      <c r="EQ662" s="23"/>
      <c r="ER662" s="23"/>
      <c r="ES662" s="23"/>
      <c r="ET662" s="23"/>
      <c r="EU662" s="23"/>
      <c r="EV662" s="23"/>
      <c r="EW662" s="23"/>
      <c r="EX662" s="23"/>
      <c r="EY662" s="23"/>
      <c r="EZ662" s="23"/>
      <c r="FA662" s="23"/>
      <c r="FB662" s="23"/>
      <c r="FC662" s="23"/>
      <c r="FD662" s="23"/>
      <c r="FE662" s="23"/>
      <c r="FF662" s="23"/>
      <c r="FG662" s="23"/>
      <c r="FH662" s="23"/>
      <c r="FI662" s="23"/>
      <c r="FJ662" s="23"/>
      <c r="FK662" s="23"/>
      <c r="FL662" s="23"/>
      <c r="FM662" s="23"/>
      <c r="FN662" s="23"/>
      <c r="FO662" s="23"/>
      <c r="FP662" s="23"/>
      <c r="FQ662" s="23"/>
      <c r="FR662" s="23"/>
      <c r="FS662" s="23"/>
      <c r="FT662" s="23"/>
      <c r="FU662" s="23"/>
      <c r="FV662" s="23"/>
      <c r="FW662" s="23"/>
      <c r="FX662" s="23"/>
      <c r="FY662" s="23"/>
      <c r="FZ662" s="23"/>
      <c r="GA662" s="23"/>
      <c r="GB662" s="23"/>
      <c r="GC662" s="23"/>
      <c r="GD662" s="23"/>
      <c r="GE662" s="23"/>
      <c r="GF662" s="23"/>
      <c r="GG662" s="23"/>
      <c r="GH662" s="23"/>
      <c r="GI662" s="23"/>
      <c r="GJ662" s="23"/>
      <c r="GK662" s="23"/>
      <c r="GL662" s="23"/>
      <c r="GM662" s="23"/>
      <c r="GN662" s="23"/>
      <c r="GO662" s="23"/>
      <c r="GP662" s="23"/>
      <c r="GQ662" s="23"/>
      <c r="GR662" s="23"/>
      <c r="GS662" s="23"/>
      <c r="GT662" s="23"/>
      <c r="GU662" s="23"/>
      <c r="GV662" s="23"/>
      <c r="GW662" s="23"/>
      <c r="GX662" s="23"/>
      <c r="GY662" s="23"/>
      <c r="GZ662" s="23"/>
      <c r="HA662" s="23"/>
      <c r="HB662" s="23"/>
      <c r="HC662" s="23"/>
      <c r="HD662" s="23"/>
      <c r="HE662" s="23"/>
      <c r="HF662" s="23"/>
      <c r="HG662" s="23"/>
      <c r="HH662" s="23"/>
      <c r="HI662" s="23"/>
      <c r="HJ662" s="23"/>
      <c r="HK662" s="23"/>
      <c r="HL662" s="23"/>
      <c r="HM662" s="23"/>
      <c r="HN662" s="23"/>
      <c r="HO662" s="23"/>
      <c r="HP662" s="23"/>
      <c r="HQ662" s="23"/>
      <c r="HR662" s="23"/>
      <c r="HS662" s="23"/>
      <c r="HT662" s="23"/>
      <c r="HU662" s="23"/>
      <c r="HV662" s="23"/>
      <c r="HW662" s="23"/>
      <c r="HX662" s="23"/>
      <c r="HY662" s="23"/>
      <c r="HZ662" s="23"/>
      <c r="IA662" s="23"/>
      <c r="IB662" s="23"/>
      <c r="IC662" s="23"/>
      <c r="ID662" s="23"/>
      <c r="IE662" s="23"/>
      <c r="IF662" s="23"/>
      <c r="IG662" s="23"/>
      <c r="IH662" s="23"/>
      <c r="II662" s="23"/>
      <c r="IJ662" s="23"/>
      <c r="IK662" s="23"/>
      <c r="IL662" s="23"/>
      <c r="IM662" s="23"/>
      <c r="IN662" s="23"/>
      <c r="IO662" s="23"/>
      <c r="IP662" s="23"/>
      <c r="IQ662" s="23"/>
    </row>
    <row r="663" spans="1:251" s="50" customFormat="1" ht="18.75" customHeight="1">
      <c r="A663" s="34"/>
      <c r="B663" s="48"/>
      <c r="C663" s="130"/>
      <c r="D663" s="130"/>
      <c r="E663" s="130"/>
      <c r="F663" s="130"/>
      <c r="G663" s="130"/>
      <c r="H663" s="130"/>
      <c r="I663" s="130"/>
      <c r="J663" s="130"/>
      <c r="K663" s="130"/>
      <c r="L663" s="130"/>
      <c r="M663" s="130"/>
      <c r="N663" s="130"/>
      <c r="O663" s="130"/>
      <c r="P663" s="130"/>
      <c r="Q663" s="130"/>
      <c r="R663" s="130"/>
      <c r="S663" s="130"/>
      <c r="T663" s="130"/>
      <c r="U663" s="130"/>
      <c r="V663" s="130"/>
      <c r="W663" s="130"/>
      <c r="X663" s="130"/>
      <c r="Y663" s="130"/>
      <c r="Z663" s="131"/>
      <c r="AA663" s="132"/>
      <c r="AB663" s="200"/>
      <c r="AC663" s="200"/>
      <c r="AD663" s="200"/>
      <c r="AE663" s="200"/>
      <c r="AF663" s="200"/>
      <c r="AG663" s="200"/>
      <c r="AH663" s="200"/>
      <c r="AI663" s="201"/>
      <c r="AJ663" s="132"/>
      <c r="AK663" s="133"/>
      <c r="AL663" s="133"/>
      <c r="AM663" s="133"/>
      <c r="AN663" s="133"/>
      <c r="AO663" s="133"/>
      <c r="AP663" s="133"/>
      <c r="AQ663" s="133"/>
      <c r="AR663" s="134"/>
      <c r="AS663" s="132"/>
      <c r="AT663" s="196"/>
      <c r="AU663" s="196"/>
      <c r="AV663" s="196"/>
      <c r="AW663" s="196"/>
      <c r="AX663" s="202"/>
      <c r="AY663" s="23"/>
      <c r="AZ663" s="23"/>
      <c r="BA663" s="23"/>
      <c r="BB663" s="23"/>
      <c r="BC663" s="23"/>
      <c r="BD663" s="23"/>
      <c r="BE663" s="23"/>
      <c r="BF663" s="23"/>
      <c r="BG663" s="23"/>
      <c r="BH663" s="23"/>
      <c r="BI663" s="23"/>
      <c r="BJ663" s="23"/>
      <c r="BK663" s="23"/>
      <c r="BL663" s="23"/>
      <c r="BM663" s="23"/>
      <c r="BN663" s="23"/>
      <c r="BO663" s="23"/>
      <c r="BP663" s="23"/>
      <c r="BQ663" s="23"/>
      <c r="BR663" s="23"/>
      <c r="BS663" s="23"/>
      <c r="BT663" s="23"/>
      <c r="BU663" s="23"/>
      <c r="BV663" s="23"/>
      <c r="BW663" s="23"/>
      <c r="BX663" s="23"/>
      <c r="BY663" s="23"/>
      <c r="BZ663" s="23"/>
      <c r="CA663" s="23"/>
      <c r="CB663" s="23"/>
      <c r="CC663" s="23"/>
      <c r="CD663" s="23"/>
      <c r="CE663" s="23"/>
      <c r="CF663" s="23"/>
      <c r="CG663" s="23"/>
      <c r="CH663" s="23"/>
      <c r="CI663" s="23"/>
      <c r="CJ663" s="23"/>
      <c r="CK663" s="23"/>
      <c r="CL663" s="23"/>
      <c r="CM663" s="23"/>
      <c r="CN663" s="23"/>
      <c r="CO663" s="23"/>
      <c r="CP663" s="23"/>
      <c r="CQ663" s="23"/>
      <c r="CR663" s="23"/>
      <c r="CS663" s="23"/>
      <c r="CT663" s="23"/>
      <c r="CU663" s="23"/>
      <c r="CV663" s="23"/>
      <c r="CW663" s="23"/>
      <c r="CX663" s="23"/>
      <c r="CY663" s="23"/>
      <c r="CZ663" s="23"/>
      <c r="DA663" s="23"/>
      <c r="DB663" s="23"/>
      <c r="DC663" s="23"/>
      <c r="DD663" s="23"/>
      <c r="DE663" s="23"/>
      <c r="DF663" s="23"/>
      <c r="DG663" s="23"/>
      <c r="DH663" s="23"/>
      <c r="DI663" s="23"/>
      <c r="DJ663" s="23"/>
      <c r="DK663" s="23"/>
      <c r="DL663" s="23"/>
      <c r="DM663" s="23"/>
      <c r="DN663" s="23"/>
      <c r="DO663" s="23"/>
      <c r="DP663" s="23"/>
      <c r="DQ663" s="23"/>
      <c r="DR663" s="23"/>
      <c r="DS663" s="23"/>
      <c r="DT663" s="23"/>
      <c r="DU663" s="23"/>
      <c r="DV663" s="23"/>
      <c r="DW663" s="23"/>
      <c r="DX663" s="23"/>
      <c r="DY663" s="23"/>
      <c r="DZ663" s="23"/>
      <c r="EA663" s="23"/>
      <c r="EB663" s="23"/>
      <c r="EC663" s="23"/>
      <c r="ED663" s="23"/>
      <c r="EE663" s="23"/>
      <c r="EF663" s="23"/>
      <c r="EG663" s="23"/>
      <c r="EH663" s="23"/>
      <c r="EI663" s="23"/>
      <c r="EJ663" s="23"/>
      <c r="EK663" s="23"/>
      <c r="EL663" s="23"/>
      <c r="EM663" s="23"/>
      <c r="EN663" s="23"/>
      <c r="EO663" s="23"/>
      <c r="EP663" s="23"/>
      <c r="EQ663" s="23"/>
      <c r="ER663" s="23"/>
      <c r="ES663" s="23"/>
      <c r="ET663" s="23"/>
      <c r="EU663" s="23"/>
      <c r="EV663" s="23"/>
      <c r="EW663" s="23"/>
      <c r="EX663" s="23"/>
      <c r="EY663" s="23"/>
      <c r="EZ663" s="23"/>
      <c r="FA663" s="23"/>
      <c r="FB663" s="23"/>
      <c r="FC663" s="23"/>
      <c r="FD663" s="23"/>
      <c r="FE663" s="23"/>
      <c r="FF663" s="23"/>
      <c r="FG663" s="23"/>
      <c r="FH663" s="23"/>
      <c r="FI663" s="23"/>
      <c r="FJ663" s="23"/>
      <c r="FK663" s="23"/>
      <c r="FL663" s="23"/>
      <c r="FM663" s="23"/>
      <c r="FN663" s="23"/>
      <c r="FO663" s="23"/>
      <c r="FP663" s="23"/>
      <c r="FQ663" s="23"/>
      <c r="FR663" s="23"/>
      <c r="FS663" s="23"/>
      <c r="FT663" s="23"/>
      <c r="FU663" s="23"/>
      <c r="FV663" s="23"/>
      <c r="FW663" s="23"/>
      <c r="FX663" s="23"/>
      <c r="FY663" s="23"/>
      <c r="FZ663" s="23"/>
      <c r="GA663" s="23"/>
      <c r="GB663" s="23"/>
      <c r="GC663" s="23"/>
      <c r="GD663" s="23"/>
      <c r="GE663" s="23"/>
      <c r="GF663" s="23"/>
      <c r="GG663" s="23"/>
      <c r="GH663" s="23"/>
      <c r="GI663" s="23"/>
      <c r="GJ663" s="23"/>
      <c r="GK663" s="23"/>
      <c r="GL663" s="23"/>
      <c r="GM663" s="23"/>
      <c r="GN663" s="23"/>
      <c r="GO663" s="23"/>
      <c r="GP663" s="23"/>
      <c r="GQ663" s="23"/>
      <c r="GR663" s="23"/>
      <c r="GS663" s="23"/>
      <c r="GT663" s="23"/>
      <c r="GU663" s="23"/>
      <c r="GV663" s="23"/>
      <c r="GW663" s="23"/>
      <c r="GX663" s="23"/>
      <c r="GY663" s="23"/>
      <c r="GZ663" s="23"/>
      <c r="HA663" s="23"/>
      <c r="HB663" s="23"/>
      <c r="HC663" s="23"/>
      <c r="HD663" s="23"/>
      <c r="HE663" s="23"/>
      <c r="HF663" s="23"/>
      <c r="HG663" s="23"/>
      <c r="HH663" s="23"/>
      <c r="HI663" s="23"/>
      <c r="HJ663" s="23"/>
      <c r="HK663" s="23"/>
      <c r="HL663" s="23"/>
      <c r="HM663" s="23"/>
      <c r="HN663" s="23"/>
      <c r="HO663" s="23"/>
      <c r="HP663" s="23"/>
      <c r="HQ663" s="23"/>
      <c r="HR663" s="23"/>
      <c r="HS663" s="23"/>
      <c r="HT663" s="23"/>
      <c r="HU663" s="23"/>
      <c r="HV663" s="23"/>
      <c r="HW663" s="23"/>
      <c r="HX663" s="23"/>
      <c r="HY663" s="23"/>
      <c r="HZ663" s="23"/>
      <c r="IA663" s="23"/>
      <c r="IB663" s="23"/>
      <c r="IC663" s="23"/>
      <c r="ID663" s="23"/>
      <c r="IE663" s="23"/>
      <c r="IF663" s="23"/>
      <c r="IG663" s="23"/>
      <c r="IH663" s="23"/>
      <c r="II663" s="23"/>
      <c r="IJ663" s="23"/>
      <c r="IK663" s="23"/>
      <c r="IL663" s="23"/>
      <c r="IM663" s="23"/>
      <c r="IN663" s="23"/>
      <c r="IO663" s="23"/>
      <c r="IP663" s="23"/>
      <c r="IQ663" s="23"/>
    </row>
    <row r="664" spans="1:251" s="50" customFormat="1" ht="18.75" customHeight="1" thickBot="1">
      <c r="A664" s="34"/>
      <c r="B664" s="49"/>
      <c r="C664" s="158"/>
      <c r="D664" s="158"/>
      <c r="E664" s="158"/>
      <c r="F664" s="158"/>
      <c r="G664" s="158"/>
      <c r="H664" s="158"/>
      <c r="I664" s="158"/>
      <c r="J664" s="158"/>
      <c r="K664" s="158"/>
      <c r="L664" s="158"/>
      <c r="M664" s="158"/>
      <c r="N664" s="158"/>
      <c r="O664" s="158"/>
      <c r="P664" s="158"/>
      <c r="Q664" s="158"/>
      <c r="R664" s="158"/>
      <c r="S664" s="158"/>
      <c r="T664" s="158"/>
      <c r="U664" s="158"/>
      <c r="V664" s="158"/>
      <c r="W664" s="158"/>
      <c r="X664" s="158"/>
      <c r="Y664" s="158"/>
      <c r="Z664" s="159"/>
      <c r="AA664" s="160"/>
      <c r="AB664" s="211"/>
      <c r="AC664" s="211"/>
      <c r="AD664" s="211"/>
      <c r="AE664" s="211"/>
      <c r="AF664" s="211"/>
      <c r="AG664" s="211"/>
      <c r="AH664" s="211"/>
      <c r="AI664" s="212"/>
      <c r="AJ664" s="160"/>
      <c r="AK664" s="161"/>
      <c r="AL664" s="161"/>
      <c r="AM664" s="161"/>
      <c r="AN664" s="161"/>
      <c r="AO664" s="161"/>
      <c r="AP664" s="161"/>
      <c r="AQ664" s="161"/>
      <c r="AR664" s="162"/>
      <c r="AS664" s="188"/>
      <c r="AT664" s="213"/>
      <c r="AU664" s="213"/>
      <c r="AV664" s="213"/>
      <c r="AW664" s="213"/>
      <c r="AX664" s="214"/>
      <c r="AY664" s="23"/>
      <c r="AZ664" s="23"/>
      <c r="BA664" s="23"/>
      <c r="BB664" s="23"/>
      <c r="BC664" s="23"/>
      <c r="BD664" s="23"/>
      <c r="BE664" s="23"/>
      <c r="BF664" s="23"/>
      <c r="BG664" s="23"/>
      <c r="BH664" s="23"/>
      <c r="BI664" s="23"/>
      <c r="BJ664" s="23"/>
      <c r="BK664" s="23"/>
      <c r="BL664" s="23"/>
      <c r="BM664" s="23"/>
      <c r="BN664" s="23"/>
      <c r="BO664" s="23"/>
      <c r="BP664" s="23"/>
      <c r="BQ664" s="23"/>
      <c r="BR664" s="23"/>
      <c r="BS664" s="23"/>
      <c r="BT664" s="23"/>
      <c r="BU664" s="23"/>
      <c r="BV664" s="23"/>
      <c r="BW664" s="23"/>
      <c r="BX664" s="23"/>
      <c r="BY664" s="23"/>
      <c r="BZ664" s="23"/>
      <c r="CA664" s="23"/>
      <c r="CB664" s="23"/>
      <c r="CC664" s="23"/>
      <c r="CD664" s="23"/>
      <c r="CE664" s="23"/>
      <c r="CF664" s="23"/>
      <c r="CG664" s="23"/>
      <c r="CH664" s="23"/>
      <c r="CI664" s="23"/>
      <c r="CJ664" s="23"/>
      <c r="CK664" s="23"/>
      <c r="CL664" s="23"/>
      <c r="CM664" s="23"/>
      <c r="CN664" s="23"/>
      <c r="CO664" s="23"/>
      <c r="CP664" s="23"/>
      <c r="CQ664" s="23"/>
      <c r="CR664" s="23"/>
      <c r="CS664" s="23"/>
      <c r="CT664" s="23"/>
      <c r="CU664" s="23"/>
      <c r="CV664" s="23"/>
      <c r="CW664" s="23"/>
      <c r="CX664" s="23"/>
      <c r="CY664" s="23"/>
      <c r="CZ664" s="23"/>
      <c r="DA664" s="23"/>
      <c r="DB664" s="23"/>
      <c r="DC664" s="23"/>
      <c r="DD664" s="23"/>
      <c r="DE664" s="23"/>
      <c r="DF664" s="23"/>
      <c r="DG664" s="23"/>
      <c r="DH664" s="23"/>
      <c r="DI664" s="23"/>
      <c r="DJ664" s="23"/>
      <c r="DK664" s="23"/>
      <c r="DL664" s="23"/>
      <c r="DM664" s="23"/>
      <c r="DN664" s="23"/>
      <c r="DO664" s="23"/>
      <c r="DP664" s="23"/>
      <c r="DQ664" s="23"/>
      <c r="DR664" s="23"/>
      <c r="DS664" s="23"/>
      <c r="DT664" s="23"/>
      <c r="DU664" s="23"/>
      <c r="DV664" s="23"/>
      <c r="DW664" s="23"/>
      <c r="DX664" s="23"/>
      <c r="DY664" s="23"/>
      <c r="DZ664" s="23"/>
      <c r="EA664" s="23"/>
      <c r="EB664" s="23"/>
      <c r="EC664" s="23"/>
      <c r="ED664" s="23"/>
      <c r="EE664" s="23"/>
      <c r="EF664" s="23"/>
      <c r="EG664" s="23"/>
      <c r="EH664" s="23"/>
      <c r="EI664" s="23"/>
      <c r="EJ664" s="23"/>
      <c r="EK664" s="23"/>
      <c r="EL664" s="23"/>
      <c r="EM664" s="23"/>
      <c r="EN664" s="23"/>
      <c r="EO664" s="23"/>
      <c r="EP664" s="23"/>
      <c r="EQ664" s="23"/>
      <c r="ER664" s="23"/>
      <c r="ES664" s="23"/>
      <c r="ET664" s="23"/>
      <c r="EU664" s="23"/>
      <c r="EV664" s="23"/>
      <c r="EW664" s="23"/>
      <c r="EX664" s="23"/>
      <c r="EY664" s="23"/>
      <c r="EZ664" s="23"/>
      <c r="FA664" s="23"/>
      <c r="FB664" s="23"/>
      <c r="FC664" s="23"/>
      <c r="FD664" s="23"/>
      <c r="FE664" s="23"/>
      <c r="FF664" s="23"/>
      <c r="FG664" s="23"/>
      <c r="FH664" s="23"/>
      <c r="FI664" s="23"/>
      <c r="FJ664" s="23"/>
      <c r="FK664" s="23"/>
      <c r="FL664" s="23"/>
      <c r="FM664" s="23"/>
      <c r="FN664" s="23"/>
      <c r="FO664" s="23"/>
      <c r="FP664" s="23"/>
      <c r="FQ664" s="23"/>
      <c r="FR664" s="23"/>
      <c r="FS664" s="23"/>
      <c r="FT664" s="23"/>
      <c r="FU664" s="23"/>
      <c r="FV664" s="23"/>
      <c r="FW664" s="23"/>
      <c r="FX664" s="23"/>
      <c r="FY664" s="23"/>
      <c r="FZ664" s="23"/>
      <c r="GA664" s="23"/>
      <c r="GB664" s="23"/>
      <c r="GC664" s="23"/>
      <c r="GD664" s="23"/>
      <c r="GE664" s="23"/>
      <c r="GF664" s="23"/>
      <c r="GG664" s="23"/>
      <c r="GH664" s="23"/>
      <c r="GI664" s="23"/>
      <c r="GJ664" s="23"/>
      <c r="GK664" s="23"/>
      <c r="GL664" s="23"/>
      <c r="GM664" s="23"/>
      <c r="GN664" s="23"/>
      <c r="GO664" s="23"/>
      <c r="GP664" s="23"/>
      <c r="GQ664" s="23"/>
      <c r="GR664" s="23"/>
      <c r="GS664" s="23"/>
      <c r="GT664" s="23"/>
      <c r="GU664" s="23"/>
      <c r="GV664" s="23"/>
      <c r="GW664" s="23"/>
      <c r="GX664" s="23"/>
      <c r="GY664" s="23"/>
      <c r="GZ664" s="23"/>
      <c r="HA664" s="23"/>
      <c r="HB664" s="23"/>
      <c r="HC664" s="23"/>
      <c r="HD664" s="23"/>
      <c r="HE664" s="23"/>
      <c r="HF664" s="23"/>
      <c r="HG664" s="23"/>
      <c r="HH664" s="23"/>
      <c r="HI664" s="23"/>
      <c r="HJ664" s="23"/>
      <c r="HK664" s="23"/>
      <c r="HL664" s="23"/>
      <c r="HM664" s="23"/>
      <c r="HN664" s="23"/>
      <c r="HO664" s="23"/>
      <c r="HP664" s="23"/>
      <c r="HQ664" s="23"/>
      <c r="HR664" s="23"/>
      <c r="HS664" s="23"/>
      <c r="HT664" s="23"/>
      <c r="HU664" s="23"/>
      <c r="HV664" s="23"/>
      <c r="HW664" s="23"/>
      <c r="HX664" s="23"/>
      <c r="HY664" s="23"/>
      <c r="HZ664" s="23"/>
      <c r="IA664" s="23"/>
      <c r="IB664" s="23"/>
      <c r="IC664" s="23"/>
      <c r="ID664" s="23"/>
      <c r="IE664" s="23"/>
      <c r="IF664" s="23"/>
      <c r="IG664" s="23"/>
      <c r="IH664" s="23"/>
      <c r="II664" s="23"/>
      <c r="IJ664" s="23"/>
      <c r="IK664" s="23"/>
      <c r="IL664" s="23"/>
      <c r="IM664" s="23"/>
      <c r="IN664" s="23"/>
      <c r="IO664" s="23"/>
      <c r="IP664" s="23"/>
      <c r="IQ664" s="23"/>
    </row>
    <row r="665" spans="1:251" s="50" customFormat="1" ht="18.75" customHeight="1" thickTop="1" thickBot="1">
      <c r="A665" s="38"/>
      <c r="B665" s="164" t="s">
        <v>105</v>
      </c>
      <c r="C665" s="191"/>
      <c r="D665" s="191"/>
      <c r="E665" s="191"/>
      <c r="F665" s="191"/>
      <c r="G665" s="191"/>
      <c r="H665" s="191"/>
      <c r="I665" s="191"/>
      <c r="J665" s="191"/>
      <c r="K665" s="191"/>
      <c r="L665" s="191"/>
      <c r="M665" s="191"/>
      <c r="N665" s="191"/>
      <c r="O665" s="191"/>
      <c r="P665" s="191"/>
      <c r="Q665" s="191"/>
      <c r="R665" s="191"/>
      <c r="S665" s="191"/>
      <c r="T665" s="191"/>
      <c r="U665" s="191"/>
      <c r="V665" s="191"/>
      <c r="W665" s="191"/>
      <c r="X665" s="191"/>
      <c r="Y665" s="191"/>
      <c r="Z665" s="192"/>
      <c r="AA665" s="167">
        <f>SUM(AA657:AA664)</f>
        <v>102163</v>
      </c>
      <c r="AB665" s="215"/>
      <c r="AC665" s="215"/>
      <c r="AD665" s="215"/>
      <c r="AE665" s="215"/>
      <c r="AF665" s="215"/>
      <c r="AG665" s="215"/>
      <c r="AH665" s="215"/>
      <c r="AI665" s="216"/>
      <c r="AJ665" s="167">
        <f>SUM(AJ657:AJ664)</f>
        <v>98649</v>
      </c>
      <c r="AK665" s="215"/>
      <c r="AL665" s="215"/>
      <c r="AM665" s="215"/>
      <c r="AN665" s="215"/>
      <c r="AO665" s="215"/>
      <c r="AP665" s="215"/>
      <c r="AQ665" s="215"/>
      <c r="AR665" s="216"/>
      <c r="AS665" s="167"/>
      <c r="AT665" s="215"/>
      <c r="AU665" s="215"/>
      <c r="AV665" s="215"/>
      <c r="AW665" s="215"/>
      <c r="AX665" s="217"/>
      <c r="AY665" s="23"/>
      <c r="AZ665" s="23"/>
      <c r="BA665" s="23"/>
      <c r="BB665" s="23"/>
      <c r="BC665" s="23"/>
      <c r="BD665" s="23"/>
      <c r="BE665" s="23"/>
      <c r="BF665" s="23"/>
      <c r="BG665" s="23"/>
      <c r="BH665" s="23"/>
      <c r="BI665" s="23"/>
      <c r="BJ665" s="23"/>
      <c r="BK665" s="23"/>
      <c r="BL665" s="23"/>
      <c r="BM665" s="23"/>
      <c r="BN665" s="23"/>
      <c r="BO665" s="23"/>
      <c r="BP665" s="23"/>
      <c r="BQ665" s="23"/>
      <c r="BR665" s="23"/>
      <c r="BS665" s="23"/>
      <c r="BT665" s="23"/>
      <c r="BU665" s="23"/>
      <c r="BV665" s="23"/>
      <c r="BW665" s="23"/>
      <c r="BX665" s="23"/>
      <c r="BY665" s="23"/>
      <c r="BZ665" s="23"/>
      <c r="CA665" s="23"/>
      <c r="CB665" s="23"/>
      <c r="CC665" s="23"/>
      <c r="CD665" s="23"/>
      <c r="CE665" s="23"/>
      <c r="CF665" s="23"/>
      <c r="CG665" s="23"/>
      <c r="CH665" s="23"/>
      <c r="CI665" s="23"/>
      <c r="CJ665" s="23"/>
      <c r="CK665" s="23"/>
      <c r="CL665" s="23"/>
      <c r="CM665" s="23"/>
      <c r="CN665" s="23"/>
      <c r="CO665" s="23"/>
      <c r="CP665" s="23"/>
      <c r="CQ665" s="23"/>
      <c r="CR665" s="23"/>
      <c r="CS665" s="23"/>
      <c r="CT665" s="23"/>
      <c r="CU665" s="23"/>
      <c r="CV665" s="23"/>
      <c r="CW665" s="23"/>
      <c r="CX665" s="23"/>
      <c r="CY665" s="23"/>
      <c r="CZ665" s="23"/>
      <c r="DA665" s="23"/>
      <c r="DB665" s="23"/>
      <c r="DC665" s="23"/>
      <c r="DD665" s="23"/>
      <c r="DE665" s="23"/>
      <c r="DF665" s="23"/>
      <c r="DG665" s="23"/>
      <c r="DH665" s="23"/>
      <c r="DI665" s="23"/>
      <c r="DJ665" s="23"/>
      <c r="DK665" s="23"/>
      <c r="DL665" s="23"/>
      <c r="DM665" s="23"/>
      <c r="DN665" s="23"/>
      <c r="DO665" s="23"/>
      <c r="DP665" s="23"/>
      <c r="DQ665" s="23"/>
      <c r="DR665" s="23"/>
      <c r="DS665" s="23"/>
      <c r="DT665" s="23"/>
      <c r="DU665" s="23"/>
      <c r="DV665" s="23"/>
      <c r="DW665" s="23"/>
      <c r="DX665" s="23"/>
      <c r="DY665" s="23"/>
      <c r="DZ665" s="23"/>
      <c r="EA665" s="23"/>
      <c r="EB665" s="23"/>
      <c r="EC665" s="23"/>
      <c r="ED665" s="23"/>
      <c r="EE665" s="23"/>
      <c r="EF665" s="23"/>
      <c r="EG665" s="23"/>
      <c r="EH665" s="23"/>
      <c r="EI665" s="23"/>
      <c r="EJ665" s="23"/>
      <c r="EK665" s="23"/>
      <c r="EL665" s="23"/>
      <c r="EM665" s="23"/>
      <c r="EN665" s="23"/>
      <c r="EO665" s="23"/>
      <c r="EP665" s="23"/>
      <c r="EQ665" s="23"/>
      <c r="ER665" s="23"/>
      <c r="ES665" s="23"/>
      <c r="ET665" s="23"/>
      <c r="EU665" s="23"/>
      <c r="EV665" s="23"/>
      <c r="EW665" s="23"/>
      <c r="EX665" s="23"/>
      <c r="EY665" s="23"/>
      <c r="EZ665" s="23"/>
      <c r="FA665" s="23"/>
      <c r="FB665" s="23"/>
      <c r="FC665" s="23"/>
      <c r="FD665" s="23"/>
      <c r="FE665" s="23"/>
      <c r="FF665" s="23"/>
      <c r="FG665" s="23"/>
      <c r="FH665" s="23"/>
      <c r="FI665" s="23"/>
      <c r="FJ665" s="23"/>
      <c r="FK665" s="23"/>
      <c r="FL665" s="23"/>
      <c r="FM665" s="23"/>
      <c r="FN665" s="23"/>
      <c r="FO665" s="23"/>
      <c r="FP665" s="23"/>
      <c r="FQ665" s="23"/>
      <c r="FR665" s="23"/>
      <c r="FS665" s="23"/>
      <c r="FT665" s="23"/>
      <c r="FU665" s="23"/>
      <c r="FV665" s="23"/>
      <c r="FW665" s="23"/>
      <c r="FX665" s="23"/>
      <c r="FY665" s="23"/>
      <c r="FZ665" s="23"/>
      <c r="GA665" s="23"/>
      <c r="GB665" s="23"/>
      <c r="GC665" s="23"/>
      <c r="GD665" s="23"/>
      <c r="GE665" s="23"/>
      <c r="GF665" s="23"/>
      <c r="GG665" s="23"/>
      <c r="GH665" s="23"/>
      <c r="GI665" s="23"/>
      <c r="GJ665" s="23"/>
      <c r="GK665" s="23"/>
      <c r="GL665" s="23"/>
      <c r="GM665" s="23"/>
      <c r="GN665" s="23"/>
      <c r="GO665" s="23"/>
      <c r="GP665" s="23"/>
      <c r="GQ665" s="23"/>
      <c r="GR665" s="23"/>
      <c r="GS665" s="23"/>
      <c r="GT665" s="23"/>
      <c r="GU665" s="23"/>
      <c r="GV665" s="23"/>
      <c r="GW665" s="23"/>
      <c r="GX665" s="23"/>
      <c r="GY665" s="23"/>
      <c r="GZ665" s="23"/>
      <c r="HA665" s="23"/>
      <c r="HB665" s="23"/>
      <c r="HC665" s="23"/>
      <c r="HD665" s="23"/>
      <c r="HE665" s="23"/>
      <c r="HF665" s="23"/>
      <c r="HG665" s="23"/>
      <c r="HH665" s="23"/>
      <c r="HI665" s="23"/>
      <c r="HJ665" s="23"/>
      <c r="HK665" s="23"/>
      <c r="HL665" s="23"/>
      <c r="HM665" s="23"/>
      <c r="HN665" s="23"/>
      <c r="HO665" s="23"/>
      <c r="HP665" s="23"/>
      <c r="HQ665" s="23"/>
      <c r="HR665" s="23"/>
      <c r="HS665" s="23"/>
      <c r="HT665" s="23"/>
      <c r="HU665" s="23"/>
      <c r="HV665" s="23"/>
      <c r="HW665" s="23"/>
      <c r="HX665" s="23"/>
      <c r="HY665" s="23"/>
      <c r="HZ665" s="23"/>
      <c r="IA665" s="23"/>
      <c r="IB665" s="23"/>
      <c r="IC665" s="23"/>
      <c r="ID665" s="23"/>
      <c r="IE665" s="23"/>
      <c r="IF665" s="23"/>
      <c r="IG665" s="23"/>
      <c r="IH665" s="23"/>
      <c r="II665" s="23"/>
      <c r="IJ665" s="23"/>
      <c r="IK665" s="23"/>
      <c r="IL665" s="23"/>
      <c r="IM665" s="23"/>
      <c r="IN665" s="23"/>
      <c r="IO665" s="23"/>
      <c r="IP665" s="23"/>
      <c r="IQ665" s="23"/>
    </row>
    <row r="667" spans="1:251" s="23" customFormat="1" ht="19.2">
      <c r="A667" s="22" t="s">
        <v>86</v>
      </c>
      <c r="AW667" s="24"/>
      <c r="AX667" s="25"/>
      <c r="AY667" s="24"/>
    </row>
    <row r="668" spans="1:251" s="23" customFormat="1" ht="13.2"/>
    <row r="669" spans="1:251" s="23" customFormat="1">
      <c r="A669" s="26"/>
      <c r="B669" s="115" t="s">
        <v>87</v>
      </c>
      <c r="C669" s="153"/>
      <c r="D669" s="153"/>
      <c r="E669" s="153"/>
      <c r="F669" s="153"/>
      <c r="G669" s="153"/>
      <c r="H669" s="153"/>
      <c r="I669" s="153"/>
      <c r="J669" s="153"/>
      <c r="K669" s="153"/>
      <c r="L669" s="153"/>
      <c r="M669" s="153"/>
      <c r="N669" s="153"/>
      <c r="O669" s="153"/>
      <c r="P669" s="153"/>
      <c r="Q669" s="153"/>
      <c r="R669" s="153"/>
      <c r="S669" s="153"/>
      <c r="T669" s="153"/>
      <c r="U669" s="153"/>
      <c r="V669" s="153"/>
      <c r="W669" s="153"/>
      <c r="X669" s="153"/>
      <c r="Y669" s="153"/>
      <c r="Z669" s="153"/>
      <c r="AA669" s="153"/>
      <c r="AB669" s="153"/>
      <c r="AC669" s="153"/>
      <c r="AD669" s="153"/>
      <c r="AE669" s="153"/>
      <c r="AF669" s="153"/>
      <c r="AG669" s="153"/>
      <c r="AH669" s="153"/>
      <c r="AI669" s="153"/>
      <c r="AJ669" s="153"/>
      <c r="AK669" s="153"/>
      <c r="AL669" s="153"/>
      <c r="AM669" s="153"/>
      <c r="AN669" s="153"/>
      <c r="AO669" s="153"/>
      <c r="AP669" s="153"/>
      <c r="AQ669" s="153"/>
      <c r="AR669" s="153"/>
      <c r="AS669" s="153"/>
      <c r="AT669" s="153"/>
      <c r="AU669" s="153"/>
      <c r="AV669" s="153"/>
      <c r="AW669" s="153"/>
      <c r="AX669" s="153"/>
      <c r="AY669" s="26"/>
    </row>
    <row r="670" spans="1:251" s="23" customFormat="1" ht="13.2">
      <c r="Z670" s="27"/>
      <c r="AD670" s="27"/>
      <c r="AE670" s="27"/>
      <c r="AF670" s="27"/>
      <c r="AG670" s="27"/>
      <c r="AH670" s="27"/>
      <c r="AI670" s="27"/>
      <c r="AO670" s="27"/>
    </row>
    <row r="671" spans="1:251" s="23" customFormat="1" ht="13.8" thickBot="1">
      <c r="Z671" s="27"/>
      <c r="AD671" s="27"/>
      <c r="AE671" s="27"/>
      <c r="AF671" s="27"/>
      <c r="AG671" s="27"/>
      <c r="AH671" s="27"/>
      <c r="AI671" s="27"/>
      <c r="AO671" s="27"/>
      <c r="DI671" s="28"/>
    </row>
    <row r="672" spans="1:251" s="23" customFormat="1" ht="24.6" customHeight="1" thickBot="1">
      <c r="A672" s="116" t="s">
        <v>88</v>
      </c>
      <c r="B672" s="117"/>
      <c r="C672" s="117"/>
      <c r="D672" s="117"/>
      <c r="E672" s="117"/>
      <c r="F672" s="117"/>
      <c r="G672" s="117"/>
      <c r="H672" s="117"/>
      <c r="I672" s="117"/>
      <c r="J672" s="117"/>
      <c r="K672" s="118"/>
      <c r="L672" s="154">
        <v>20</v>
      </c>
      <c r="M672" s="154"/>
      <c r="N672" s="154"/>
      <c r="O672" s="155"/>
      <c r="P672" s="122" t="s">
        <v>89</v>
      </c>
      <c r="Q672" s="120"/>
      <c r="R672" s="120"/>
      <c r="S672" s="120"/>
      <c r="T672" s="120"/>
      <c r="U672" s="123"/>
      <c r="V672" s="156" t="s">
        <v>129</v>
      </c>
      <c r="W672" s="156"/>
      <c r="X672" s="156"/>
      <c r="Y672" s="156"/>
      <c r="Z672" s="156"/>
      <c r="AA672" s="156"/>
      <c r="AB672" s="156"/>
      <c r="AC672" s="156"/>
      <c r="AD672" s="156"/>
      <c r="AE672" s="156"/>
      <c r="AF672" s="156"/>
      <c r="AG672" s="156"/>
      <c r="AH672" s="156"/>
      <c r="AI672" s="156"/>
      <c r="AJ672" s="156"/>
      <c r="AK672" s="156"/>
      <c r="AL672" s="156"/>
      <c r="AM672" s="156"/>
      <c r="AN672" s="156"/>
      <c r="AO672" s="156"/>
      <c r="AP672" s="156"/>
      <c r="AQ672" s="156"/>
      <c r="AR672" s="156"/>
      <c r="AS672" s="156"/>
      <c r="AT672" s="156"/>
      <c r="AU672" s="156"/>
      <c r="AV672" s="156"/>
      <c r="AW672" s="156"/>
      <c r="AX672" s="157"/>
      <c r="DI672" s="28"/>
    </row>
    <row r="673" spans="1:113" s="23" customFormat="1" ht="14.4">
      <c r="A673" s="29"/>
      <c r="B673" s="29"/>
      <c r="C673" s="29"/>
      <c r="D673" s="29"/>
      <c r="E673" s="29"/>
      <c r="F673" s="29"/>
      <c r="G673" s="29"/>
      <c r="H673" s="29"/>
      <c r="I673" s="29"/>
      <c r="J673" s="29"/>
      <c r="K673" s="29"/>
      <c r="L673" s="30"/>
      <c r="M673" s="30"/>
      <c r="N673" s="30"/>
      <c r="O673" s="30"/>
      <c r="P673" s="29"/>
      <c r="Q673" s="29"/>
      <c r="R673" s="29"/>
      <c r="S673" s="29"/>
      <c r="T673" s="29"/>
      <c r="U673" s="29"/>
      <c r="V673" s="31"/>
      <c r="W673" s="31"/>
      <c r="X673" s="31"/>
      <c r="Y673" s="31"/>
      <c r="Z673" s="31"/>
      <c r="AA673" s="31"/>
      <c r="AB673" s="31"/>
      <c r="AC673" s="31"/>
      <c r="AD673" s="31"/>
      <c r="AE673" s="31"/>
      <c r="AF673" s="31"/>
      <c r="AG673" s="31"/>
      <c r="AH673" s="31"/>
      <c r="AI673" s="31"/>
      <c r="AJ673" s="31"/>
      <c r="AK673" s="31"/>
      <c r="AL673" s="31"/>
      <c r="AM673" s="31"/>
      <c r="AN673" s="31"/>
      <c r="AO673" s="31"/>
      <c r="AP673" s="31"/>
      <c r="AQ673" s="31"/>
      <c r="AR673" s="31"/>
      <c r="AS673" s="31"/>
      <c r="AT673" s="31"/>
      <c r="AU673" s="31"/>
      <c r="AV673" s="31"/>
      <c r="AW673" s="31"/>
      <c r="AX673" s="31"/>
      <c r="DI673" s="28"/>
    </row>
    <row r="674" spans="1:113" s="23" customFormat="1" ht="15" thickBot="1">
      <c r="A674" s="32"/>
      <c r="B674" s="33" t="s">
        <v>91</v>
      </c>
      <c r="C674" s="34"/>
      <c r="D674" s="34"/>
      <c r="E674" s="34"/>
      <c r="F674" s="34"/>
      <c r="G674" s="34"/>
      <c r="H674" s="34"/>
      <c r="I674" s="34"/>
      <c r="J674" s="34"/>
      <c r="K674" s="34"/>
      <c r="L674" s="35"/>
      <c r="M674" s="35"/>
      <c r="N674" s="35"/>
      <c r="O674" s="35"/>
      <c r="P674" s="34"/>
      <c r="Q674" s="34"/>
      <c r="R674" s="34"/>
      <c r="S674" s="34"/>
      <c r="T674" s="34"/>
      <c r="U674" s="34"/>
      <c r="V674" s="33"/>
      <c r="W674" s="33"/>
      <c r="X674" s="33"/>
      <c r="Y674" s="33"/>
      <c r="Z674" s="33"/>
      <c r="AA674" s="33"/>
      <c r="AB674" s="33"/>
      <c r="AC674" s="33"/>
      <c r="AD674" s="33"/>
      <c r="AE674" s="33"/>
      <c r="AF674" s="33"/>
      <c r="AG674" s="33"/>
      <c r="AH674" s="33"/>
      <c r="AI674" s="33"/>
      <c r="AJ674" s="33"/>
      <c r="AK674" s="33"/>
      <c r="AL674" s="33"/>
      <c r="AM674" s="33"/>
      <c r="AN674" s="33"/>
      <c r="AO674" s="33"/>
      <c r="AP674" s="33"/>
      <c r="AQ674" s="33"/>
      <c r="AR674" s="33"/>
      <c r="AS674" s="33"/>
      <c r="AT674" s="33"/>
      <c r="AU674" s="33"/>
      <c r="AV674" s="33"/>
      <c r="AW674" s="33"/>
      <c r="AX674" s="33"/>
      <c r="DI674" s="28"/>
    </row>
    <row r="675" spans="1:113" s="23" customFormat="1" ht="14.4">
      <c r="A675" s="34"/>
      <c r="B675" s="36"/>
      <c r="C675" s="29"/>
      <c r="D675" s="29"/>
      <c r="E675" s="29"/>
      <c r="F675" s="29"/>
      <c r="G675" s="29"/>
      <c r="H675" s="29"/>
      <c r="I675" s="29"/>
      <c r="J675" s="29"/>
      <c r="K675" s="29"/>
      <c r="L675" s="30"/>
      <c r="M675" s="30"/>
      <c r="N675" s="30"/>
      <c r="O675" s="30"/>
      <c r="P675" s="29"/>
      <c r="Q675" s="29"/>
      <c r="R675" s="29"/>
      <c r="S675" s="29"/>
      <c r="T675" s="29"/>
      <c r="U675" s="29"/>
      <c r="V675" s="31"/>
      <c r="W675" s="31"/>
      <c r="X675" s="31"/>
      <c r="Y675" s="31"/>
      <c r="Z675" s="31"/>
      <c r="AA675" s="31"/>
      <c r="AB675" s="31"/>
      <c r="AC675" s="31"/>
      <c r="AD675" s="31"/>
      <c r="AE675" s="31"/>
      <c r="AF675" s="31"/>
      <c r="AG675" s="31"/>
      <c r="AH675" s="31"/>
      <c r="AI675" s="31"/>
      <c r="AJ675" s="31"/>
      <c r="AK675" s="31"/>
      <c r="AL675" s="31"/>
      <c r="AM675" s="31"/>
      <c r="AN675" s="31"/>
      <c r="AO675" s="31"/>
      <c r="AP675" s="31"/>
      <c r="AQ675" s="31"/>
      <c r="AR675" s="31"/>
      <c r="AS675" s="31"/>
      <c r="AT675" s="31"/>
      <c r="AU675" s="31"/>
      <c r="AV675" s="31"/>
      <c r="AW675" s="31"/>
      <c r="AX675" s="37"/>
    </row>
    <row r="676" spans="1:113" s="23" customFormat="1" ht="10.8" customHeight="1">
      <c r="A676" s="34"/>
      <c r="B676" s="127" t="s">
        <v>130</v>
      </c>
      <c r="C676" s="128"/>
      <c r="D676" s="128"/>
      <c r="E676" s="128"/>
      <c r="F676" s="128"/>
      <c r="G676" s="128"/>
      <c r="H676" s="128"/>
      <c r="I676" s="128"/>
      <c r="J676" s="128"/>
      <c r="K676" s="128"/>
      <c r="L676" s="128"/>
      <c r="M676" s="128"/>
      <c r="N676" s="128"/>
      <c r="O676" s="128"/>
      <c r="P676" s="128"/>
      <c r="Q676" s="128"/>
      <c r="R676" s="128"/>
      <c r="S676" s="128"/>
      <c r="T676" s="128"/>
      <c r="U676" s="128"/>
      <c r="V676" s="128"/>
      <c r="W676" s="128"/>
      <c r="X676" s="128"/>
      <c r="Y676" s="128"/>
      <c r="Z676" s="128"/>
      <c r="AA676" s="128"/>
      <c r="AB676" s="128"/>
      <c r="AC676" s="128"/>
      <c r="AD676" s="128"/>
      <c r="AE676" s="128"/>
      <c r="AF676" s="128"/>
      <c r="AG676" s="128"/>
      <c r="AH676" s="128"/>
      <c r="AI676" s="128"/>
      <c r="AJ676" s="128"/>
      <c r="AK676" s="128"/>
      <c r="AL676" s="128"/>
      <c r="AM676" s="128"/>
      <c r="AN676" s="128"/>
      <c r="AO676" s="128"/>
      <c r="AP676" s="128"/>
      <c r="AQ676" s="128"/>
      <c r="AR676" s="128"/>
      <c r="AS676" s="128"/>
      <c r="AT676" s="128"/>
      <c r="AU676" s="128"/>
      <c r="AV676" s="128"/>
      <c r="AW676" s="128"/>
      <c r="AX676" s="129"/>
    </row>
    <row r="677" spans="1:113" s="23" customFormat="1" ht="10.8" customHeight="1">
      <c r="A677" s="34"/>
      <c r="B677" s="127"/>
      <c r="C677" s="128"/>
      <c r="D677" s="128"/>
      <c r="E677" s="128"/>
      <c r="F677" s="128"/>
      <c r="G677" s="128"/>
      <c r="H677" s="128"/>
      <c r="I677" s="128"/>
      <c r="J677" s="128"/>
      <c r="K677" s="128"/>
      <c r="L677" s="128"/>
      <c r="M677" s="128"/>
      <c r="N677" s="128"/>
      <c r="O677" s="128"/>
      <c r="P677" s="128"/>
      <c r="Q677" s="128"/>
      <c r="R677" s="128"/>
      <c r="S677" s="128"/>
      <c r="T677" s="128"/>
      <c r="U677" s="128"/>
      <c r="V677" s="128"/>
      <c r="W677" s="128"/>
      <c r="X677" s="128"/>
      <c r="Y677" s="128"/>
      <c r="Z677" s="128"/>
      <c r="AA677" s="128"/>
      <c r="AB677" s="128"/>
      <c r="AC677" s="128"/>
      <c r="AD677" s="128"/>
      <c r="AE677" s="128"/>
      <c r="AF677" s="128"/>
      <c r="AG677" s="128"/>
      <c r="AH677" s="128"/>
      <c r="AI677" s="128"/>
      <c r="AJ677" s="128"/>
      <c r="AK677" s="128"/>
      <c r="AL677" s="128"/>
      <c r="AM677" s="128"/>
      <c r="AN677" s="128"/>
      <c r="AO677" s="128"/>
      <c r="AP677" s="128"/>
      <c r="AQ677" s="128"/>
      <c r="AR677" s="128"/>
      <c r="AS677" s="128"/>
      <c r="AT677" s="128"/>
      <c r="AU677" s="128"/>
      <c r="AV677" s="128"/>
      <c r="AW677" s="128"/>
      <c r="AX677" s="129"/>
      <c r="BC677" s="17"/>
    </row>
    <row r="678" spans="1:113" s="23" customFormat="1" ht="10.8" customHeight="1">
      <c r="A678" s="34"/>
      <c r="B678" s="127"/>
      <c r="C678" s="128"/>
      <c r="D678" s="128"/>
      <c r="E678" s="128"/>
      <c r="F678" s="128"/>
      <c r="G678" s="128"/>
      <c r="H678" s="128"/>
      <c r="I678" s="128"/>
      <c r="J678" s="128"/>
      <c r="K678" s="128"/>
      <c r="L678" s="128"/>
      <c r="M678" s="128"/>
      <c r="N678" s="128"/>
      <c r="O678" s="128"/>
      <c r="P678" s="128"/>
      <c r="Q678" s="128"/>
      <c r="R678" s="128"/>
      <c r="S678" s="128"/>
      <c r="T678" s="128"/>
      <c r="U678" s="128"/>
      <c r="V678" s="128"/>
      <c r="W678" s="128"/>
      <c r="X678" s="128"/>
      <c r="Y678" s="128"/>
      <c r="Z678" s="128"/>
      <c r="AA678" s="128"/>
      <c r="AB678" s="128"/>
      <c r="AC678" s="128"/>
      <c r="AD678" s="128"/>
      <c r="AE678" s="128"/>
      <c r="AF678" s="128"/>
      <c r="AG678" s="128"/>
      <c r="AH678" s="128"/>
      <c r="AI678" s="128"/>
      <c r="AJ678" s="128"/>
      <c r="AK678" s="128"/>
      <c r="AL678" s="128"/>
      <c r="AM678" s="128"/>
      <c r="AN678" s="128"/>
      <c r="AO678" s="128"/>
      <c r="AP678" s="128"/>
      <c r="AQ678" s="128"/>
      <c r="AR678" s="128"/>
      <c r="AS678" s="128"/>
      <c r="AT678" s="128"/>
      <c r="AU678" s="128"/>
      <c r="AV678" s="128"/>
      <c r="AW678" s="128"/>
      <c r="AX678" s="129"/>
    </row>
    <row r="679" spans="1:113" s="23" customFormat="1" ht="10.8" customHeight="1">
      <c r="A679" s="34"/>
      <c r="B679" s="127"/>
      <c r="C679" s="128"/>
      <c r="D679" s="128"/>
      <c r="E679" s="128"/>
      <c r="F679" s="128"/>
      <c r="G679" s="128"/>
      <c r="H679" s="128"/>
      <c r="I679" s="128"/>
      <c r="J679" s="128"/>
      <c r="K679" s="128"/>
      <c r="L679" s="128"/>
      <c r="M679" s="128"/>
      <c r="N679" s="128"/>
      <c r="O679" s="128"/>
      <c r="P679" s="128"/>
      <c r="Q679" s="128"/>
      <c r="R679" s="128"/>
      <c r="S679" s="128"/>
      <c r="T679" s="128"/>
      <c r="U679" s="128"/>
      <c r="V679" s="128"/>
      <c r="W679" s="128"/>
      <c r="X679" s="128"/>
      <c r="Y679" s="128"/>
      <c r="Z679" s="128"/>
      <c r="AA679" s="128"/>
      <c r="AB679" s="128"/>
      <c r="AC679" s="128"/>
      <c r="AD679" s="128"/>
      <c r="AE679" s="128"/>
      <c r="AF679" s="128"/>
      <c r="AG679" s="128"/>
      <c r="AH679" s="128"/>
      <c r="AI679" s="128"/>
      <c r="AJ679" s="128"/>
      <c r="AK679" s="128"/>
      <c r="AL679" s="128"/>
      <c r="AM679" s="128"/>
      <c r="AN679" s="128"/>
      <c r="AO679" s="128"/>
      <c r="AP679" s="128"/>
      <c r="AQ679" s="128"/>
      <c r="AR679" s="128"/>
      <c r="AS679" s="128"/>
      <c r="AT679" s="128"/>
      <c r="AU679" s="128"/>
      <c r="AV679" s="128"/>
      <c r="AW679" s="128"/>
      <c r="AX679" s="129"/>
    </row>
    <row r="680" spans="1:113" s="23" customFormat="1" ht="10.8" customHeight="1">
      <c r="A680" s="34"/>
      <c r="B680" s="127"/>
      <c r="C680" s="128"/>
      <c r="D680" s="128"/>
      <c r="E680" s="128"/>
      <c r="F680" s="128"/>
      <c r="G680" s="128"/>
      <c r="H680" s="128"/>
      <c r="I680" s="128"/>
      <c r="J680" s="128"/>
      <c r="K680" s="128"/>
      <c r="L680" s="128"/>
      <c r="M680" s="128"/>
      <c r="N680" s="128"/>
      <c r="O680" s="128"/>
      <c r="P680" s="128"/>
      <c r="Q680" s="128"/>
      <c r="R680" s="128"/>
      <c r="S680" s="128"/>
      <c r="T680" s="128"/>
      <c r="U680" s="128"/>
      <c r="V680" s="128"/>
      <c r="W680" s="128"/>
      <c r="X680" s="128"/>
      <c r="Y680" s="128"/>
      <c r="Z680" s="128"/>
      <c r="AA680" s="128"/>
      <c r="AB680" s="128"/>
      <c r="AC680" s="128"/>
      <c r="AD680" s="128"/>
      <c r="AE680" s="128"/>
      <c r="AF680" s="128"/>
      <c r="AG680" s="128"/>
      <c r="AH680" s="128"/>
      <c r="AI680" s="128"/>
      <c r="AJ680" s="128"/>
      <c r="AK680" s="128"/>
      <c r="AL680" s="128"/>
      <c r="AM680" s="128"/>
      <c r="AN680" s="128"/>
      <c r="AO680" s="128"/>
      <c r="AP680" s="128"/>
      <c r="AQ680" s="128"/>
      <c r="AR680" s="128"/>
      <c r="AS680" s="128"/>
      <c r="AT680" s="128"/>
      <c r="AU680" s="128"/>
      <c r="AV680" s="128"/>
      <c r="AW680" s="128"/>
      <c r="AX680" s="129"/>
    </row>
    <row r="681" spans="1:113" s="23" customFormat="1" ht="10.8" customHeight="1">
      <c r="A681" s="34"/>
      <c r="B681" s="127"/>
      <c r="C681" s="128"/>
      <c r="D681" s="128"/>
      <c r="E681" s="128"/>
      <c r="F681" s="128"/>
      <c r="G681" s="128"/>
      <c r="H681" s="128"/>
      <c r="I681" s="128"/>
      <c r="J681" s="128"/>
      <c r="K681" s="128"/>
      <c r="L681" s="128"/>
      <c r="M681" s="128"/>
      <c r="N681" s="128"/>
      <c r="O681" s="128"/>
      <c r="P681" s="128"/>
      <c r="Q681" s="128"/>
      <c r="R681" s="128"/>
      <c r="S681" s="128"/>
      <c r="T681" s="128"/>
      <c r="U681" s="128"/>
      <c r="V681" s="128"/>
      <c r="W681" s="128"/>
      <c r="X681" s="128"/>
      <c r="Y681" s="128"/>
      <c r="Z681" s="128"/>
      <c r="AA681" s="128"/>
      <c r="AB681" s="128"/>
      <c r="AC681" s="128"/>
      <c r="AD681" s="128"/>
      <c r="AE681" s="128"/>
      <c r="AF681" s="128"/>
      <c r="AG681" s="128"/>
      <c r="AH681" s="128"/>
      <c r="AI681" s="128"/>
      <c r="AJ681" s="128"/>
      <c r="AK681" s="128"/>
      <c r="AL681" s="128"/>
      <c r="AM681" s="128"/>
      <c r="AN681" s="128"/>
      <c r="AO681" s="128"/>
      <c r="AP681" s="128"/>
      <c r="AQ681" s="128"/>
      <c r="AR681" s="128"/>
      <c r="AS681" s="128"/>
      <c r="AT681" s="128"/>
      <c r="AU681" s="128"/>
      <c r="AV681" s="128"/>
      <c r="AW681" s="128"/>
      <c r="AX681" s="129"/>
    </row>
    <row r="682" spans="1:113" s="23" customFormat="1" ht="10.8" customHeight="1">
      <c r="A682" s="34"/>
      <c r="B682" s="127"/>
      <c r="C682" s="128"/>
      <c r="D682" s="128"/>
      <c r="E682" s="128"/>
      <c r="F682" s="128"/>
      <c r="G682" s="128"/>
      <c r="H682" s="128"/>
      <c r="I682" s="128"/>
      <c r="J682" s="128"/>
      <c r="K682" s="128"/>
      <c r="L682" s="128"/>
      <c r="M682" s="128"/>
      <c r="N682" s="128"/>
      <c r="O682" s="128"/>
      <c r="P682" s="128"/>
      <c r="Q682" s="128"/>
      <c r="R682" s="128"/>
      <c r="S682" s="128"/>
      <c r="T682" s="128"/>
      <c r="U682" s="128"/>
      <c r="V682" s="128"/>
      <c r="W682" s="128"/>
      <c r="X682" s="128"/>
      <c r="Y682" s="128"/>
      <c r="Z682" s="128"/>
      <c r="AA682" s="128"/>
      <c r="AB682" s="128"/>
      <c r="AC682" s="128"/>
      <c r="AD682" s="128"/>
      <c r="AE682" s="128"/>
      <c r="AF682" s="128"/>
      <c r="AG682" s="128"/>
      <c r="AH682" s="128"/>
      <c r="AI682" s="128"/>
      <c r="AJ682" s="128"/>
      <c r="AK682" s="128"/>
      <c r="AL682" s="128"/>
      <c r="AM682" s="128"/>
      <c r="AN682" s="128"/>
      <c r="AO682" s="128"/>
      <c r="AP682" s="128"/>
      <c r="AQ682" s="128"/>
      <c r="AR682" s="128"/>
      <c r="AS682" s="128"/>
      <c r="AT682" s="128"/>
      <c r="AU682" s="128"/>
      <c r="AV682" s="128"/>
      <c r="AW682" s="128"/>
      <c r="AX682" s="129"/>
    </row>
    <row r="683" spans="1:113" s="23" customFormat="1" ht="10.8" customHeight="1">
      <c r="A683" s="34"/>
      <c r="B683" s="127"/>
      <c r="C683" s="128"/>
      <c r="D683" s="128"/>
      <c r="E683" s="128"/>
      <c r="F683" s="128"/>
      <c r="G683" s="128"/>
      <c r="H683" s="128"/>
      <c r="I683" s="128"/>
      <c r="J683" s="128"/>
      <c r="K683" s="128"/>
      <c r="L683" s="128"/>
      <c r="M683" s="128"/>
      <c r="N683" s="128"/>
      <c r="O683" s="128"/>
      <c r="P683" s="128"/>
      <c r="Q683" s="128"/>
      <c r="R683" s="128"/>
      <c r="S683" s="128"/>
      <c r="T683" s="128"/>
      <c r="U683" s="128"/>
      <c r="V683" s="128"/>
      <c r="W683" s="128"/>
      <c r="X683" s="128"/>
      <c r="Y683" s="128"/>
      <c r="Z683" s="128"/>
      <c r="AA683" s="128"/>
      <c r="AB683" s="128"/>
      <c r="AC683" s="128"/>
      <c r="AD683" s="128"/>
      <c r="AE683" s="128"/>
      <c r="AF683" s="128"/>
      <c r="AG683" s="128"/>
      <c r="AH683" s="128"/>
      <c r="AI683" s="128"/>
      <c r="AJ683" s="128"/>
      <c r="AK683" s="128"/>
      <c r="AL683" s="128"/>
      <c r="AM683" s="128"/>
      <c r="AN683" s="128"/>
      <c r="AO683" s="128"/>
      <c r="AP683" s="128"/>
      <c r="AQ683" s="128"/>
      <c r="AR683" s="128"/>
      <c r="AS683" s="128"/>
      <c r="AT683" s="128"/>
      <c r="AU683" s="128"/>
      <c r="AV683" s="128"/>
      <c r="AW683" s="128"/>
      <c r="AX683" s="129"/>
    </row>
    <row r="684" spans="1:113" s="23" customFormat="1" ht="10.8" customHeight="1">
      <c r="A684" s="34"/>
      <c r="B684" s="127"/>
      <c r="C684" s="128"/>
      <c r="D684" s="128"/>
      <c r="E684" s="128"/>
      <c r="F684" s="128"/>
      <c r="G684" s="128"/>
      <c r="H684" s="128"/>
      <c r="I684" s="128"/>
      <c r="J684" s="128"/>
      <c r="K684" s="128"/>
      <c r="L684" s="128"/>
      <c r="M684" s="128"/>
      <c r="N684" s="128"/>
      <c r="O684" s="128"/>
      <c r="P684" s="128"/>
      <c r="Q684" s="128"/>
      <c r="R684" s="128"/>
      <c r="S684" s="128"/>
      <c r="T684" s="128"/>
      <c r="U684" s="128"/>
      <c r="V684" s="128"/>
      <c r="W684" s="128"/>
      <c r="X684" s="128"/>
      <c r="Y684" s="128"/>
      <c r="Z684" s="128"/>
      <c r="AA684" s="128"/>
      <c r="AB684" s="128"/>
      <c r="AC684" s="128"/>
      <c r="AD684" s="128"/>
      <c r="AE684" s="128"/>
      <c r="AF684" s="128"/>
      <c r="AG684" s="128"/>
      <c r="AH684" s="128"/>
      <c r="AI684" s="128"/>
      <c r="AJ684" s="128"/>
      <c r="AK684" s="128"/>
      <c r="AL684" s="128"/>
      <c r="AM684" s="128"/>
      <c r="AN684" s="128"/>
      <c r="AO684" s="128"/>
      <c r="AP684" s="128"/>
      <c r="AQ684" s="128"/>
      <c r="AR684" s="128"/>
      <c r="AS684" s="128"/>
      <c r="AT684" s="128"/>
      <c r="AU684" s="128"/>
      <c r="AV684" s="128"/>
      <c r="AW684" s="128"/>
      <c r="AX684" s="129"/>
    </row>
    <row r="685" spans="1:113" s="23" customFormat="1" ht="10.8" customHeight="1">
      <c r="A685" s="34"/>
      <c r="B685" s="127"/>
      <c r="C685" s="128"/>
      <c r="D685" s="128"/>
      <c r="E685" s="128"/>
      <c r="F685" s="128"/>
      <c r="G685" s="128"/>
      <c r="H685" s="128"/>
      <c r="I685" s="128"/>
      <c r="J685" s="128"/>
      <c r="K685" s="128"/>
      <c r="L685" s="128"/>
      <c r="M685" s="128"/>
      <c r="N685" s="128"/>
      <c r="O685" s="128"/>
      <c r="P685" s="128"/>
      <c r="Q685" s="128"/>
      <c r="R685" s="128"/>
      <c r="S685" s="128"/>
      <c r="T685" s="128"/>
      <c r="U685" s="128"/>
      <c r="V685" s="128"/>
      <c r="W685" s="128"/>
      <c r="X685" s="128"/>
      <c r="Y685" s="128"/>
      <c r="Z685" s="128"/>
      <c r="AA685" s="128"/>
      <c r="AB685" s="128"/>
      <c r="AC685" s="128"/>
      <c r="AD685" s="128"/>
      <c r="AE685" s="128"/>
      <c r="AF685" s="128"/>
      <c r="AG685" s="128"/>
      <c r="AH685" s="128"/>
      <c r="AI685" s="128"/>
      <c r="AJ685" s="128"/>
      <c r="AK685" s="128"/>
      <c r="AL685" s="128"/>
      <c r="AM685" s="128"/>
      <c r="AN685" s="128"/>
      <c r="AO685" s="128"/>
      <c r="AP685" s="128"/>
      <c r="AQ685" s="128"/>
      <c r="AR685" s="128"/>
      <c r="AS685" s="128"/>
      <c r="AT685" s="128"/>
      <c r="AU685" s="128"/>
      <c r="AV685" s="128"/>
      <c r="AW685" s="128"/>
      <c r="AX685" s="129"/>
    </row>
    <row r="686" spans="1:113" s="23" customFormat="1" ht="15" thickBot="1">
      <c r="A686" s="38"/>
      <c r="B686" s="39"/>
      <c r="C686" s="40"/>
      <c r="D686" s="40"/>
      <c r="E686" s="40"/>
      <c r="F686" s="40"/>
      <c r="G686" s="40"/>
      <c r="H686" s="40"/>
      <c r="I686" s="40"/>
      <c r="J686" s="40"/>
      <c r="K686" s="40"/>
      <c r="L686" s="40"/>
      <c r="M686" s="40"/>
      <c r="N686" s="40"/>
      <c r="O686" s="40"/>
      <c r="P686" s="40"/>
      <c r="Q686" s="40"/>
      <c r="R686" s="40"/>
      <c r="S686" s="40"/>
      <c r="T686" s="40"/>
      <c r="U686" s="40"/>
      <c r="V686" s="40"/>
      <c r="W686" s="40"/>
      <c r="X686" s="40"/>
      <c r="Y686" s="40"/>
      <c r="Z686" s="40"/>
      <c r="AA686" s="40"/>
      <c r="AB686" s="40"/>
      <c r="AC686" s="40"/>
      <c r="AD686" s="40"/>
      <c r="AE686" s="40"/>
      <c r="AF686" s="40"/>
      <c r="AG686" s="40"/>
      <c r="AH686" s="40"/>
      <c r="AI686" s="40"/>
      <c r="AJ686" s="40"/>
      <c r="AK686" s="40"/>
      <c r="AL686" s="40"/>
      <c r="AM686" s="40"/>
      <c r="AN686" s="40"/>
      <c r="AO686" s="40"/>
      <c r="AP686" s="40"/>
      <c r="AQ686" s="40"/>
      <c r="AR686" s="40"/>
      <c r="AS686" s="40"/>
      <c r="AT686" s="40"/>
      <c r="AU686" s="40"/>
      <c r="AV686" s="40"/>
      <c r="AW686" s="40"/>
      <c r="AX686" s="41"/>
    </row>
    <row r="687" spans="1:113" s="23" customFormat="1" ht="13.2">
      <c r="B687" s="42"/>
    </row>
    <row r="688" spans="1:113" s="23" customFormat="1" ht="14.4">
      <c r="B688" s="33" t="s">
        <v>93</v>
      </c>
      <c r="C688" s="34"/>
      <c r="D688" s="34"/>
      <c r="E688" s="34"/>
      <c r="F688" s="34"/>
      <c r="G688" s="34"/>
      <c r="H688" s="34"/>
      <c r="I688" s="34"/>
      <c r="J688" s="34"/>
      <c r="K688" s="34"/>
      <c r="L688" s="35"/>
      <c r="M688" s="35"/>
      <c r="N688" s="35"/>
      <c r="O688" s="35"/>
      <c r="P688" s="34"/>
      <c r="Q688" s="34"/>
      <c r="R688" s="34"/>
      <c r="S688" s="34"/>
      <c r="T688" s="34"/>
      <c r="U688" s="34"/>
      <c r="V688" s="33"/>
      <c r="W688" s="33"/>
      <c r="X688" s="33"/>
      <c r="Y688" s="33"/>
      <c r="Z688" s="33"/>
      <c r="AA688" s="33"/>
      <c r="AB688" s="33"/>
      <c r="AC688" s="33"/>
      <c r="AD688" s="33"/>
      <c r="AE688" s="33"/>
      <c r="AF688" s="33"/>
      <c r="AG688" s="33"/>
      <c r="AH688" s="33"/>
      <c r="AI688" s="33"/>
      <c r="AJ688" s="33"/>
      <c r="AK688" s="33"/>
      <c r="AL688" s="33"/>
      <c r="AM688" s="33"/>
      <c r="AN688" s="33"/>
      <c r="AO688" s="33"/>
      <c r="AP688" s="33"/>
      <c r="AQ688" s="33"/>
      <c r="AR688" s="33"/>
      <c r="AS688" s="33"/>
      <c r="AT688" s="33"/>
      <c r="AU688" s="33"/>
      <c r="AV688" s="33"/>
      <c r="AW688" s="33"/>
      <c r="AX688" s="33"/>
    </row>
    <row r="689" spans="1:251" s="23" customFormat="1" ht="15" thickBot="1">
      <c r="B689" s="33"/>
      <c r="C689" s="34"/>
      <c r="D689" s="34"/>
      <c r="E689" s="34"/>
      <c r="F689" s="34"/>
      <c r="G689" s="34"/>
      <c r="H689" s="34"/>
      <c r="I689" s="34"/>
      <c r="J689" s="34"/>
      <c r="K689" s="34"/>
      <c r="L689" s="35"/>
      <c r="M689" s="35"/>
      <c r="N689" s="35"/>
      <c r="O689" s="35"/>
      <c r="P689" s="34"/>
      <c r="Q689" s="34"/>
      <c r="R689" s="34"/>
      <c r="S689" s="34"/>
      <c r="T689" s="34"/>
      <c r="U689" s="34"/>
      <c r="V689" s="33"/>
      <c r="W689" s="33"/>
      <c r="X689" s="33"/>
      <c r="Y689" s="33"/>
      <c r="Z689" s="33"/>
      <c r="AA689" s="33"/>
      <c r="AB689" s="33"/>
      <c r="AC689" s="33"/>
      <c r="AD689" s="33"/>
      <c r="AE689" s="33"/>
      <c r="AF689" s="33"/>
      <c r="AG689" s="33"/>
      <c r="AH689" s="33"/>
      <c r="AI689" s="33"/>
      <c r="AJ689" s="33"/>
      <c r="AK689" s="33"/>
      <c r="AL689" s="33"/>
      <c r="AM689" s="33"/>
      <c r="AN689" s="33"/>
      <c r="AO689" s="33"/>
      <c r="AP689" s="33"/>
      <c r="AQ689" s="33"/>
      <c r="AR689" s="33"/>
      <c r="AS689" s="33"/>
      <c r="AT689" s="33"/>
      <c r="AU689" s="33"/>
      <c r="AV689" s="33"/>
      <c r="AW689" s="33"/>
      <c r="AX689" s="43" t="s">
        <v>94</v>
      </c>
    </row>
    <row r="690" spans="1:251" s="50" customFormat="1" ht="13.5" customHeight="1">
      <c r="A690" s="34"/>
      <c r="B690" s="139" t="s">
        <v>95</v>
      </c>
      <c r="C690" s="203"/>
      <c r="D690" s="203"/>
      <c r="E690" s="203"/>
      <c r="F690" s="203"/>
      <c r="G690" s="203"/>
      <c r="H690" s="203"/>
      <c r="I690" s="203"/>
      <c r="J690" s="203"/>
      <c r="K690" s="203"/>
      <c r="L690" s="203"/>
      <c r="M690" s="203"/>
      <c r="N690" s="203"/>
      <c r="O690" s="203"/>
      <c r="P690" s="203"/>
      <c r="Q690" s="203"/>
      <c r="R690" s="203"/>
      <c r="S690" s="203"/>
      <c r="T690" s="203"/>
      <c r="U690" s="203"/>
      <c r="V690" s="203"/>
      <c r="W690" s="203"/>
      <c r="X690" s="203"/>
      <c r="Y690" s="203"/>
      <c r="Z690" s="204"/>
      <c r="AA690" s="145" t="s">
        <v>116</v>
      </c>
      <c r="AB690" s="203"/>
      <c r="AC690" s="203"/>
      <c r="AD690" s="203"/>
      <c r="AE690" s="203"/>
      <c r="AF690" s="203"/>
      <c r="AG690" s="203"/>
      <c r="AH690" s="203"/>
      <c r="AI690" s="204"/>
      <c r="AJ690" s="145" t="s">
        <v>117</v>
      </c>
      <c r="AK690" s="203"/>
      <c r="AL690" s="203"/>
      <c r="AM690" s="203"/>
      <c r="AN690" s="203"/>
      <c r="AO690" s="203"/>
      <c r="AP690" s="203"/>
      <c r="AQ690" s="203"/>
      <c r="AR690" s="204"/>
      <c r="AS690" s="145" t="s">
        <v>98</v>
      </c>
      <c r="AT690" s="203"/>
      <c r="AU690" s="203"/>
      <c r="AV690" s="203"/>
      <c r="AW690" s="203"/>
      <c r="AX690" s="209"/>
      <c r="AY690" s="23"/>
      <c r="AZ690" s="23"/>
      <c r="BA690" s="23"/>
      <c r="BB690" s="23"/>
      <c r="BC690" s="23"/>
      <c r="BD690" s="23"/>
      <c r="BE690" s="23"/>
      <c r="BF690" s="23"/>
      <c r="BG690" s="23"/>
      <c r="BH690" s="23"/>
      <c r="BI690" s="23"/>
      <c r="BJ690" s="23"/>
      <c r="BK690" s="23"/>
      <c r="BL690" s="23"/>
      <c r="BM690" s="23"/>
      <c r="BN690" s="23"/>
      <c r="BO690" s="23"/>
      <c r="BP690" s="23"/>
      <c r="BQ690" s="23"/>
      <c r="BR690" s="23"/>
      <c r="BS690" s="23"/>
      <c r="BT690" s="23"/>
      <c r="BU690" s="23"/>
      <c r="BV690" s="23"/>
      <c r="BW690" s="23"/>
      <c r="BX690" s="23"/>
      <c r="BY690" s="23"/>
      <c r="BZ690" s="23"/>
      <c r="CA690" s="23"/>
      <c r="CB690" s="23"/>
      <c r="CC690" s="23"/>
      <c r="CD690" s="23"/>
      <c r="CE690" s="23"/>
      <c r="CF690" s="23"/>
      <c r="CG690" s="23"/>
      <c r="CH690" s="23"/>
      <c r="CI690" s="23"/>
      <c r="CJ690" s="23"/>
      <c r="CK690" s="23"/>
      <c r="CL690" s="23"/>
      <c r="CM690" s="23"/>
      <c r="CN690" s="23"/>
      <c r="CO690" s="23"/>
      <c r="CP690" s="23"/>
      <c r="CQ690" s="23"/>
      <c r="CR690" s="23"/>
      <c r="CS690" s="23"/>
      <c r="CT690" s="23"/>
      <c r="CU690" s="23"/>
      <c r="CV690" s="23"/>
      <c r="CW690" s="23"/>
      <c r="CX690" s="23"/>
      <c r="CY690" s="23"/>
      <c r="CZ690" s="23"/>
      <c r="DA690" s="23"/>
      <c r="DB690" s="23"/>
      <c r="DC690" s="23"/>
      <c r="DD690" s="23"/>
      <c r="DE690" s="23"/>
      <c r="DF690" s="23"/>
      <c r="DG690" s="23"/>
      <c r="DH690" s="23"/>
      <c r="DI690" s="23"/>
      <c r="DJ690" s="23"/>
      <c r="DK690" s="23"/>
      <c r="DL690" s="23"/>
      <c r="DM690" s="23"/>
      <c r="DN690" s="23"/>
      <c r="DO690" s="23"/>
      <c r="DP690" s="23"/>
      <c r="DQ690" s="23"/>
      <c r="DR690" s="23"/>
      <c r="DS690" s="23"/>
      <c r="DT690" s="23"/>
      <c r="DU690" s="23"/>
      <c r="DV690" s="23"/>
      <c r="DW690" s="23"/>
      <c r="DX690" s="23"/>
      <c r="DY690" s="23"/>
      <c r="DZ690" s="23"/>
      <c r="EA690" s="23"/>
      <c r="EB690" s="23"/>
      <c r="EC690" s="23"/>
      <c r="ED690" s="23"/>
      <c r="EE690" s="23"/>
      <c r="EF690" s="23"/>
      <c r="EG690" s="23"/>
      <c r="EH690" s="23"/>
      <c r="EI690" s="23"/>
      <c r="EJ690" s="23"/>
      <c r="EK690" s="23"/>
      <c r="EL690" s="23"/>
      <c r="EM690" s="23"/>
      <c r="EN690" s="23"/>
      <c r="EO690" s="23"/>
      <c r="EP690" s="23"/>
      <c r="EQ690" s="23"/>
      <c r="ER690" s="23"/>
      <c r="ES690" s="23"/>
      <c r="ET690" s="23"/>
      <c r="EU690" s="23"/>
      <c r="EV690" s="23"/>
      <c r="EW690" s="23"/>
      <c r="EX690" s="23"/>
      <c r="EY690" s="23"/>
      <c r="EZ690" s="23"/>
      <c r="FA690" s="23"/>
      <c r="FB690" s="23"/>
      <c r="FC690" s="23"/>
      <c r="FD690" s="23"/>
      <c r="FE690" s="23"/>
      <c r="FF690" s="23"/>
      <c r="FG690" s="23"/>
      <c r="FH690" s="23"/>
      <c r="FI690" s="23"/>
      <c r="FJ690" s="23"/>
      <c r="FK690" s="23"/>
      <c r="FL690" s="23"/>
      <c r="FM690" s="23"/>
      <c r="FN690" s="23"/>
      <c r="FO690" s="23"/>
      <c r="FP690" s="23"/>
      <c r="FQ690" s="23"/>
      <c r="FR690" s="23"/>
      <c r="FS690" s="23"/>
      <c r="FT690" s="23"/>
      <c r="FU690" s="23"/>
      <c r="FV690" s="23"/>
      <c r="FW690" s="23"/>
      <c r="FX690" s="23"/>
      <c r="FY690" s="23"/>
      <c r="FZ690" s="23"/>
      <c r="GA690" s="23"/>
      <c r="GB690" s="23"/>
      <c r="GC690" s="23"/>
      <c r="GD690" s="23"/>
      <c r="GE690" s="23"/>
      <c r="GF690" s="23"/>
      <c r="GG690" s="23"/>
      <c r="GH690" s="23"/>
      <c r="GI690" s="23"/>
      <c r="GJ690" s="23"/>
      <c r="GK690" s="23"/>
      <c r="GL690" s="23"/>
      <c r="GM690" s="23"/>
      <c r="GN690" s="23"/>
      <c r="GO690" s="23"/>
      <c r="GP690" s="23"/>
      <c r="GQ690" s="23"/>
      <c r="GR690" s="23"/>
      <c r="GS690" s="23"/>
      <c r="GT690" s="23"/>
      <c r="GU690" s="23"/>
      <c r="GV690" s="23"/>
      <c r="GW690" s="23"/>
      <c r="GX690" s="23"/>
      <c r="GY690" s="23"/>
      <c r="GZ690" s="23"/>
      <c r="HA690" s="23"/>
      <c r="HB690" s="23"/>
      <c r="HC690" s="23"/>
      <c r="HD690" s="23"/>
      <c r="HE690" s="23"/>
      <c r="HF690" s="23"/>
      <c r="HG690" s="23"/>
      <c r="HH690" s="23"/>
      <c r="HI690" s="23"/>
      <c r="HJ690" s="23"/>
      <c r="HK690" s="23"/>
      <c r="HL690" s="23"/>
      <c r="HM690" s="23"/>
      <c r="HN690" s="23"/>
      <c r="HO690" s="23"/>
      <c r="HP690" s="23"/>
      <c r="HQ690" s="23"/>
      <c r="HR690" s="23"/>
      <c r="HS690" s="23"/>
      <c r="HT690" s="23"/>
      <c r="HU690" s="23"/>
      <c r="HV690" s="23"/>
      <c r="HW690" s="23"/>
      <c r="HX690" s="23"/>
      <c r="HY690" s="23"/>
      <c r="HZ690" s="23"/>
      <c r="IA690" s="23"/>
      <c r="IB690" s="23"/>
      <c r="IC690" s="23"/>
      <c r="ID690" s="23"/>
      <c r="IE690" s="23"/>
      <c r="IF690" s="23"/>
      <c r="IG690" s="23"/>
      <c r="IH690" s="23"/>
      <c r="II690" s="23"/>
      <c r="IJ690" s="23"/>
      <c r="IK690" s="23"/>
      <c r="IL690" s="23"/>
      <c r="IM690" s="23"/>
      <c r="IN690" s="23"/>
      <c r="IO690" s="23"/>
      <c r="IP690" s="23"/>
      <c r="IQ690" s="23"/>
    </row>
    <row r="691" spans="1:251" s="50" customFormat="1">
      <c r="A691" s="34"/>
      <c r="B691" s="205"/>
      <c r="C691" s="206"/>
      <c r="D691" s="206"/>
      <c r="E691" s="206"/>
      <c r="F691" s="206"/>
      <c r="G691" s="206"/>
      <c r="H691" s="206"/>
      <c r="I691" s="206"/>
      <c r="J691" s="206"/>
      <c r="K691" s="206"/>
      <c r="L691" s="206"/>
      <c r="M691" s="206"/>
      <c r="N691" s="206"/>
      <c r="O691" s="206"/>
      <c r="P691" s="206"/>
      <c r="Q691" s="206"/>
      <c r="R691" s="206"/>
      <c r="S691" s="206"/>
      <c r="T691" s="206"/>
      <c r="U691" s="206"/>
      <c r="V691" s="206"/>
      <c r="W691" s="206"/>
      <c r="X691" s="206"/>
      <c r="Y691" s="206"/>
      <c r="Z691" s="207"/>
      <c r="AA691" s="208"/>
      <c r="AB691" s="206"/>
      <c r="AC691" s="206"/>
      <c r="AD691" s="206"/>
      <c r="AE691" s="206"/>
      <c r="AF691" s="206"/>
      <c r="AG691" s="206"/>
      <c r="AH691" s="206"/>
      <c r="AI691" s="207"/>
      <c r="AJ691" s="208"/>
      <c r="AK691" s="206"/>
      <c r="AL691" s="206"/>
      <c r="AM691" s="206"/>
      <c r="AN691" s="206"/>
      <c r="AO691" s="206"/>
      <c r="AP691" s="206"/>
      <c r="AQ691" s="206"/>
      <c r="AR691" s="207"/>
      <c r="AS691" s="208"/>
      <c r="AT691" s="206"/>
      <c r="AU691" s="206"/>
      <c r="AV691" s="206"/>
      <c r="AW691" s="206"/>
      <c r="AX691" s="210"/>
      <c r="AY691" s="23"/>
      <c r="AZ691" s="23"/>
      <c r="BA691" s="23"/>
      <c r="BB691"/>
      <c r="BC691" s="45"/>
      <c r="BE691" s="23"/>
      <c r="BF691" s="23"/>
      <c r="BG691" s="23"/>
      <c r="BH691" s="23"/>
      <c r="BI691" s="23"/>
      <c r="BJ691" s="23"/>
      <c r="BK691" s="23"/>
      <c r="BL691" s="23"/>
      <c r="BM691" s="23"/>
      <c r="BN691" s="23"/>
      <c r="BO691" s="23"/>
      <c r="BP691" s="23"/>
      <c r="BQ691" s="23"/>
      <c r="BR691" s="23"/>
      <c r="BS691" s="23"/>
      <c r="BT691" s="23"/>
      <c r="BU691" s="23"/>
      <c r="BV691" s="23"/>
      <c r="BW691" s="23"/>
      <c r="BX691" s="23"/>
      <c r="BY691" s="23"/>
      <c r="BZ691" s="23"/>
      <c r="CA691" s="23"/>
      <c r="CB691" s="23"/>
      <c r="CC691" s="23"/>
      <c r="CD691" s="23"/>
      <c r="CE691" s="23"/>
      <c r="CF691" s="23"/>
      <c r="CG691" s="23"/>
      <c r="CH691" s="23"/>
      <c r="CI691" s="23"/>
      <c r="CJ691" s="23"/>
      <c r="CK691" s="23"/>
      <c r="CL691" s="23"/>
      <c r="CM691" s="23"/>
      <c r="CN691" s="23"/>
      <c r="CO691" s="23"/>
      <c r="CP691" s="23"/>
      <c r="CQ691" s="23"/>
      <c r="CR691" s="23"/>
      <c r="CS691" s="23"/>
      <c r="CT691" s="23"/>
      <c r="CU691" s="23"/>
      <c r="CV691" s="23"/>
      <c r="CW691" s="23"/>
      <c r="CX691" s="23"/>
      <c r="CY691" s="23"/>
      <c r="CZ691" s="23"/>
      <c r="DA691" s="23"/>
      <c r="DB691" s="23"/>
      <c r="DC691" s="23"/>
      <c r="DD691" s="23"/>
      <c r="DE691" s="23"/>
      <c r="DF691" s="23"/>
      <c r="DG691" s="23"/>
      <c r="DH691" s="23"/>
      <c r="DI691" s="23"/>
      <c r="DJ691" s="23"/>
      <c r="DK691" s="23"/>
      <c r="DL691" s="23"/>
      <c r="DM691" s="23"/>
      <c r="DN691" s="23"/>
      <c r="DO691" s="23"/>
      <c r="DP691" s="23"/>
      <c r="DQ691" s="23"/>
      <c r="DR691" s="23"/>
      <c r="DS691" s="23"/>
      <c r="DT691" s="23"/>
      <c r="DU691" s="23"/>
      <c r="DV691" s="23"/>
      <c r="DW691" s="23"/>
      <c r="DX691" s="23"/>
      <c r="DY691" s="23"/>
      <c r="DZ691" s="23"/>
      <c r="EA691" s="23"/>
      <c r="EB691" s="23"/>
      <c r="EC691" s="23"/>
      <c r="ED691" s="23"/>
      <c r="EE691" s="23"/>
      <c r="EF691" s="23"/>
      <c r="EG691" s="23"/>
      <c r="EH691" s="23"/>
      <c r="EI691" s="23"/>
      <c r="EJ691" s="23"/>
      <c r="EK691" s="23"/>
      <c r="EL691" s="23"/>
      <c r="EM691" s="23"/>
      <c r="EN691" s="23"/>
      <c r="EO691" s="23"/>
      <c r="EP691" s="23"/>
      <c r="EQ691" s="23"/>
      <c r="ER691" s="23"/>
      <c r="ES691" s="23"/>
      <c r="ET691" s="23"/>
      <c r="EU691" s="23"/>
      <c r="EV691" s="23"/>
      <c r="EW691" s="23"/>
      <c r="EX691" s="23"/>
      <c r="EY691" s="23"/>
      <c r="EZ691" s="23"/>
      <c r="FA691" s="23"/>
      <c r="FB691" s="23"/>
      <c r="FC691" s="23"/>
      <c r="FD691" s="23"/>
      <c r="FE691" s="23"/>
      <c r="FF691" s="23"/>
      <c r="FG691" s="23"/>
      <c r="FH691" s="23"/>
      <c r="FI691" s="23"/>
      <c r="FJ691" s="23"/>
      <c r="FK691" s="23"/>
      <c r="FL691" s="23"/>
      <c r="FM691" s="23"/>
      <c r="FN691" s="23"/>
      <c r="FO691" s="23"/>
      <c r="FP691" s="23"/>
      <c r="FQ691" s="23"/>
      <c r="FR691" s="23"/>
      <c r="FS691" s="23"/>
      <c r="FT691" s="23"/>
      <c r="FU691" s="23"/>
      <c r="FV691" s="23"/>
      <c r="FW691" s="23"/>
      <c r="FX691" s="23"/>
      <c r="FY691" s="23"/>
      <c r="FZ691" s="23"/>
      <c r="GA691" s="23"/>
      <c r="GB691" s="23"/>
      <c r="GC691" s="23"/>
      <c r="GD691" s="23"/>
      <c r="GE691" s="23"/>
      <c r="GF691" s="23"/>
      <c r="GG691" s="23"/>
      <c r="GH691" s="23"/>
      <c r="GI691" s="23"/>
      <c r="GJ691" s="23"/>
      <c r="GK691" s="23"/>
      <c r="GL691" s="23"/>
      <c r="GM691" s="23"/>
      <c r="GN691" s="23"/>
      <c r="GO691" s="23"/>
      <c r="GP691" s="23"/>
      <c r="GQ691" s="23"/>
      <c r="GR691" s="23"/>
      <c r="GS691" s="23"/>
      <c r="GT691" s="23"/>
      <c r="GU691" s="23"/>
      <c r="GV691" s="23"/>
      <c r="GW691" s="23"/>
      <c r="GX691" s="23"/>
      <c r="GY691" s="23"/>
      <c r="GZ691" s="23"/>
      <c r="HA691" s="23"/>
      <c r="HB691" s="23"/>
      <c r="HC691" s="23"/>
      <c r="HD691" s="23"/>
      <c r="HE691" s="23"/>
      <c r="HF691" s="23"/>
      <c r="HG691" s="23"/>
      <c r="HH691" s="23"/>
      <c r="HI691" s="23"/>
      <c r="HJ691" s="23"/>
      <c r="HK691" s="23"/>
      <c r="HL691" s="23"/>
      <c r="HM691" s="23"/>
      <c r="HN691" s="23"/>
      <c r="HO691" s="23"/>
      <c r="HP691" s="23"/>
      <c r="HQ691" s="23"/>
      <c r="HR691" s="23"/>
      <c r="HS691" s="23"/>
      <c r="HT691" s="23"/>
      <c r="HU691" s="23"/>
      <c r="HV691" s="23"/>
      <c r="HW691" s="23"/>
      <c r="HX691" s="23"/>
      <c r="HY691" s="23"/>
      <c r="HZ691" s="23"/>
      <c r="IA691" s="23"/>
      <c r="IB691" s="23"/>
      <c r="IC691" s="23"/>
      <c r="ID691" s="23"/>
      <c r="IE691" s="23"/>
      <c r="IF691" s="23"/>
      <c r="IG691" s="23"/>
      <c r="IH691" s="23"/>
      <c r="II691" s="23"/>
      <c r="IJ691" s="23"/>
      <c r="IK691" s="23"/>
      <c r="IL691" s="23"/>
      <c r="IM691" s="23"/>
      <c r="IN691" s="23"/>
      <c r="IO691" s="23"/>
      <c r="IP691" s="23"/>
      <c r="IQ691" s="23"/>
    </row>
    <row r="692" spans="1:251" s="50" customFormat="1" ht="18.75" customHeight="1">
      <c r="A692" s="34"/>
      <c r="B692" s="46"/>
      <c r="C692" s="130" t="s">
        <v>166</v>
      </c>
      <c r="D692" s="130"/>
      <c r="E692" s="130"/>
      <c r="F692" s="130"/>
      <c r="G692" s="130"/>
      <c r="H692" s="130"/>
      <c r="I692" s="130"/>
      <c r="J692" s="130"/>
      <c r="K692" s="130"/>
      <c r="L692" s="130"/>
      <c r="M692" s="130"/>
      <c r="N692" s="130"/>
      <c r="O692" s="130"/>
      <c r="P692" s="130"/>
      <c r="Q692" s="130"/>
      <c r="R692" s="130"/>
      <c r="S692" s="130"/>
      <c r="T692" s="130"/>
      <c r="U692" s="130"/>
      <c r="V692" s="130"/>
      <c r="W692" s="130"/>
      <c r="X692" s="130"/>
      <c r="Y692" s="130"/>
      <c r="Z692" s="51"/>
      <c r="AA692" s="132">
        <v>949994</v>
      </c>
      <c r="AB692" s="196"/>
      <c r="AC692" s="196"/>
      <c r="AD692" s="196"/>
      <c r="AE692" s="196"/>
      <c r="AF692" s="196"/>
      <c r="AG692" s="196"/>
      <c r="AH692" s="196"/>
      <c r="AI692" s="197"/>
      <c r="AJ692" s="132">
        <v>1115479</v>
      </c>
      <c r="AK692" s="133"/>
      <c r="AL692" s="133"/>
      <c r="AM692" s="133"/>
      <c r="AN692" s="133"/>
      <c r="AO692" s="133"/>
      <c r="AP692" s="133"/>
      <c r="AQ692" s="133"/>
      <c r="AR692" s="134"/>
      <c r="AS692" s="132"/>
      <c r="AT692" s="196"/>
      <c r="AU692" s="196"/>
      <c r="AV692" s="196"/>
      <c r="AW692" s="196"/>
      <c r="AX692" s="202"/>
      <c r="AY692" s="23"/>
      <c r="AZ692" s="23"/>
      <c r="BA692" s="23"/>
      <c r="BB692" s="23"/>
      <c r="BC692" s="23"/>
      <c r="BD692" s="23"/>
      <c r="BE692" s="23"/>
      <c r="BF692" s="23"/>
      <c r="BG692" s="23"/>
      <c r="BH692" s="23"/>
      <c r="BI692" s="23"/>
      <c r="BJ692" s="23"/>
      <c r="BK692" s="23"/>
      <c r="BL692" s="23"/>
      <c r="BM692" s="23"/>
      <c r="BN692" s="23"/>
      <c r="BO692" s="23"/>
      <c r="BP692" s="23"/>
      <c r="BQ692" s="23"/>
      <c r="BR692" s="23"/>
      <c r="BS692" s="23"/>
      <c r="BT692" s="23"/>
      <c r="BU692" s="23"/>
      <c r="BV692" s="23"/>
      <c r="BW692" s="23"/>
      <c r="BX692" s="23"/>
      <c r="BY692" s="23"/>
      <c r="BZ692" s="23"/>
      <c r="CA692" s="23"/>
      <c r="CB692" s="23"/>
      <c r="CC692" s="23"/>
      <c r="CD692" s="23"/>
      <c r="CE692" s="23"/>
      <c r="CF692" s="23"/>
      <c r="CG692" s="23"/>
      <c r="CH692" s="23"/>
      <c r="CI692" s="23"/>
      <c r="CJ692" s="23"/>
      <c r="CK692" s="23"/>
      <c r="CL692" s="23"/>
      <c r="CM692" s="23"/>
      <c r="CN692" s="23"/>
      <c r="CO692" s="23"/>
      <c r="CP692" s="23"/>
      <c r="CQ692" s="23"/>
      <c r="CR692" s="23"/>
      <c r="CS692" s="23"/>
      <c r="CT692" s="23"/>
      <c r="CU692" s="23"/>
      <c r="CV692" s="23"/>
      <c r="CW692" s="23"/>
      <c r="CX692" s="23"/>
      <c r="CY692" s="23"/>
      <c r="CZ692" s="23"/>
      <c r="DA692" s="23"/>
      <c r="DB692" s="23"/>
      <c r="DC692" s="23"/>
      <c r="DD692" s="23"/>
      <c r="DE692" s="23"/>
      <c r="DF692" s="23"/>
      <c r="DG692" s="23"/>
      <c r="DH692" s="23"/>
      <c r="DI692" s="23"/>
      <c r="DJ692" s="23"/>
      <c r="DK692" s="23"/>
      <c r="DL692" s="23"/>
      <c r="DM692" s="23"/>
      <c r="DN692" s="23"/>
      <c r="DO692" s="23"/>
      <c r="DP692" s="23"/>
      <c r="DQ692" s="23"/>
      <c r="DR692" s="23"/>
      <c r="DS692" s="23"/>
      <c r="DT692" s="23"/>
      <c r="DU692" s="23"/>
      <c r="DV692" s="23"/>
      <c r="DW692" s="23"/>
      <c r="DX692" s="23"/>
      <c r="DY692" s="23"/>
      <c r="DZ692" s="23"/>
      <c r="EA692" s="23"/>
      <c r="EB692" s="23"/>
      <c r="EC692" s="23"/>
      <c r="ED692" s="23"/>
      <c r="EE692" s="23"/>
      <c r="EF692" s="23"/>
      <c r="EG692" s="23"/>
      <c r="EH692" s="23"/>
      <c r="EI692" s="23"/>
      <c r="EJ692" s="23"/>
      <c r="EK692" s="23"/>
      <c r="EL692" s="23"/>
      <c r="EM692" s="23"/>
      <c r="EN692" s="23"/>
      <c r="EO692" s="23"/>
      <c r="EP692" s="23"/>
      <c r="EQ692" s="23"/>
      <c r="ER692" s="23"/>
      <c r="ES692" s="23"/>
      <c r="ET692" s="23"/>
      <c r="EU692" s="23"/>
      <c r="EV692" s="23"/>
      <c r="EW692" s="23"/>
      <c r="EX692" s="23"/>
      <c r="EY692" s="23"/>
      <c r="EZ692" s="23"/>
      <c r="FA692" s="23"/>
      <c r="FB692" s="23"/>
      <c r="FC692" s="23"/>
      <c r="FD692" s="23"/>
      <c r="FE692" s="23"/>
      <c r="FF692" s="23"/>
      <c r="FG692" s="23"/>
      <c r="FH692" s="23"/>
      <c r="FI692" s="23"/>
      <c r="FJ692" s="23"/>
      <c r="FK692" s="23"/>
      <c r="FL692" s="23"/>
      <c r="FM692" s="23"/>
      <c r="FN692" s="23"/>
      <c r="FO692" s="23"/>
      <c r="FP692" s="23"/>
      <c r="FQ692" s="23"/>
      <c r="FR692" s="23"/>
      <c r="FS692" s="23"/>
      <c r="FT692" s="23"/>
      <c r="FU692" s="23"/>
      <c r="FV692" s="23"/>
      <c r="FW692" s="23"/>
      <c r="FX692" s="23"/>
      <c r="FY692" s="23"/>
      <c r="FZ692" s="23"/>
      <c r="GA692" s="23"/>
      <c r="GB692" s="23"/>
      <c r="GC692" s="23"/>
      <c r="GD692" s="23"/>
      <c r="GE692" s="23"/>
      <c r="GF692" s="23"/>
      <c r="GG692" s="23"/>
      <c r="GH692" s="23"/>
      <c r="GI692" s="23"/>
      <c r="GJ692" s="23"/>
      <c r="GK692" s="23"/>
      <c r="GL692" s="23"/>
      <c r="GM692" s="23"/>
      <c r="GN692" s="23"/>
      <c r="GO692" s="23"/>
      <c r="GP692" s="23"/>
      <c r="GQ692" s="23"/>
      <c r="GR692" s="23"/>
      <c r="GS692" s="23"/>
      <c r="GT692" s="23"/>
      <c r="GU692" s="23"/>
      <c r="GV692" s="23"/>
      <c r="GW692" s="23"/>
      <c r="GX692" s="23"/>
      <c r="GY692" s="23"/>
      <c r="GZ692" s="23"/>
      <c r="HA692" s="23"/>
      <c r="HB692" s="23"/>
      <c r="HC692" s="23"/>
      <c r="HD692" s="23"/>
      <c r="HE692" s="23"/>
      <c r="HF692" s="23"/>
      <c r="HG692" s="23"/>
      <c r="HH692" s="23"/>
      <c r="HI692" s="23"/>
      <c r="HJ692" s="23"/>
      <c r="HK692" s="23"/>
      <c r="HL692" s="23"/>
      <c r="HM692" s="23"/>
      <c r="HN692" s="23"/>
      <c r="HO692" s="23"/>
      <c r="HP692" s="23"/>
      <c r="HQ692" s="23"/>
      <c r="HR692" s="23"/>
      <c r="HS692" s="23"/>
      <c r="HT692" s="23"/>
      <c r="HU692" s="23"/>
      <c r="HV692" s="23"/>
      <c r="HW692" s="23"/>
      <c r="HX692" s="23"/>
      <c r="HY692" s="23"/>
      <c r="HZ692" s="23"/>
      <c r="IA692" s="23"/>
      <c r="IB692" s="23"/>
      <c r="IC692" s="23"/>
      <c r="ID692" s="23"/>
      <c r="IE692" s="23"/>
      <c r="IF692" s="23"/>
      <c r="IG692" s="23"/>
      <c r="IH692" s="23"/>
      <c r="II692" s="23"/>
      <c r="IJ692" s="23"/>
      <c r="IK692" s="23"/>
      <c r="IL692" s="23"/>
      <c r="IM692" s="23"/>
      <c r="IN692" s="23"/>
      <c r="IO692" s="23"/>
      <c r="IP692" s="23"/>
      <c r="IQ692" s="23"/>
    </row>
    <row r="693" spans="1:251" s="50" customFormat="1" ht="18.75" customHeight="1">
      <c r="A693" s="34"/>
      <c r="B693" s="47"/>
      <c r="C693" s="130" t="s">
        <v>167</v>
      </c>
      <c r="D693" s="130"/>
      <c r="E693" s="130"/>
      <c r="F693" s="130"/>
      <c r="G693" s="130"/>
      <c r="H693" s="130"/>
      <c r="I693" s="130"/>
      <c r="J693" s="130"/>
      <c r="K693" s="130"/>
      <c r="L693" s="130"/>
      <c r="M693" s="130"/>
      <c r="N693" s="130"/>
      <c r="O693" s="130"/>
      <c r="P693" s="130"/>
      <c r="Q693" s="130"/>
      <c r="R693" s="130"/>
      <c r="S693" s="130"/>
      <c r="T693" s="130"/>
      <c r="U693" s="130"/>
      <c r="V693" s="130"/>
      <c r="W693" s="130"/>
      <c r="X693" s="130"/>
      <c r="Y693" s="130"/>
      <c r="Z693" s="52"/>
      <c r="AA693" s="132">
        <v>112705</v>
      </c>
      <c r="AB693" s="200"/>
      <c r="AC693" s="200"/>
      <c r="AD693" s="200"/>
      <c r="AE693" s="200"/>
      <c r="AF693" s="200"/>
      <c r="AG693" s="200"/>
      <c r="AH693" s="200"/>
      <c r="AI693" s="201"/>
      <c r="AJ693" s="132">
        <v>87480</v>
      </c>
      <c r="AK693" s="133"/>
      <c r="AL693" s="133"/>
      <c r="AM693" s="133"/>
      <c r="AN693" s="133"/>
      <c r="AO693" s="133"/>
      <c r="AP693" s="133"/>
      <c r="AQ693" s="133"/>
      <c r="AR693" s="134"/>
      <c r="AS693" s="132"/>
      <c r="AT693" s="196"/>
      <c r="AU693" s="196"/>
      <c r="AV693" s="196"/>
      <c r="AW693" s="196"/>
      <c r="AX693" s="202"/>
      <c r="AY693" s="23"/>
      <c r="AZ693" s="23"/>
      <c r="BA693" s="23"/>
      <c r="BB693" s="23"/>
      <c r="BC693" s="23"/>
      <c r="BD693" s="23"/>
      <c r="BE693" s="23"/>
      <c r="BF693" s="23"/>
      <c r="BG693" s="23"/>
      <c r="BH693" s="23"/>
      <c r="BI693" s="23"/>
      <c r="BJ693" s="23"/>
      <c r="BK693" s="23"/>
      <c r="BL693" s="23"/>
      <c r="BM693" s="23"/>
      <c r="BN693" s="23"/>
      <c r="BO693" s="23"/>
      <c r="BP693" s="23"/>
      <c r="BQ693" s="23"/>
      <c r="BR693" s="23"/>
      <c r="BS693" s="23"/>
      <c r="BT693" s="23"/>
      <c r="BU693" s="23"/>
      <c r="BV693" s="23"/>
      <c r="BW693" s="23"/>
      <c r="BX693" s="23"/>
      <c r="BY693" s="23"/>
      <c r="BZ693" s="23"/>
      <c r="CA693" s="23"/>
      <c r="CB693" s="23"/>
      <c r="CC693" s="23"/>
      <c r="CD693" s="23"/>
      <c r="CE693" s="23"/>
      <c r="CF693" s="23"/>
      <c r="CG693" s="23"/>
      <c r="CH693" s="23"/>
      <c r="CI693" s="23"/>
      <c r="CJ693" s="23"/>
      <c r="CK693" s="23"/>
      <c r="CL693" s="23"/>
      <c r="CM693" s="23"/>
      <c r="CN693" s="23"/>
      <c r="CO693" s="23"/>
      <c r="CP693" s="23"/>
      <c r="CQ693" s="23"/>
      <c r="CR693" s="23"/>
      <c r="CS693" s="23"/>
      <c r="CT693" s="23"/>
      <c r="CU693" s="23"/>
      <c r="CV693" s="23"/>
      <c r="CW693" s="23"/>
      <c r="CX693" s="23"/>
      <c r="CY693" s="23"/>
      <c r="CZ693" s="23"/>
      <c r="DA693" s="23"/>
      <c r="DB693" s="23"/>
      <c r="DC693" s="23"/>
      <c r="DD693" s="23"/>
      <c r="DE693" s="23"/>
      <c r="DF693" s="23"/>
      <c r="DG693" s="23"/>
      <c r="DH693" s="23"/>
      <c r="DI693" s="23"/>
      <c r="DJ693" s="23"/>
      <c r="DK693" s="23"/>
      <c r="DL693" s="23"/>
      <c r="DM693" s="23"/>
      <c r="DN693" s="23"/>
      <c r="DO693" s="23"/>
      <c r="DP693" s="23"/>
      <c r="DQ693" s="23"/>
      <c r="DR693" s="23"/>
      <c r="DS693" s="23"/>
      <c r="DT693" s="23"/>
      <c r="DU693" s="23"/>
      <c r="DV693" s="23"/>
      <c r="DW693" s="23"/>
      <c r="DX693" s="23"/>
      <c r="DY693" s="23"/>
      <c r="DZ693" s="23"/>
      <c r="EA693" s="23"/>
      <c r="EB693" s="23"/>
      <c r="EC693" s="23"/>
      <c r="ED693" s="23"/>
      <c r="EE693" s="23"/>
      <c r="EF693" s="23"/>
      <c r="EG693" s="23"/>
      <c r="EH693" s="23"/>
      <c r="EI693" s="23"/>
      <c r="EJ693" s="23"/>
      <c r="EK693" s="23"/>
      <c r="EL693" s="23"/>
      <c r="EM693" s="23"/>
      <c r="EN693" s="23"/>
      <c r="EO693" s="23"/>
      <c r="EP693" s="23"/>
      <c r="EQ693" s="23"/>
      <c r="ER693" s="23"/>
      <c r="ES693" s="23"/>
      <c r="ET693" s="23"/>
      <c r="EU693" s="23"/>
      <c r="EV693" s="23"/>
      <c r="EW693" s="23"/>
      <c r="EX693" s="23"/>
      <c r="EY693" s="23"/>
      <c r="EZ693" s="23"/>
      <c r="FA693" s="23"/>
      <c r="FB693" s="23"/>
      <c r="FC693" s="23"/>
      <c r="FD693" s="23"/>
      <c r="FE693" s="23"/>
      <c r="FF693" s="23"/>
      <c r="FG693" s="23"/>
      <c r="FH693" s="23"/>
      <c r="FI693" s="23"/>
      <c r="FJ693" s="23"/>
      <c r="FK693" s="23"/>
      <c r="FL693" s="23"/>
      <c r="FM693" s="23"/>
      <c r="FN693" s="23"/>
      <c r="FO693" s="23"/>
      <c r="FP693" s="23"/>
      <c r="FQ693" s="23"/>
      <c r="FR693" s="23"/>
      <c r="FS693" s="23"/>
      <c r="FT693" s="23"/>
      <c r="FU693" s="23"/>
      <c r="FV693" s="23"/>
      <c r="FW693" s="23"/>
      <c r="FX693" s="23"/>
      <c r="FY693" s="23"/>
      <c r="FZ693" s="23"/>
      <c r="GA693" s="23"/>
      <c r="GB693" s="23"/>
      <c r="GC693" s="23"/>
      <c r="GD693" s="23"/>
      <c r="GE693" s="23"/>
      <c r="GF693" s="23"/>
      <c r="GG693" s="23"/>
      <c r="GH693" s="23"/>
      <c r="GI693" s="23"/>
      <c r="GJ693" s="23"/>
      <c r="GK693" s="23"/>
      <c r="GL693" s="23"/>
      <c r="GM693" s="23"/>
      <c r="GN693" s="23"/>
      <c r="GO693" s="23"/>
      <c r="GP693" s="23"/>
      <c r="GQ693" s="23"/>
      <c r="GR693" s="23"/>
      <c r="GS693" s="23"/>
      <c r="GT693" s="23"/>
      <c r="GU693" s="23"/>
      <c r="GV693" s="23"/>
      <c r="GW693" s="23"/>
      <c r="GX693" s="23"/>
      <c r="GY693" s="23"/>
      <c r="GZ693" s="23"/>
      <c r="HA693" s="23"/>
      <c r="HB693" s="23"/>
      <c r="HC693" s="23"/>
      <c r="HD693" s="23"/>
      <c r="HE693" s="23"/>
      <c r="HF693" s="23"/>
      <c r="HG693" s="23"/>
      <c r="HH693" s="23"/>
      <c r="HI693" s="23"/>
      <c r="HJ693" s="23"/>
      <c r="HK693" s="23"/>
      <c r="HL693" s="23"/>
      <c r="HM693" s="23"/>
      <c r="HN693" s="23"/>
      <c r="HO693" s="23"/>
      <c r="HP693" s="23"/>
      <c r="HQ693" s="23"/>
      <c r="HR693" s="23"/>
      <c r="HS693" s="23"/>
      <c r="HT693" s="23"/>
      <c r="HU693" s="23"/>
      <c r="HV693" s="23"/>
      <c r="HW693" s="23"/>
      <c r="HX693" s="23"/>
      <c r="HY693" s="23"/>
      <c r="HZ693" s="23"/>
      <c r="IA693" s="23"/>
      <c r="IB693" s="23"/>
      <c r="IC693" s="23"/>
      <c r="ID693" s="23"/>
      <c r="IE693" s="23"/>
      <c r="IF693" s="23"/>
      <c r="IG693" s="23"/>
      <c r="IH693" s="23"/>
      <c r="II693" s="23"/>
      <c r="IJ693" s="23"/>
      <c r="IK693" s="23"/>
      <c r="IL693" s="23"/>
      <c r="IM693" s="23"/>
      <c r="IN693" s="23"/>
      <c r="IO693" s="23"/>
      <c r="IP693" s="23"/>
      <c r="IQ693" s="23"/>
    </row>
    <row r="694" spans="1:251" s="50" customFormat="1" ht="18.75" customHeight="1">
      <c r="A694" s="34"/>
      <c r="B694" s="47"/>
      <c r="C694" s="130"/>
      <c r="D694" s="130"/>
      <c r="E694" s="130"/>
      <c r="F694" s="130"/>
      <c r="G694" s="130"/>
      <c r="H694" s="130"/>
      <c r="I694" s="130"/>
      <c r="J694" s="130"/>
      <c r="K694" s="130"/>
      <c r="L694" s="130"/>
      <c r="M694" s="130"/>
      <c r="N694" s="130"/>
      <c r="O694" s="130"/>
      <c r="P694" s="130"/>
      <c r="Q694" s="130"/>
      <c r="R694" s="130"/>
      <c r="S694" s="130"/>
      <c r="T694" s="130"/>
      <c r="U694" s="130"/>
      <c r="V694" s="130"/>
      <c r="W694" s="130"/>
      <c r="X694" s="130"/>
      <c r="Y694" s="130"/>
      <c r="Z694" s="52"/>
      <c r="AA694" s="132"/>
      <c r="AB694" s="200"/>
      <c r="AC694" s="200"/>
      <c r="AD694" s="200"/>
      <c r="AE694" s="200"/>
      <c r="AF694" s="200"/>
      <c r="AG694" s="200"/>
      <c r="AH694" s="200"/>
      <c r="AI694" s="201"/>
      <c r="AJ694" s="132"/>
      <c r="AK694" s="196"/>
      <c r="AL694" s="196"/>
      <c r="AM694" s="196"/>
      <c r="AN694" s="196"/>
      <c r="AO694" s="196"/>
      <c r="AP694" s="196"/>
      <c r="AQ694" s="196"/>
      <c r="AR694" s="197"/>
      <c r="AS694" s="132"/>
      <c r="AT694" s="196"/>
      <c r="AU694" s="196"/>
      <c r="AV694" s="196"/>
      <c r="AW694" s="196"/>
      <c r="AX694" s="202"/>
      <c r="AY694" s="23"/>
      <c r="AZ694" s="23"/>
      <c r="BA694" s="23"/>
      <c r="BB694" s="23"/>
      <c r="BC694" s="23"/>
      <c r="BD694" s="23"/>
      <c r="BE694" s="23"/>
      <c r="BF694" s="23"/>
      <c r="BG694" s="23"/>
      <c r="BH694" s="23"/>
      <c r="BI694" s="23"/>
      <c r="BJ694" s="23"/>
      <c r="BK694" s="23"/>
      <c r="BL694" s="23"/>
      <c r="BM694" s="23"/>
      <c r="BN694" s="23"/>
      <c r="BO694" s="23"/>
      <c r="BP694" s="23"/>
      <c r="BQ694" s="23"/>
      <c r="BR694" s="23"/>
      <c r="BS694" s="23"/>
      <c r="BT694" s="23"/>
      <c r="BU694" s="23"/>
      <c r="BV694" s="23"/>
      <c r="BW694" s="23"/>
      <c r="BX694" s="23"/>
      <c r="BY694" s="23"/>
      <c r="BZ694" s="23"/>
      <c r="CA694" s="23"/>
      <c r="CB694" s="23"/>
      <c r="CC694" s="23"/>
      <c r="CD694" s="23"/>
      <c r="CE694" s="23"/>
      <c r="CF694" s="23"/>
      <c r="CG694" s="23"/>
      <c r="CH694" s="23"/>
      <c r="CI694" s="23"/>
      <c r="CJ694" s="23"/>
      <c r="CK694" s="23"/>
      <c r="CL694" s="23"/>
      <c r="CM694" s="23"/>
      <c r="CN694" s="23"/>
      <c r="CO694" s="23"/>
      <c r="CP694" s="23"/>
      <c r="CQ694" s="23"/>
      <c r="CR694" s="23"/>
      <c r="CS694" s="23"/>
      <c r="CT694" s="23"/>
      <c r="CU694" s="23"/>
      <c r="CV694" s="23"/>
      <c r="CW694" s="23"/>
      <c r="CX694" s="23"/>
      <c r="CY694" s="23"/>
      <c r="CZ694" s="23"/>
      <c r="DA694" s="23"/>
      <c r="DB694" s="23"/>
      <c r="DC694" s="23"/>
      <c r="DD694" s="23"/>
      <c r="DE694" s="23"/>
      <c r="DF694" s="23"/>
      <c r="DG694" s="23"/>
      <c r="DH694" s="23"/>
      <c r="DI694" s="23"/>
      <c r="DJ694" s="23"/>
      <c r="DK694" s="23"/>
      <c r="DL694" s="23"/>
      <c r="DM694" s="23"/>
      <c r="DN694" s="23"/>
      <c r="DO694" s="23"/>
      <c r="DP694" s="23"/>
      <c r="DQ694" s="23"/>
      <c r="DR694" s="23"/>
      <c r="DS694" s="23"/>
      <c r="DT694" s="23"/>
      <c r="DU694" s="23"/>
      <c r="DV694" s="23"/>
      <c r="DW694" s="23"/>
      <c r="DX694" s="23"/>
      <c r="DY694" s="23"/>
      <c r="DZ694" s="23"/>
      <c r="EA694" s="23"/>
      <c r="EB694" s="23"/>
      <c r="EC694" s="23"/>
      <c r="ED694" s="23"/>
      <c r="EE694" s="23"/>
      <c r="EF694" s="23"/>
      <c r="EG694" s="23"/>
      <c r="EH694" s="23"/>
      <c r="EI694" s="23"/>
      <c r="EJ694" s="23"/>
      <c r="EK694" s="23"/>
      <c r="EL694" s="23"/>
      <c r="EM694" s="23"/>
      <c r="EN694" s="23"/>
      <c r="EO694" s="23"/>
      <c r="EP694" s="23"/>
      <c r="EQ694" s="23"/>
      <c r="ER694" s="23"/>
      <c r="ES694" s="23"/>
      <c r="ET694" s="23"/>
      <c r="EU694" s="23"/>
      <c r="EV694" s="23"/>
      <c r="EW694" s="23"/>
      <c r="EX694" s="23"/>
      <c r="EY694" s="23"/>
      <c r="EZ694" s="23"/>
      <c r="FA694" s="23"/>
      <c r="FB694" s="23"/>
      <c r="FC694" s="23"/>
      <c r="FD694" s="23"/>
      <c r="FE694" s="23"/>
      <c r="FF694" s="23"/>
      <c r="FG694" s="23"/>
      <c r="FH694" s="23"/>
      <c r="FI694" s="23"/>
      <c r="FJ694" s="23"/>
      <c r="FK694" s="23"/>
      <c r="FL694" s="23"/>
      <c r="FM694" s="23"/>
      <c r="FN694" s="23"/>
      <c r="FO694" s="23"/>
      <c r="FP694" s="23"/>
      <c r="FQ694" s="23"/>
      <c r="FR694" s="23"/>
      <c r="FS694" s="23"/>
      <c r="FT694" s="23"/>
      <c r="FU694" s="23"/>
      <c r="FV694" s="23"/>
      <c r="FW694" s="23"/>
      <c r="FX694" s="23"/>
      <c r="FY694" s="23"/>
      <c r="FZ694" s="23"/>
      <c r="GA694" s="23"/>
      <c r="GB694" s="23"/>
      <c r="GC694" s="23"/>
      <c r="GD694" s="23"/>
      <c r="GE694" s="23"/>
      <c r="GF694" s="23"/>
      <c r="GG694" s="23"/>
      <c r="GH694" s="23"/>
      <c r="GI694" s="23"/>
      <c r="GJ694" s="23"/>
      <c r="GK694" s="23"/>
      <c r="GL694" s="23"/>
      <c r="GM694" s="23"/>
      <c r="GN694" s="23"/>
      <c r="GO694" s="23"/>
      <c r="GP694" s="23"/>
      <c r="GQ694" s="23"/>
      <c r="GR694" s="23"/>
      <c r="GS694" s="23"/>
      <c r="GT694" s="23"/>
      <c r="GU694" s="23"/>
      <c r="GV694" s="23"/>
      <c r="GW694" s="23"/>
      <c r="GX694" s="23"/>
      <c r="GY694" s="23"/>
      <c r="GZ694" s="23"/>
      <c r="HA694" s="23"/>
      <c r="HB694" s="23"/>
      <c r="HC694" s="23"/>
      <c r="HD694" s="23"/>
      <c r="HE694" s="23"/>
      <c r="HF694" s="23"/>
      <c r="HG694" s="23"/>
      <c r="HH694" s="23"/>
      <c r="HI694" s="23"/>
      <c r="HJ694" s="23"/>
      <c r="HK694" s="23"/>
      <c r="HL694" s="23"/>
      <c r="HM694" s="23"/>
      <c r="HN694" s="23"/>
      <c r="HO694" s="23"/>
      <c r="HP694" s="23"/>
      <c r="HQ694" s="23"/>
      <c r="HR694" s="23"/>
      <c r="HS694" s="23"/>
      <c r="HT694" s="23"/>
      <c r="HU694" s="23"/>
      <c r="HV694" s="23"/>
      <c r="HW694" s="23"/>
      <c r="HX694" s="23"/>
      <c r="HY694" s="23"/>
      <c r="HZ694" s="23"/>
      <c r="IA694" s="23"/>
      <c r="IB694" s="23"/>
      <c r="IC694" s="23"/>
      <c r="ID694" s="23"/>
      <c r="IE694" s="23"/>
      <c r="IF694" s="23"/>
      <c r="IG694" s="23"/>
      <c r="IH694" s="23"/>
      <c r="II694" s="23"/>
      <c r="IJ694" s="23"/>
      <c r="IK694" s="23"/>
      <c r="IL694" s="23"/>
      <c r="IM694" s="23"/>
      <c r="IN694" s="23"/>
      <c r="IO694" s="23"/>
      <c r="IP694" s="23"/>
      <c r="IQ694" s="23"/>
    </row>
    <row r="695" spans="1:251" s="50" customFormat="1" ht="18.75" customHeight="1">
      <c r="A695" s="34"/>
      <c r="B695" s="47"/>
      <c r="C695" s="130"/>
      <c r="D695" s="130"/>
      <c r="E695" s="130"/>
      <c r="F695" s="130"/>
      <c r="G695" s="130"/>
      <c r="H695" s="130"/>
      <c r="I695" s="130"/>
      <c r="J695" s="130"/>
      <c r="K695" s="130"/>
      <c r="L695" s="130"/>
      <c r="M695" s="130"/>
      <c r="N695" s="130"/>
      <c r="O695" s="130"/>
      <c r="P695" s="130"/>
      <c r="Q695" s="130"/>
      <c r="R695" s="130"/>
      <c r="S695" s="130"/>
      <c r="T695" s="130"/>
      <c r="U695" s="130"/>
      <c r="V695" s="130"/>
      <c r="W695" s="130"/>
      <c r="X695" s="130"/>
      <c r="Y695" s="130"/>
      <c r="Z695" s="52"/>
      <c r="AA695" s="132"/>
      <c r="AB695" s="200"/>
      <c r="AC695" s="200"/>
      <c r="AD695" s="200"/>
      <c r="AE695" s="200"/>
      <c r="AF695" s="200"/>
      <c r="AG695" s="200"/>
      <c r="AH695" s="200"/>
      <c r="AI695" s="201"/>
      <c r="AJ695" s="132"/>
      <c r="AK695" s="196"/>
      <c r="AL695" s="196"/>
      <c r="AM695" s="196"/>
      <c r="AN695" s="196"/>
      <c r="AO695" s="196"/>
      <c r="AP695" s="196"/>
      <c r="AQ695" s="196"/>
      <c r="AR695" s="197"/>
      <c r="AS695" s="132"/>
      <c r="AT695" s="196"/>
      <c r="AU695" s="196"/>
      <c r="AV695" s="196"/>
      <c r="AW695" s="196"/>
      <c r="AX695" s="202"/>
      <c r="AY695" s="23"/>
      <c r="AZ695" s="23"/>
      <c r="BA695" s="23"/>
      <c r="BB695" s="23"/>
      <c r="BC695" s="23"/>
      <c r="BD695" s="23"/>
      <c r="BE695" s="23"/>
      <c r="BF695" s="23"/>
      <c r="BG695" s="23"/>
      <c r="BH695" s="23"/>
      <c r="BI695" s="23"/>
      <c r="BJ695" s="23"/>
      <c r="BK695" s="23"/>
      <c r="BL695" s="23"/>
      <c r="BM695" s="23"/>
      <c r="BN695" s="23"/>
      <c r="BO695" s="23"/>
      <c r="BP695" s="23"/>
      <c r="BQ695" s="23"/>
      <c r="BR695" s="23"/>
      <c r="BS695" s="23"/>
      <c r="BT695" s="23"/>
      <c r="BU695" s="23"/>
      <c r="BV695" s="23"/>
      <c r="BW695" s="23"/>
      <c r="BX695" s="23"/>
      <c r="BY695" s="23"/>
      <c r="BZ695" s="23"/>
      <c r="CA695" s="23"/>
      <c r="CB695" s="23"/>
      <c r="CC695" s="23"/>
      <c r="CD695" s="23"/>
      <c r="CE695" s="23"/>
      <c r="CF695" s="23"/>
      <c r="CG695" s="23"/>
      <c r="CH695" s="23"/>
      <c r="CI695" s="23"/>
      <c r="CJ695" s="23"/>
      <c r="CK695" s="23"/>
      <c r="CL695" s="23"/>
      <c r="CM695" s="23"/>
      <c r="CN695" s="23"/>
      <c r="CO695" s="23"/>
      <c r="CP695" s="23"/>
      <c r="CQ695" s="23"/>
      <c r="CR695" s="23"/>
      <c r="CS695" s="23"/>
      <c r="CT695" s="23"/>
      <c r="CU695" s="23"/>
      <c r="CV695" s="23"/>
      <c r="CW695" s="23"/>
      <c r="CX695" s="23"/>
      <c r="CY695" s="23"/>
      <c r="CZ695" s="23"/>
      <c r="DA695" s="23"/>
      <c r="DB695" s="23"/>
      <c r="DC695" s="23"/>
      <c r="DD695" s="23"/>
      <c r="DE695" s="23"/>
      <c r="DF695" s="23"/>
      <c r="DG695" s="23"/>
      <c r="DH695" s="23"/>
      <c r="DI695" s="23"/>
      <c r="DJ695" s="23"/>
      <c r="DK695" s="23"/>
      <c r="DL695" s="23"/>
      <c r="DM695" s="23"/>
      <c r="DN695" s="23"/>
      <c r="DO695" s="23"/>
      <c r="DP695" s="23"/>
      <c r="DQ695" s="23"/>
      <c r="DR695" s="23"/>
      <c r="DS695" s="23"/>
      <c r="DT695" s="23"/>
      <c r="DU695" s="23"/>
      <c r="DV695" s="23"/>
      <c r="DW695" s="23"/>
      <c r="DX695" s="23"/>
      <c r="DY695" s="23"/>
      <c r="DZ695" s="23"/>
      <c r="EA695" s="23"/>
      <c r="EB695" s="23"/>
      <c r="EC695" s="23"/>
      <c r="ED695" s="23"/>
      <c r="EE695" s="23"/>
      <c r="EF695" s="23"/>
      <c r="EG695" s="23"/>
      <c r="EH695" s="23"/>
      <c r="EI695" s="23"/>
      <c r="EJ695" s="23"/>
      <c r="EK695" s="23"/>
      <c r="EL695" s="23"/>
      <c r="EM695" s="23"/>
      <c r="EN695" s="23"/>
      <c r="EO695" s="23"/>
      <c r="EP695" s="23"/>
      <c r="EQ695" s="23"/>
      <c r="ER695" s="23"/>
      <c r="ES695" s="23"/>
      <c r="ET695" s="23"/>
      <c r="EU695" s="23"/>
      <c r="EV695" s="23"/>
      <c r="EW695" s="23"/>
      <c r="EX695" s="23"/>
      <c r="EY695" s="23"/>
      <c r="EZ695" s="23"/>
      <c r="FA695" s="23"/>
      <c r="FB695" s="23"/>
      <c r="FC695" s="23"/>
      <c r="FD695" s="23"/>
      <c r="FE695" s="23"/>
      <c r="FF695" s="23"/>
      <c r="FG695" s="23"/>
      <c r="FH695" s="23"/>
      <c r="FI695" s="23"/>
      <c r="FJ695" s="23"/>
      <c r="FK695" s="23"/>
      <c r="FL695" s="23"/>
      <c r="FM695" s="23"/>
      <c r="FN695" s="23"/>
      <c r="FO695" s="23"/>
      <c r="FP695" s="23"/>
      <c r="FQ695" s="23"/>
      <c r="FR695" s="23"/>
      <c r="FS695" s="23"/>
      <c r="FT695" s="23"/>
      <c r="FU695" s="23"/>
      <c r="FV695" s="23"/>
      <c r="FW695" s="23"/>
      <c r="FX695" s="23"/>
      <c r="FY695" s="23"/>
      <c r="FZ695" s="23"/>
      <c r="GA695" s="23"/>
      <c r="GB695" s="23"/>
      <c r="GC695" s="23"/>
      <c r="GD695" s="23"/>
      <c r="GE695" s="23"/>
      <c r="GF695" s="23"/>
      <c r="GG695" s="23"/>
      <c r="GH695" s="23"/>
      <c r="GI695" s="23"/>
      <c r="GJ695" s="23"/>
      <c r="GK695" s="23"/>
      <c r="GL695" s="23"/>
      <c r="GM695" s="23"/>
      <c r="GN695" s="23"/>
      <c r="GO695" s="23"/>
      <c r="GP695" s="23"/>
      <c r="GQ695" s="23"/>
      <c r="GR695" s="23"/>
      <c r="GS695" s="23"/>
      <c r="GT695" s="23"/>
      <c r="GU695" s="23"/>
      <c r="GV695" s="23"/>
      <c r="GW695" s="23"/>
      <c r="GX695" s="23"/>
      <c r="GY695" s="23"/>
      <c r="GZ695" s="23"/>
      <c r="HA695" s="23"/>
      <c r="HB695" s="23"/>
      <c r="HC695" s="23"/>
      <c r="HD695" s="23"/>
      <c r="HE695" s="23"/>
      <c r="HF695" s="23"/>
      <c r="HG695" s="23"/>
      <c r="HH695" s="23"/>
      <c r="HI695" s="23"/>
      <c r="HJ695" s="23"/>
      <c r="HK695" s="23"/>
      <c r="HL695" s="23"/>
      <c r="HM695" s="23"/>
      <c r="HN695" s="23"/>
      <c r="HO695" s="23"/>
      <c r="HP695" s="23"/>
      <c r="HQ695" s="23"/>
      <c r="HR695" s="23"/>
      <c r="HS695" s="23"/>
      <c r="HT695" s="23"/>
      <c r="HU695" s="23"/>
      <c r="HV695" s="23"/>
      <c r="HW695" s="23"/>
      <c r="HX695" s="23"/>
      <c r="HY695" s="23"/>
      <c r="HZ695" s="23"/>
      <c r="IA695" s="23"/>
      <c r="IB695" s="23"/>
      <c r="IC695" s="23"/>
      <c r="ID695" s="23"/>
      <c r="IE695" s="23"/>
      <c r="IF695" s="23"/>
      <c r="IG695" s="23"/>
      <c r="IH695" s="23"/>
      <c r="II695" s="23"/>
      <c r="IJ695" s="23"/>
      <c r="IK695" s="23"/>
      <c r="IL695" s="23"/>
      <c r="IM695" s="23"/>
      <c r="IN695" s="23"/>
      <c r="IO695" s="23"/>
      <c r="IP695" s="23"/>
      <c r="IQ695" s="23"/>
    </row>
    <row r="696" spans="1:251" s="50" customFormat="1" ht="18.75" customHeight="1">
      <c r="A696" s="34"/>
      <c r="B696" s="48"/>
      <c r="C696" s="130"/>
      <c r="D696" s="130"/>
      <c r="E696" s="130"/>
      <c r="F696" s="130"/>
      <c r="G696" s="130"/>
      <c r="H696" s="130"/>
      <c r="I696" s="130"/>
      <c r="J696" s="130"/>
      <c r="K696" s="130"/>
      <c r="L696" s="130"/>
      <c r="M696" s="130"/>
      <c r="N696" s="130"/>
      <c r="O696" s="130"/>
      <c r="P696" s="130"/>
      <c r="Q696" s="130"/>
      <c r="R696" s="130"/>
      <c r="S696" s="130"/>
      <c r="T696" s="130"/>
      <c r="U696" s="130"/>
      <c r="V696" s="130"/>
      <c r="W696" s="130"/>
      <c r="X696" s="130"/>
      <c r="Y696" s="130"/>
      <c r="Z696" s="53"/>
      <c r="AA696" s="132"/>
      <c r="AB696" s="200"/>
      <c r="AC696" s="200"/>
      <c r="AD696" s="200"/>
      <c r="AE696" s="200"/>
      <c r="AF696" s="200"/>
      <c r="AG696" s="200"/>
      <c r="AH696" s="200"/>
      <c r="AI696" s="201"/>
      <c r="AJ696" s="132"/>
      <c r="AK696" s="196"/>
      <c r="AL696" s="196"/>
      <c r="AM696" s="196"/>
      <c r="AN696" s="196"/>
      <c r="AO696" s="196"/>
      <c r="AP696" s="196"/>
      <c r="AQ696" s="196"/>
      <c r="AR696" s="197"/>
      <c r="AS696" s="136"/>
      <c r="AT696" s="198"/>
      <c r="AU696" s="198"/>
      <c r="AV696" s="198"/>
      <c r="AW696" s="198"/>
      <c r="AX696" s="199"/>
      <c r="AY696" s="23"/>
      <c r="AZ696" s="23"/>
      <c r="BA696" s="23"/>
      <c r="BB696" s="23"/>
      <c r="BC696" s="23"/>
      <c r="BD696" s="23"/>
      <c r="BE696" s="23"/>
      <c r="BF696" s="23"/>
      <c r="BG696" s="23"/>
      <c r="BH696" s="23"/>
      <c r="BI696" s="23"/>
      <c r="BJ696" s="23"/>
      <c r="BK696" s="23"/>
      <c r="BL696" s="23"/>
      <c r="BM696" s="23"/>
      <c r="BN696" s="23"/>
      <c r="BO696" s="23"/>
      <c r="BP696" s="23"/>
      <c r="BQ696" s="23"/>
      <c r="BR696" s="23"/>
      <c r="BS696" s="23"/>
      <c r="BT696" s="23"/>
      <c r="BU696" s="23"/>
      <c r="BV696" s="23"/>
      <c r="BW696" s="23"/>
      <c r="BX696" s="23"/>
      <c r="BY696" s="23"/>
      <c r="BZ696" s="23"/>
      <c r="CA696" s="23"/>
      <c r="CB696" s="23"/>
      <c r="CC696" s="23"/>
      <c r="CD696" s="23"/>
      <c r="CE696" s="23"/>
      <c r="CF696" s="23"/>
      <c r="CG696" s="23"/>
      <c r="CH696" s="23"/>
      <c r="CI696" s="23"/>
      <c r="CJ696" s="23"/>
      <c r="CK696" s="23"/>
      <c r="CL696" s="23"/>
      <c r="CM696" s="23"/>
      <c r="CN696" s="23"/>
      <c r="CO696" s="23"/>
      <c r="CP696" s="23"/>
      <c r="CQ696" s="23"/>
      <c r="CR696" s="23"/>
      <c r="CS696" s="23"/>
      <c r="CT696" s="23"/>
      <c r="CU696" s="23"/>
      <c r="CV696" s="23"/>
      <c r="CW696" s="23"/>
      <c r="CX696" s="23"/>
      <c r="CY696" s="23"/>
      <c r="CZ696" s="23"/>
      <c r="DA696" s="23"/>
      <c r="DB696" s="23"/>
      <c r="DC696" s="23"/>
      <c r="DD696" s="23"/>
      <c r="DE696" s="23"/>
      <c r="DF696" s="23"/>
      <c r="DG696" s="23"/>
      <c r="DH696" s="23"/>
      <c r="DI696" s="23"/>
      <c r="DJ696" s="23"/>
      <c r="DK696" s="23"/>
      <c r="DL696" s="23"/>
      <c r="DM696" s="23"/>
      <c r="DN696" s="23"/>
      <c r="DO696" s="23"/>
      <c r="DP696" s="23"/>
      <c r="DQ696" s="23"/>
      <c r="DR696" s="23"/>
      <c r="DS696" s="23"/>
      <c r="DT696" s="23"/>
      <c r="DU696" s="23"/>
      <c r="DV696" s="23"/>
      <c r="DW696" s="23"/>
      <c r="DX696" s="23"/>
      <c r="DY696" s="23"/>
      <c r="DZ696" s="23"/>
      <c r="EA696" s="23"/>
      <c r="EB696" s="23"/>
      <c r="EC696" s="23"/>
      <c r="ED696" s="23"/>
      <c r="EE696" s="23"/>
      <c r="EF696" s="23"/>
      <c r="EG696" s="23"/>
      <c r="EH696" s="23"/>
      <c r="EI696" s="23"/>
      <c r="EJ696" s="23"/>
      <c r="EK696" s="23"/>
      <c r="EL696" s="23"/>
      <c r="EM696" s="23"/>
      <c r="EN696" s="23"/>
      <c r="EO696" s="23"/>
      <c r="EP696" s="23"/>
      <c r="EQ696" s="23"/>
      <c r="ER696" s="23"/>
      <c r="ES696" s="23"/>
      <c r="ET696" s="23"/>
      <c r="EU696" s="23"/>
      <c r="EV696" s="23"/>
      <c r="EW696" s="23"/>
      <c r="EX696" s="23"/>
      <c r="EY696" s="23"/>
      <c r="EZ696" s="23"/>
      <c r="FA696" s="23"/>
      <c r="FB696" s="23"/>
      <c r="FC696" s="23"/>
      <c r="FD696" s="23"/>
      <c r="FE696" s="23"/>
      <c r="FF696" s="23"/>
      <c r="FG696" s="23"/>
      <c r="FH696" s="23"/>
      <c r="FI696" s="23"/>
      <c r="FJ696" s="23"/>
      <c r="FK696" s="23"/>
      <c r="FL696" s="23"/>
      <c r="FM696" s="23"/>
      <c r="FN696" s="23"/>
      <c r="FO696" s="23"/>
      <c r="FP696" s="23"/>
      <c r="FQ696" s="23"/>
      <c r="FR696" s="23"/>
      <c r="FS696" s="23"/>
      <c r="FT696" s="23"/>
      <c r="FU696" s="23"/>
      <c r="FV696" s="23"/>
      <c r="FW696" s="23"/>
      <c r="FX696" s="23"/>
      <c r="FY696" s="23"/>
      <c r="FZ696" s="23"/>
      <c r="GA696" s="23"/>
      <c r="GB696" s="23"/>
      <c r="GC696" s="23"/>
      <c r="GD696" s="23"/>
      <c r="GE696" s="23"/>
      <c r="GF696" s="23"/>
      <c r="GG696" s="23"/>
      <c r="GH696" s="23"/>
      <c r="GI696" s="23"/>
      <c r="GJ696" s="23"/>
      <c r="GK696" s="23"/>
      <c r="GL696" s="23"/>
      <c r="GM696" s="23"/>
      <c r="GN696" s="23"/>
      <c r="GO696" s="23"/>
      <c r="GP696" s="23"/>
      <c r="GQ696" s="23"/>
      <c r="GR696" s="23"/>
      <c r="GS696" s="23"/>
      <c r="GT696" s="23"/>
      <c r="GU696" s="23"/>
      <c r="GV696" s="23"/>
      <c r="GW696" s="23"/>
      <c r="GX696" s="23"/>
      <c r="GY696" s="23"/>
      <c r="GZ696" s="23"/>
      <c r="HA696" s="23"/>
      <c r="HB696" s="23"/>
      <c r="HC696" s="23"/>
      <c r="HD696" s="23"/>
      <c r="HE696" s="23"/>
      <c r="HF696" s="23"/>
      <c r="HG696" s="23"/>
      <c r="HH696" s="23"/>
      <c r="HI696" s="23"/>
      <c r="HJ696" s="23"/>
      <c r="HK696" s="23"/>
      <c r="HL696" s="23"/>
      <c r="HM696" s="23"/>
      <c r="HN696" s="23"/>
      <c r="HO696" s="23"/>
      <c r="HP696" s="23"/>
      <c r="HQ696" s="23"/>
      <c r="HR696" s="23"/>
      <c r="HS696" s="23"/>
      <c r="HT696" s="23"/>
      <c r="HU696" s="23"/>
      <c r="HV696" s="23"/>
      <c r="HW696" s="23"/>
      <c r="HX696" s="23"/>
      <c r="HY696" s="23"/>
      <c r="HZ696" s="23"/>
      <c r="IA696" s="23"/>
      <c r="IB696" s="23"/>
      <c r="IC696" s="23"/>
      <c r="ID696" s="23"/>
      <c r="IE696" s="23"/>
      <c r="IF696" s="23"/>
      <c r="IG696" s="23"/>
      <c r="IH696" s="23"/>
      <c r="II696" s="23"/>
      <c r="IJ696" s="23"/>
      <c r="IK696" s="23"/>
      <c r="IL696" s="23"/>
      <c r="IM696" s="23"/>
      <c r="IN696" s="23"/>
      <c r="IO696" s="23"/>
      <c r="IP696" s="23"/>
      <c r="IQ696" s="23"/>
    </row>
    <row r="697" spans="1:251" s="50" customFormat="1" ht="18.75" customHeight="1">
      <c r="A697" s="34"/>
      <c r="B697" s="47"/>
      <c r="C697" s="130"/>
      <c r="D697" s="130"/>
      <c r="E697" s="130"/>
      <c r="F697" s="130"/>
      <c r="G697" s="130"/>
      <c r="H697" s="130"/>
      <c r="I697" s="130"/>
      <c r="J697" s="130"/>
      <c r="K697" s="130"/>
      <c r="L697" s="130"/>
      <c r="M697" s="130"/>
      <c r="N697" s="130"/>
      <c r="O697" s="130"/>
      <c r="P697" s="130"/>
      <c r="Q697" s="130"/>
      <c r="R697" s="130"/>
      <c r="S697" s="130"/>
      <c r="T697" s="130"/>
      <c r="U697" s="130"/>
      <c r="V697" s="130"/>
      <c r="W697" s="130"/>
      <c r="X697" s="130"/>
      <c r="Y697" s="130"/>
      <c r="Z697" s="52"/>
      <c r="AA697" s="132"/>
      <c r="AB697" s="200"/>
      <c r="AC697" s="200"/>
      <c r="AD697" s="200"/>
      <c r="AE697" s="200"/>
      <c r="AF697" s="200"/>
      <c r="AG697" s="200"/>
      <c r="AH697" s="200"/>
      <c r="AI697" s="201"/>
      <c r="AJ697" s="132"/>
      <c r="AK697" s="196"/>
      <c r="AL697" s="196"/>
      <c r="AM697" s="196"/>
      <c r="AN697" s="196"/>
      <c r="AO697" s="196"/>
      <c r="AP697" s="196"/>
      <c r="AQ697" s="196"/>
      <c r="AR697" s="197"/>
      <c r="AS697" s="132"/>
      <c r="AT697" s="196"/>
      <c r="AU697" s="196"/>
      <c r="AV697" s="196"/>
      <c r="AW697" s="196"/>
      <c r="AX697" s="202"/>
      <c r="AY697" s="23"/>
      <c r="AZ697" s="23"/>
      <c r="BA697" s="23"/>
      <c r="BB697" s="23"/>
      <c r="BC697" s="23"/>
      <c r="BD697" s="23"/>
      <c r="BE697" s="23"/>
      <c r="BF697" s="23"/>
      <c r="BG697" s="23"/>
      <c r="BH697" s="23"/>
      <c r="BI697" s="23"/>
      <c r="BJ697" s="23"/>
      <c r="BK697" s="23"/>
      <c r="BL697" s="23"/>
      <c r="BM697" s="23"/>
      <c r="BN697" s="23"/>
      <c r="BO697" s="23"/>
      <c r="BP697" s="23"/>
      <c r="BQ697" s="23"/>
      <c r="BR697" s="23"/>
      <c r="BS697" s="23"/>
      <c r="BT697" s="23"/>
      <c r="BU697" s="23"/>
      <c r="BV697" s="23"/>
      <c r="BW697" s="23"/>
      <c r="BX697" s="23"/>
      <c r="BY697" s="23"/>
      <c r="BZ697" s="23"/>
      <c r="CA697" s="23"/>
      <c r="CB697" s="23"/>
      <c r="CC697" s="23"/>
      <c r="CD697" s="23"/>
      <c r="CE697" s="23"/>
      <c r="CF697" s="23"/>
      <c r="CG697" s="23"/>
      <c r="CH697" s="23"/>
      <c r="CI697" s="23"/>
      <c r="CJ697" s="23"/>
      <c r="CK697" s="23"/>
      <c r="CL697" s="23"/>
      <c r="CM697" s="23"/>
      <c r="CN697" s="23"/>
      <c r="CO697" s="23"/>
      <c r="CP697" s="23"/>
      <c r="CQ697" s="23"/>
      <c r="CR697" s="23"/>
      <c r="CS697" s="23"/>
      <c r="CT697" s="23"/>
      <c r="CU697" s="23"/>
      <c r="CV697" s="23"/>
      <c r="CW697" s="23"/>
      <c r="CX697" s="23"/>
      <c r="CY697" s="23"/>
      <c r="CZ697" s="23"/>
      <c r="DA697" s="23"/>
      <c r="DB697" s="23"/>
      <c r="DC697" s="23"/>
      <c r="DD697" s="23"/>
      <c r="DE697" s="23"/>
      <c r="DF697" s="23"/>
      <c r="DG697" s="23"/>
      <c r="DH697" s="23"/>
      <c r="DI697" s="23"/>
      <c r="DJ697" s="23"/>
      <c r="DK697" s="23"/>
      <c r="DL697" s="23"/>
      <c r="DM697" s="23"/>
      <c r="DN697" s="23"/>
      <c r="DO697" s="23"/>
      <c r="DP697" s="23"/>
      <c r="DQ697" s="23"/>
      <c r="DR697" s="23"/>
      <c r="DS697" s="23"/>
      <c r="DT697" s="23"/>
      <c r="DU697" s="23"/>
      <c r="DV697" s="23"/>
      <c r="DW697" s="23"/>
      <c r="DX697" s="23"/>
      <c r="DY697" s="23"/>
      <c r="DZ697" s="23"/>
      <c r="EA697" s="23"/>
      <c r="EB697" s="23"/>
      <c r="EC697" s="23"/>
      <c r="ED697" s="23"/>
      <c r="EE697" s="23"/>
      <c r="EF697" s="23"/>
      <c r="EG697" s="23"/>
      <c r="EH697" s="23"/>
      <c r="EI697" s="23"/>
      <c r="EJ697" s="23"/>
      <c r="EK697" s="23"/>
      <c r="EL697" s="23"/>
      <c r="EM697" s="23"/>
      <c r="EN697" s="23"/>
      <c r="EO697" s="23"/>
      <c r="EP697" s="23"/>
      <c r="EQ697" s="23"/>
      <c r="ER697" s="23"/>
      <c r="ES697" s="23"/>
      <c r="ET697" s="23"/>
      <c r="EU697" s="23"/>
      <c r="EV697" s="23"/>
      <c r="EW697" s="23"/>
      <c r="EX697" s="23"/>
      <c r="EY697" s="23"/>
      <c r="EZ697" s="23"/>
      <c r="FA697" s="23"/>
      <c r="FB697" s="23"/>
      <c r="FC697" s="23"/>
      <c r="FD697" s="23"/>
      <c r="FE697" s="23"/>
      <c r="FF697" s="23"/>
      <c r="FG697" s="23"/>
      <c r="FH697" s="23"/>
      <c r="FI697" s="23"/>
      <c r="FJ697" s="23"/>
      <c r="FK697" s="23"/>
      <c r="FL697" s="23"/>
      <c r="FM697" s="23"/>
      <c r="FN697" s="23"/>
      <c r="FO697" s="23"/>
      <c r="FP697" s="23"/>
      <c r="FQ697" s="23"/>
      <c r="FR697" s="23"/>
      <c r="FS697" s="23"/>
      <c r="FT697" s="23"/>
      <c r="FU697" s="23"/>
      <c r="FV697" s="23"/>
      <c r="FW697" s="23"/>
      <c r="FX697" s="23"/>
      <c r="FY697" s="23"/>
      <c r="FZ697" s="23"/>
      <c r="GA697" s="23"/>
      <c r="GB697" s="23"/>
      <c r="GC697" s="23"/>
      <c r="GD697" s="23"/>
      <c r="GE697" s="23"/>
      <c r="GF697" s="23"/>
      <c r="GG697" s="23"/>
      <c r="GH697" s="23"/>
      <c r="GI697" s="23"/>
      <c r="GJ697" s="23"/>
      <c r="GK697" s="23"/>
      <c r="GL697" s="23"/>
      <c r="GM697" s="23"/>
      <c r="GN697" s="23"/>
      <c r="GO697" s="23"/>
      <c r="GP697" s="23"/>
      <c r="GQ697" s="23"/>
      <c r="GR697" s="23"/>
      <c r="GS697" s="23"/>
      <c r="GT697" s="23"/>
      <c r="GU697" s="23"/>
      <c r="GV697" s="23"/>
      <c r="GW697" s="23"/>
      <c r="GX697" s="23"/>
      <c r="GY697" s="23"/>
      <c r="GZ697" s="23"/>
      <c r="HA697" s="23"/>
      <c r="HB697" s="23"/>
      <c r="HC697" s="23"/>
      <c r="HD697" s="23"/>
      <c r="HE697" s="23"/>
      <c r="HF697" s="23"/>
      <c r="HG697" s="23"/>
      <c r="HH697" s="23"/>
      <c r="HI697" s="23"/>
      <c r="HJ697" s="23"/>
      <c r="HK697" s="23"/>
      <c r="HL697" s="23"/>
      <c r="HM697" s="23"/>
      <c r="HN697" s="23"/>
      <c r="HO697" s="23"/>
      <c r="HP697" s="23"/>
      <c r="HQ697" s="23"/>
      <c r="HR697" s="23"/>
      <c r="HS697" s="23"/>
      <c r="HT697" s="23"/>
      <c r="HU697" s="23"/>
      <c r="HV697" s="23"/>
      <c r="HW697" s="23"/>
      <c r="HX697" s="23"/>
      <c r="HY697" s="23"/>
      <c r="HZ697" s="23"/>
      <c r="IA697" s="23"/>
      <c r="IB697" s="23"/>
      <c r="IC697" s="23"/>
      <c r="ID697" s="23"/>
      <c r="IE697" s="23"/>
      <c r="IF697" s="23"/>
      <c r="IG697" s="23"/>
      <c r="IH697" s="23"/>
      <c r="II697" s="23"/>
      <c r="IJ697" s="23"/>
      <c r="IK697" s="23"/>
      <c r="IL697" s="23"/>
      <c r="IM697" s="23"/>
      <c r="IN697" s="23"/>
      <c r="IO697" s="23"/>
      <c r="IP697" s="23"/>
      <c r="IQ697" s="23"/>
    </row>
    <row r="698" spans="1:251" s="50" customFormat="1" ht="18.75" customHeight="1">
      <c r="A698" s="34"/>
      <c r="B698" s="48"/>
      <c r="C698" s="130"/>
      <c r="D698" s="130"/>
      <c r="E698" s="130"/>
      <c r="F698" s="130"/>
      <c r="G698" s="130"/>
      <c r="H698" s="130"/>
      <c r="I698" s="130"/>
      <c r="J698" s="130"/>
      <c r="K698" s="130"/>
      <c r="L698" s="130"/>
      <c r="M698" s="130"/>
      <c r="N698" s="130"/>
      <c r="O698" s="130"/>
      <c r="P698" s="130"/>
      <c r="Q698" s="130"/>
      <c r="R698" s="130"/>
      <c r="S698" s="130"/>
      <c r="T698" s="130"/>
      <c r="U698" s="130"/>
      <c r="V698" s="130"/>
      <c r="W698" s="130"/>
      <c r="X698" s="130"/>
      <c r="Y698" s="130"/>
      <c r="Z698" s="54"/>
      <c r="AA698" s="132"/>
      <c r="AB698" s="200"/>
      <c r="AC698" s="200"/>
      <c r="AD698" s="200"/>
      <c r="AE698" s="200"/>
      <c r="AF698" s="200"/>
      <c r="AG698" s="200"/>
      <c r="AH698" s="200"/>
      <c r="AI698" s="201"/>
      <c r="AJ698" s="132"/>
      <c r="AK698" s="133"/>
      <c r="AL698" s="133"/>
      <c r="AM698" s="133"/>
      <c r="AN698" s="133"/>
      <c r="AO698" s="133"/>
      <c r="AP698" s="133"/>
      <c r="AQ698" s="133"/>
      <c r="AR698" s="134"/>
      <c r="AS698" s="132"/>
      <c r="AT698" s="196"/>
      <c r="AU698" s="196"/>
      <c r="AV698" s="196"/>
      <c r="AW698" s="196"/>
      <c r="AX698" s="202"/>
      <c r="AY698" s="23"/>
      <c r="AZ698" s="23"/>
      <c r="BA698" s="23"/>
      <c r="BB698" s="23"/>
      <c r="BC698" s="23"/>
      <c r="BD698" s="23"/>
      <c r="BE698" s="23"/>
      <c r="BF698" s="23"/>
      <c r="BG698" s="23"/>
      <c r="BH698" s="23"/>
      <c r="BI698" s="23"/>
      <c r="BJ698" s="23"/>
      <c r="BK698" s="23"/>
      <c r="BL698" s="23"/>
      <c r="BM698" s="23"/>
      <c r="BN698" s="23"/>
      <c r="BO698" s="23"/>
      <c r="BP698" s="23"/>
      <c r="BQ698" s="23"/>
      <c r="BR698" s="23"/>
      <c r="BS698" s="23"/>
      <c r="BT698" s="23"/>
      <c r="BU698" s="23"/>
      <c r="BV698" s="23"/>
      <c r="BW698" s="23"/>
      <c r="BX698" s="23"/>
      <c r="BY698" s="23"/>
      <c r="BZ698" s="23"/>
      <c r="CA698" s="23"/>
      <c r="CB698" s="23"/>
      <c r="CC698" s="23"/>
      <c r="CD698" s="23"/>
      <c r="CE698" s="23"/>
      <c r="CF698" s="23"/>
      <c r="CG698" s="23"/>
      <c r="CH698" s="23"/>
      <c r="CI698" s="23"/>
      <c r="CJ698" s="23"/>
      <c r="CK698" s="23"/>
      <c r="CL698" s="23"/>
      <c r="CM698" s="23"/>
      <c r="CN698" s="23"/>
      <c r="CO698" s="23"/>
      <c r="CP698" s="23"/>
      <c r="CQ698" s="23"/>
      <c r="CR698" s="23"/>
      <c r="CS698" s="23"/>
      <c r="CT698" s="23"/>
      <c r="CU698" s="23"/>
      <c r="CV698" s="23"/>
      <c r="CW698" s="23"/>
      <c r="CX698" s="23"/>
      <c r="CY698" s="23"/>
      <c r="CZ698" s="23"/>
      <c r="DA698" s="23"/>
      <c r="DB698" s="23"/>
      <c r="DC698" s="23"/>
      <c r="DD698" s="23"/>
      <c r="DE698" s="23"/>
      <c r="DF698" s="23"/>
      <c r="DG698" s="23"/>
      <c r="DH698" s="23"/>
      <c r="DI698" s="23"/>
      <c r="DJ698" s="23"/>
      <c r="DK698" s="23"/>
      <c r="DL698" s="23"/>
      <c r="DM698" s="23"/>
      <c r="DN698" s="23"/>
      <c r="DO698" s="23"/>
      <c r="DP698" s="23"/>
      <c r="DQ698" s="23"/>
      <c r="DR698" s="23"/>
      <c r="DS698" s="23"/>
      <c r="DT698" s="23"/>
      <c r="DU698" s="23"/>
      <c r="DV698" s="23"/>
      <c r="DW698" s="23"/>
      <c r="DX698" s="23"/>
      <c r="DY698" s="23"/>
      <c r="DZ698" s="23"/>
      <c r="EA698" s="23"/>
      <c r="EB698" s="23"/>
      <c r="EC698" s="23"/>
      <c r="ED698" s="23"/>
      <c r="EE698" s="23"/>
      <c r="EF698" s="23"/>
      <c r="EG698" s="23"/>
      <c r="EH698" s="23"/>
      <c r="EI698" s="23"/>
      <c r="EJ698" s="23"/>
      <c r="EK698" s="23"/>
      <c r="EL698" s="23"/>
      <c r="EM698" s="23"/>
      <c r="EN698" s="23"/>
      <c r="EO698" s="23"/>
      <c r="EP698" s="23"/>
      <c r="EQ698" s="23"/>
      <c r="ER698" s="23"/>
      <c r="ES698" s="23"/>
      <c r="ET698" s="23"/>
      <c r="EU698" s="23"/>
      <c r="EV698" s="23"/>
      <c r="EW698" s="23"/>
      <c r="EX698" s="23"/>
      <c r="EY698" s="23"/>
      <c r="EZ698" s="23"/>
      <c r="FA698" s="23"/>
      <c r="FB698" s="23"/>
      <c r="FC698" s="23"/>
      <c r="FD698" s="23"/>
      <c r="FE698" s="23"/>
      <c r="FF698" s="23"/>
      <c r="FG698" s="23"/>
      <c r="FH698" s="23"/>
      <c r="FI698" s="23"/>
      <c r="FJ698" s="23"/>
      <c r="FK698" s="23"/>
      <c r="FL698" s="23"/>
      <c r="FM698" s="23"/>
      <c r="FN698" s="23"/>
      <c r="FO698" s="23"/>
      <c r="FP698" s="23"/>
      <c r="FQ698" s="23"/>
      <c r="FR698" s="23"/>
      <c r="FS698" s="23"/>
      <c r="FT698" s="23"/>
      <c r="FU698" s="23"/>
      <c r="FV698" s="23"/>
      <c r="FW698" s="23"/>
      <c r="FX698" s="23"/>
      <c r="FY698" s="23"/>
      <c r="FZ698" s="23"/>
      <c r="GA698" s="23"/>
      <c r="GB698" s="23"/>
      <c r="GC698" s="23"/>
      <c r="GD698" s="23"/>
      <c r="GE698" s="23"/>
      <c r="GF698" s="23"/>
      <c r="GG698" s="23"/>
      <c r="GH698" s="23"/>
      <c r="GI698" s="23"/>
      <c r="GJ698" s="23"/>
      <c r="GK698" s="23"/>
      <c r="GL698" s="23"/>
      <c r="GM698" s="23"/>
      <c r="GN698" s="23"/>
      <c r="GO698" s="23"/>
      <c r="GP698" s="23"/>
      <c r="GQ698" s="23"/>
      <c r="GR698" s="23"/>
      <c r="GS698" s="23"/>
      <c r="GT698" s="23"/>
      <c r="GU698" s="23"/>
      <c r="GV698" s="23"/>
      <c r="GW698" s="23"/>
      <c r="GX698" s="23"/>
      <c r="GY698" s="23"/>
      <c r="GZ698" s="23"/>
      <c r="HA698" s="23"/>
      <c r="HB698" s="23"/>
      <c r="HC698" s="23"/>
      <c r="HD698" s="23"/>
      <c r="HE698" s="23"/>
      <c r="HF698" s="23"/>
      <c r="HG698" s="23"/>
      <c r="HH698" s="23"/>
      <c r="HI698" s="23"/>
      <c r="HJ698" s="23"/>
      <c r="HK698" s="23"/>
      <c r="HL698" s="23"/>
      <c r="HM698" s="23"/>
      <c r="HN698" s="23"/>
      <c r="HO698" s="23"/>
      <c r="HP698" s="23"/>
      <c r="HQ698" s="23"/>
      <c r="HR698" s="23"/>
      <c r="HS698" s="23"/>
      <c r="HT698" s="23"/>
      <c r="HU698" s="23"/>
      <c r="HV698" s="23"/>
      <c r="HW698" s="23"/>
      <c r="HX698" s="23"/>
      <c r="HY698" s="23"/>
      <c r="HZ698" s="23"/>
      <c r="IA698" s="23"/>
      <c r="IB698" s="23"/>
      <c r="IC698" s="23"/>
      <c r="ID698" s="23"/>
      <c r="IE698" s="23"/>
      <c r="IF698" s="23"/>
      <c r="IG698" s="23"/>
      <c r="IH698" s="23"/>
      <c r="II698" s="23"/>
      <c r="IJ698" s="23"/>
      <c r="IK698" s="23"/>
      <c r="IL698" s="23"/>
      <c r="IM698" s="23"/>
      <c r="IN698" s="23"/>
      <c r="IO698" s="23"/>
      <c r="IP698" s="23"/>
      <c r="IQ698" s="23"/>
    </row>
    <row r="699" spans="1:251" s="50" customFormat="1" ht="18.75" customHeight="1" thickBot="1">
      <c r="A699" s="34"/>
      <c r="B699" s="49"/>
      <c r="C699" s="158"/>
      <c r="D699" s="158"/>
      <c r="E699" s="158"/>
      <c r="F699" s="158"/>
      <c r="G699" s="158"/>
      <c r="H699" s="158"/>
      <c r="I699" s="158"/>
      <c r="J699" s="158"/>
      <c r="K699" s="158"/>
      <c r="L699" s="158"/>
      <c r="M699" s="158"/>
      <c r="N699" s="158"/>
      <c r="O699" s="158"/>
      <c r="P699" s="158"/>
      <c r="Q699" s="158"/>
      <c r="R699" s="158"/>
      <c r="S699" s="158"/>
      <c r="T699" s="158"/>
      <c r="U699" s="158"/>
      <c r="V699" s="158"/>
      <c r="W699" s="158"/>
      <c r="X699" s="158"/>
      <c r="Y699" s="158"/>
      <c r="Z699" s="55"/>
      <c r="AA699" s="160"/>
      <c r="AB699" s="211"/>
      <c r="AC699" s="211"/>
      <c r="AD699" s="211"/>
      <c r="AE699" s="211"/>
      <c r="AF699" s="211"/>
      <c r="AG699" s="211"/>
      <c r="AH699" s="211"/>
      <c r="AI699" s="212"/>
      <c r="AJ699" s="160"/>
      <c r="AK699" s="161"/>
      <c r="AL699" s="161"/>
      <c r="AM699" s="161"/>
      <c r="AN699" s="161"/>
      <c r="AO699" s="161"/>
      <c r="AP699" s="161"/>
      <c r="AQ699" s="161"/>
      <c r="AR699" s="162"/>
      <c r="AS699" s="188"/>
      <c r="AT699" s="213"/>
      <c r="AU699" s="213"/>
      <c r="AV699" s="213"/>
      <c r="AW699" s="213"/>
      <c r="AX699" s="214"/>
      <c r="AY699" s="23"/>
      <c r="AZ699" s="23"/>
      <c r="BA699" s="23"/>
      <c r="BB699" s="23"/>
      <c r="BC699" s="23"/>
      <c r="BD699" s="23"/>
      <c r="BE699" s="23"/>
      <c r="BF699" s="23"/>
      <c r="BG699" s="23"/>
      <c r="BH699" s="23"/>
      <c r="BI699" s="23"/>
      <c r="BJ699" s="23"/>
      <c r="BK699" s="23"/>
      <c r="BL699" s="23"/>
      <c r="BM699" s="23"/>
      <c r="BN699" s="23"/>
      <c r="BO699" s="23"/>
      <c r="BP699" s="23"/>
      <c r="BQ699" s="23"/>
      <c r="BR699" s="23"/>
      <c r="BS699" s="23"/>
      <c r="BT699" s="23"/>
      <c r="BU699" s="23"/>
      <c r="BV699" s="23"/>
      <c r="BW699" s="23"/>
      <c r="BX699" s="23"/>
      <c r="BY699" s="23"/>
      <c r="BZ699" s="23"/>
      <c r="CA699" s="23"/>
      <c r="CB699" s="23"/>
      <c r="CC699" s="23"/>
      <c r="CD699" s="23"/>
      <c r="CE699" s="23"/>
      <c r="CF699" s="23"/>
      <c r="CG699" s="23"/>
      <c r="CH699" s="23"/>
      <c r="CI699" s="23"/>
      <c r="CJ699" s="23"/>
      <c r="CK699" s="23"/>
      <c r="CL699" s="23"/>
      <c r="CM699" s="23"/>
      <c r="CN699" s="23"/>
      <c r="CO699" s="23"/>
      <c r="CP699" s="23"/>
      <c r="CQ699" s="23"/>
      <c r="CR699" s="23"/>
      <c r="CS699" s="23"/>
      <c r="CT699" s="23"/>
      <c r="CU699" s="23"/>
      <c r="CV699" s="23"/>
      <c r="CW699" s="23"/>
      <c r="CX699" s="23"/>
      <c r="CY699" s="23"/>
      <c r="CZ699" s="23"/>
      <c r="DA699" s="23"/>
      <c r="DB699" s="23"/>
      <c r="DC699" s="23"/>
      <c r="DD699" s="23"/>
      <c r="DE699" s="23"/>
      <c r="DF699" s="23"/>
      <c r="DG699" s="23"/>
      <c r="DH699" s="23"/>
      <c r="DI699" s="23"/>
      <c r="DJ699" s="23"/>
      <c r="DK699" s="23"/>
      <c r="DL699" s="23"/>
      <c r="DM699" s="23"/>
      <c r="DN699" s="23"/>
      <c r="DO699" s="23"/>
      <c r="DP699" s="23"/>
      <c r="DQ699" s="23"/>
      <c r="DR699" s="23"/>
      <c r="DS699" s="23"/>
      <c r="DT699" s="23"/>
      <c r="DU699" s="23"/>
      <c r="DV699" s="23"/>
      <c r="DW699" s="23"/>
      <c r="DX699" s="23"/>
      <c r="DY699" s="23"/>
      <c r="DZ699" s="23"/>
      <c r="EA699" s="23"/>
      <c r="EB699" s="23"/>
      <c r="EC699" s="23"/>
      <c r="ED699" s="23"/>
      <c r="EE699" s="23"/>
      <c r="EF699" s="23"/>
      <c r="EG699" s="23"/>
      <c r="EH699" s="23"/>
      <c r="EI699" s="23"/>
      <c r="EJ699" s="23"/>
      <c r="EK699" s="23"/>
      <c r="EL699" s="23"/>
      <c r="EM699" s="23"/>
      <c r="EN699" s="23"/>
      <c r="EO699" s="23"/>
      <c r="EP699" s="23"/>
      <c r="EQ699" s="23"/>
      <c r="ER699" s="23"/>
      <c r="ES699" s="23"/>
      <c r="ET699" s="23"/>
      <c r="EU699" s="23"/>
      <c r="EV699" s="23"/>
      <c r="EW699" s="23"/>
      <c r="EX699" s="23"/>
      <c r="EY699" s="23"/>
      <c r="EZ699" s="23"/>
      <c r="FA699" s="23"/>
      <c r="FB699" s="23"/>
      <c r="FC699" s="23"/>
      <c r="FD699" s="23"/>
      <c r="FE699" s="23"/>
      <c r="FF699" s="23"/>
      <c r="FG699" s="23"/>
      <c r="FH699" s="23"/>
      <c r="FI699" s="23"/>
      <c r="FJ699" s="23"/>
      <c r="FK699" s="23"/>
      <c r="FL699" s="23"/>
      <c r="FM699" s="23"/>
      <c r="FN699" s="23"/>
      <c r="FO699" s="23"/>
      <c r="FP699" s="23"/>
      <c r="FQ699" s="23"/>
      <c r="FR699" s="23"/>
      <c r="FS699" s="23"/>
      <c r="FT699" s="23"/>
      <c r="FU699" s="23"/>
      <c r="FV699" s="23"/>
      <c r="FW699" s="23"/>
      <c r="FX699" s="23"/>
      <c r="FY699" s="23"/>
      <c r="FZ699" s="23"/>
      <c r="GA699" s="23"/>
      <c r="GB699" s="23"/>
      <c r="GC699" s="23"/>
      <c r="GD699" s="23"/>
      <c r="GE699" s="23"/>
      <c r="GF699" s="23"/>
      <c r="GG699" s="23"/>
      <c r="GH699" s="23"/>
      <c r="GI699" s="23"/>
      <c r="GJ699" s="23"/>
      <c r="GK699" s="23"/>
      <c r="GL699" s="23"/>
      <c r="GM699" s="23"/>
      <c r="GN699" s="23"/>
      <c r="GO699" s="23"/>
      <c r="GP699" s="23"/>
      <c r="GQ699" s="23"/>
      <c r="GR699" s="23"/>
      <c r="GS699" s="23"/>
      <c r="GT699" s="23"/>
      <c r="GU699" s="23"/>
      <c r="GV699" s="23"/>
      <c r="GW699" s="23"/>
      <c r="GX699" s="23"/>
      <c r="GY699" s="23"/>
      <c r="GZ699" s="23"/>
      <c r="HA699" s="23"/>
      <c r="HB699" s="23"/>
      <c r="HC699" s="23"/>
      <c r="HD699" s="23"/>
      <c r="HE699" s="23"/>
      <c r="HF699" s="23"/>
      <c r="HG699" s="23"/>
      <c r="HH699" s="23"/>
      <c r="HI699" s="23"/>
      <c r="HJ699" s="23"/>
      <c r="HK699" s="23"/>
      <c r="HL699" s="23"/>
      <c r="HM699" s="23"/>
      <c r="HN699" s="23"/>
      <c r="HO699" s="23"/>
      <c r="HP699" s="23"/>
      <c r="HQ699" s="23"/>
      <c r="HR699" s="23"/>
      <c r="HS699" s="23"/>
      <c r="HT699" s="23"/>
      <c r="HU699" s="23"/>
      <c r="HV699" s="23"/>
      <c r="HW699" s="23"/>
      <c r="HX699" s="23"/>
      <c r="HY699" s="23"/>
      <c r="HZ699" s="23"/>
      <c r="IA699" s="23"/>
      <c r="IB699" s="23"/>
      <c r="IC699" s="23"/>
      <c r="ID699" s="23"/>
      <c r="IE699" s="23"/>
      <c r="IF699" s="23"/>
      <c r="IG699" s="23"/>
      <c r="IH699" s="23"/>
      <c r="II699" s="23"/>
      <c r="IJ699" s="23"/>
      <c r="IK699" s="23"/>
      <c r="IL699" s="23"/>
      <c r="IM699" s="23"/>
      <c r="IN699" s="23"/>
      <c r="IO699" s="23"/>
      <c r="IP699" s="23"/>
      <c r="IQ699" s="23"/>
    </row>
    <row r="700" spans="1:251" s="50" customFormat="1" ht="18.75" customHeight="1" thickTop="1" thickBot="1">
      <c r="A700" s="38"/>
      <c r="B700" s="164" t="s">
        <v>168</v>
      </c>
      <c r="C700" s="218"/>
      <c r="D700" s="218"/>
      <c r="E700" s="218"/>
      <c r="F700" s="218"/>
      <c r="G700" s="218"/>
      <c r="H700" s="218"/>
      <c r="I700" s="218"/>
      <c r="J700" s="218"/>
      <c r="K700" s="218"/>
      <c r="L700" s="218"/>
      <c r="M700" s="218"/>
      <c r="N700" s="218"/>
      <c r="O700" s="218"/>
      <c r="P700" s="218"/>
      <c r="Q700" s="218"/>
      <c r="R700" s="218"/>
      <c r="S700" s="218"/>
      <c r="T700" s="218"/>
      <c r="U700" s="218"/>
      <c r="V700" s="218"/>
      <c r="W700" s="218"/>
      <c r="X700" s="218"/>
      <c r="Y700" s="218"/>
      <c r="Z700" s="219"/>
      <c r="AA700" s="167">
        <f>SUM(AA692:AA699)</f>
        <v>1062699</v>
      </c>
      <c r="AB700" s="215"/>
      <c r="AC700" s="215"/>
      <c r="AD700" s="215"/>
      <c r="AE700" s="215"/>
      <c r="AF700" s="215"/>
      <c r="AG700" s="215"/>
      <c r="AH700" s="215"/>
      <c r="AI700" s="216"/>
      <c r="AJ700" s="167">
        <f>SUM(AJ692:AJ699)</f>
        <v>1202959</v>
      </c>
      <c r="AK700" s="215"/>
      <c r="AL700" s="215"/>
      <c r="AM700" s="215"/>
      <c r="AN700" s="215"/>
      <c r="AO700" s="215"/>
      <c r="AP700" s="215"/>
      <c r="AQ700" s="215"/>
      <c r="AR700" s="216"/>
      <c r="AS700" s="167"/>
      <c r="AT700" s="215"/>
      <c r="AU700" s="215"/>
      <c r="AV700" s="215"/>
      <c r="AW700" s="215"/>
      <c r="AX700" s="217"/>
      <c r="AY700" s="23"/>
      <c r="AZ700" s="23"/>
      <c r="BA700" s="23"/>
      <c r="BB700" s="23"/>
      <c r="BC700" s="23"/>
      <c r="BD700" s="23"/>
      <c r="BE700" s="23"/>
      <c r="BF700" s="23"/>
      <c r="BG700" s="23"/>
      <c r="BH700" s="23"/>
      <c r="BI700" s="23"/>
      <c r="BJ700" s="23"/>
      <c r="BK700" s="23"/>
      <c r="BL700" s="23"/>
      <c r="BM700" s="23"/>
      <c r="BN700" s="23"/>
      <c r="BO700" s="23"/>
      <c r="BP700" s="23"/>
      <c r="BQ700" s="23"/>
      <c r="BR700" s="23"/>
      <c r="BS700" s="23"/>
      <c r="BT700" s="23"/>
      <c r="BU700" s="23"/>
      <c r="BV700" s="23"/>
      <c r="BW700" s="23"/>
      <c r="BX700" s="23"/>
      <c r="BY700" s="23"/>
      <c r="BZ700" s="23"/>
      <c r="CA700" s="23"/>
      <c r="CB700" s="23"/>
      <c r="CC700" s="23"/>
      <c r="CD700" s="23"/>
      <c r="CE700" s="23"/>
      <c r="CF700" s="23"/>
      <c r="CG700" s="23"/>
      <c r="CH700" s="23"/>
      <c r="CI700" s="23"/>
      <c r="CJ700" s="23"/>
      <c r="CK700" s="23"/>
      <c r="CL700" s="23"/>
      <c r="CM700" s="23"/>
      <c r="CN700" s="23"/>
      <c r="CO700" s="23"/>
      <c r="CP700" s="23"/>
      <c r="CQ700" s="23"/>
      <c r="CR700" s="23"/>
      <c r="CS700" s="23"/>
      <c r="CT700" s="23"/>
      <c r="CU700" s="23"/>
      <c r="CV700" s="23"/>
      <c r="CW700" s="23"/>
      <c r="CX700" s="23"/>
      <c r="CY700" s="23"/>
      <c r="CZ700" s="23"/>
      <c r="DA700" s="23"/>
      <c r="DB700" s="23"/>
      <c r="DC700" s="23"/>
      <c r="DD700" s="23"/>
      <c r="DE700" s="23"/>
      <c r="DF700" s="23"/>
      <c r="DG700" s="23"/>
      <c r="DH700" s="23"/>
      <c r="DI700" s="23"/>
      <c r="DJ700" s="23"/>
      <c r="DK700" s="23"/>
      <c r="DL700" s="23"/>
      <c r="DM700" s="23"/>
      <c r="DN700" s="23"/>
      <c r="DO700" s="23"/>
      <c r="DP700" s="23"/>
      <c r="DQ700" s="23"/>
      <c r="DR700" s="23"/>
      <c r="DS700" s="23"/>
      <c r="DT700" s="23"/>
      <c r="DU700" s="23"/>
      <c r="DV700" s="23"/>
      <c r="DW700" s="23"/>
      <c r="DX700" s="23"/>
      <c r="DY700" s="23"/>
      <c r="DZ700" s="23"/>
      <c r="EA700" s="23"/>
      <c r="EB700" s="23"/>
      <c r="EC700" s="23"/>
      <c r="ED700" s="23"/>
      <c r="EE700" s="23"/>
      <c r="EF700" s="23"/>
      <c r="EG700" s="23"/>
      <c r="EH700" s="23"/>
      <c r="EI700" s="23"/>
      <c r="EJ700" s="23"/>
      <c r="EK700" s="23"/>
      <c r="EL700" s="23"/>
      <c r="EM700" s="23"/>
      <c r="EN700" s="23"/>
      <c r="EO700" s="23"/>
      <c r="EP700" s="23"/>
      <c r="EQ700" s="23"/>
      <c r="ER700" s="23"/>
      <c r="ES700" s="23"/>
      <c r="ET700" s="23"/>
      <c r="EU700" s="23"/>
      <c r="EV700" s="23"/>
      <c r="EW700" s="23"/>
      <c r="EX700" s="23"/>
      <c r="EY700" s="23"/>
      <c r="EZ700" s="23"/>
      <c r="FA700" s="23"/>
      <c r="FB700" s="23"/>
      <c r="FC700" s="23"/>
      <c r="FD700" s="23"/>
      <c r="FE700" s="23"/>
      <c r="FF700" s="23"/>
      <c r="FG700" s="23"/>
      <c r="FH700" s="23"/>
      <c r="FI700" s="23"/>
      <c r="FJ700" s="23"/>
      <c r="FK700" s="23"/>
      <c r="FL700" s="23"/>
      <c r="FM700" s="23"/>
      <c r="FN700" s="23"/>
      <c r="FO700" s="23"/>
      <c r="FP700" s="23"/>
      <c r="FQ700" s="23"/>
      <c r="FR700" s="23"/>
      <c r="FS700" s="23"/>
      <c r="FT700" s="23"/>
      <c r="FU700" s="23"/>
      <c r="FV700" s="23"/>
      <c r="FW700" s="23"/>
      <c r="FX700" s="23"/>
      <c r="FY700" s="23"/>
      <c r="FZ700" s="23"/>
      <c r="GA700" s="23"/>
      <c r="GB700" s="23"/>
      <c r="GC700" s="23"/>
      <c r="GD700" s="23"/>
      <c r="GE700" s="23"/>
      <c r="GF700" s="23"/>
      <c r="GG700" s="23"/>
      <c r="GH700" s="23"/>
      <c r="GI700" s="23"/>
      <c r="GJ700" s="23"/>
      <c r="GK700" s="23"/>
      <c r="GL700" s="23"/>
      <c r="GM700" s="23"/>
      <c r="GN700" s="23"/>
      <c r="GO700" s="23"/>
      <c r="GP700" s="23"/>
      <c r="GQ700" s="23"/>
      <c r="GR700" s="23"/>
      <c r="GS700" s="23"/>
      <c r="GT700" s="23"/>
      <c r="GU700" s="23"/>
      <c r="GV700" s="23"/>
      <c r="GW700" s="23"/>
      <c r="GX700" s="23"/>
      <c r="GY700" s="23"/>
      <c r="GZ700" s="23"/>
      <c r="HA700" s="23"/>
      <c r="HB700" s="23"/>
      <c r="HC700" s="23"/>
      <c r="HD700" s="23"/>
      <c r="HE700" s="23"/>
      <c r="HF700" s="23"/>
      <c r="HG700" s="23"/>
      <c r="HH700" s="23"/>
      <c r="HI700" s="23"/>
      <c r="HJ700" s="23"/>
      <c r="HK700" s="23"/>
      <c r="HL700" s="23"/>
      <c r="HM700" s="23"/>
      <c r="HN700" s="23"/>
      <c r="HO700" s="23"/>
      <c r="HP700" s="23"/>
      <c r="HQ700" s="23"/>
      <c r="HR700" s="23"/>
      <c r="HS700" s="23"/>
      <c r="HT700" s="23"/>
      <c r="HU700" s="23"/>
      <c r="HV700" s="23"/>
      <c r="HW700" s="23"/>
      <c r="HX700" s="23"/>
      <c r="HY700" s="23"/>
      <c r="HZ700" s="23"/>
      <c r="IA700" s="23"/>
      <c r="IB700" s="23"/>
      <c r="IC700" s="23"/>
      <c r="ID700" s="23"/>
      <c r="IE700" s="23"/>
      <c r="IF700" s="23"/>
      <c r="IG700" s="23"/>
      <c r="IH700" s="23"/>
      <c r="II700" s="23"/>
      <c r="IJ700" s="23"/>
      <c r="IK700" s="23"/>
      <c r="IL700" s="23"/>
      <c r="IM700" s="23"/>
      <c r="IN700" s="23"/>
      <c r="IO700" s="23"/>
      <c r="IP700" s="23"/>
      <c r="IQ700" s="23"/>
    </row>
    <row r="702" spans="1:251" s="23" customFormat="1" ht="19.2">
      <c r="A702" s="22" t="s">
        <v>86</v>
      </c>
      <c r="AW702" s="24"/>
      <c r="AX702" s="25"/>
      <c r="AY702" s="24"/>
    </row>
    <row r="703" spans="1:251" s="23" customFormat="1" ht="13.2"/>
    <row r="704" spans="1:251" s="23" customFormat="1" ht="13.2">
      <c r="A704" s="26"/>
      <c r="B704" s="115" t="s">
        <v>87</v>
      </c>
      <c r="C704" s="115"/>
      <c r="D704" s="115"/>
      <c r="E704" s="115"/>
      <c r="F704" s="115"/>
      <c r="G704" s="115"/>
      <c r="H704" s="115"/>
      <c r="I704" s="115"/>
      <c r="J704" s="115"/>
      <c r="K704" s="115"/>
      <c r="L704" s="115"/>
      <c r="M704" s="115"/>
      <c r="N704" s="115"/>
      <c r="O704" s="115"/>
      <c r="P704" s="115"/>
      <c r="Q704" s="115"/>
      <c r="R704" s="115"/>
      <c r="S704" s="115"/>
      <c r="T704" s="115"/>
      <c r="U704" s="115"/>
      <c r="V704" s="115"/>
      <c r="W704" s="115"/>
      <c r="X704" s="115"/>
      <c r="Y704" s="115"/>
      <c r="Z704" s="115"/>
      <c r="AA704" s="115"/>
      <c r="AB704" s="115"/>
      <c r="AC704" s="115"/>
      <c r="AD704" s="115"/>
      <c r="AE704" s="115"/>
      <c r="AF704" s="115"/>
      <c r="AG704" s="115"/>
      <c r="AH704" s="115"/>
      <c r="AI704" s="115"/>
      <c r="AJ704" s="115"/>
      <c r="AK704" s="115"/>
      <c r="AL704" s="115"/>
      <c r="AM704" s="115"/>
      <c r="AN704" s="115"/>
      <c r="AO704" s="115"/>
      <c r="AP704" s="115"/>
      <c r="AQ704" s="115"/>
      <c r="AR704" s="115"/>
      <c r="AS704" s="115"/>
      <c r="AT704" s="115"/>
      <c r="AU704" s="115"/>
      <c r="AV704" s="115"/>
      <c r="AW704" s="115"/>
      <c r="AX704" s="115"/>
      <c r="AY704" s="26"/>
    </row>
    <row r="705" spans="1:113" s="23" customFormat="1" ht="13.2">
      <c r="Z705" s="27"/>
      <c r="AD705" s="27"/>
      <c r="AE705" s="27"/>
      <c r="AF705" s="27"/>
      <c r="AG705" s="27"/>
      <c r="AH705" s="27"/>
      <c r="AI705" s="27"/>
      <c r="AO705" s="27"/>
    </row>
    <row r="706" spans="1:113" s="23" customFormat="1" ht="13.8" thickBot="1">
      <c r="Z706" s="27"/>
      <c r="AD706" s="27"/>
      <c r="AE706" s="27"/>
      <c r="AF706" s="27"/>
      <c r="AG706" s="27"/>
      <c r="AH706" s="27"/>
      <c r="AI706" s="27"/>
      <c r="AO706" s="27"/>
      <c r="DI706" s="28"/>
    </row>
    <row r="707" spans="1:113" s="23" customFormat="1" ht="24.6" customHeight="1" thickBot="1">
      <c r="A707" s="116" t="s">
        <v>88</v>
      </c>
      <c r="B707" s="117"/>
      <c r="C707" s="117"/>
      <c r="D707" s="117"/>
      <c r="E707" s="117"/>
      <c r="F707" s="117"/>
      <c r="G707" s="117"/>
      <c r="H707" s="117"/>
      <c r="I707" s="117"/>
      <c r="J707" s="117"/>
      <c r="K707" s="118"/>
      <c r="L707" s="119">
        <v>21</v>
      </c>
      <c r="M707" s="120"/>
      <c r="N707" s="120"/>
      <c r="O707" s="121"/>
      <c r="P707" s="122" t="s">
        <v>89</v>
      </c>
      <c r="Q707" s="120"/>
      <c r="R707" s="120"/>
      <c r="S707" s="120"/>
      <c r="T707" s="120"/>
      <c r="U707" s="123"/>
      <c r="V707" s="124" t="s">
        <v>137</v>
      </c>
      <c r="W707" s="125"/>
      <c r="X707" s="125"/>
      <c r="Y707" s="125"/>
      <c r="Z707" s="125"/>
      <c r="AA707" s="125"/>
      <c r="AB707" s="125"/>
      <c r="AC707" s="125"/>
      <c r="AD707" s="125"/>
      <c r="AE707" s="125"/>
      <c r="AF707" s="125"/>
      <c r="AG707" s="125"/>
      <c r="AH707" s="125"/>
      <c r="AI707" s="125"/>
      <c r="AJ707" s="125"/>
      <c r="AK707" s="125"/>
      <c r="AL707" s="125"/>
      <c r="AM707" s="125"/>
      <c r="AN707" s="125"/>
      <c r="AO707" s="125"/>
      <c r="AP707" s="125"/>
      <c r="AQ707" s="125"/>
      <c r="AR707" s="125"/>
      <c r="AS707" s="125"/>
      <c r="AT707" s="125"/>
      <c r="AU707" s="125"/>
      <c r="AV707" s="125"/>
      <c r="AW707" s="125"/>
      <c r="AX707" s="126"/>
      <c r="DI707" s="28"/>
    </row>
    <row r="708" spans="1:113" s="23" customFormat="1" ht="14.4">
      <c r="A708" s="29"/>
      <c r="B708" s="29"/>
      <c r="C708" s="29"/>
      <c r="D708" s="29"/>
      <c r="E708" s="29"/>
      <c r="F708" s="29"/>
      <c r="G708" s="29"/>
      <c r="H708" s="29"/>
      <c r="I708" s="29"/>
      <c r="J708" s="29"/>
      <c r="K708" s="29"/>
      <c r="L708" s="30"/>
      <c r="M708" s="30"/>
      <c r="N708" s="30"/>
      <c r="O708" s="30"/>
      <c r="P708" s="29"/>
      <c r="Q708" s="29"/>
      <c r="R708" s="29"/>
      <c r="S708" s="29"/>
      <c r="T708" s="29"/>
      <c r="U708" s="29"/>
      <c r="V708" s="31"/>
      <c r="W708" s="31"/>
      <c r="X708" s="31"/>
      <c r="Y708" s="31"/>
      <c r="Z708" s="31"/>
      <c r="AA708" s="31"/>
      <c r="AB708" s="31"/>
      <c r="AC708" s="31"/>
      <c r="AD708" s="31"/>
      <c r="AE708" s="31"/>
      <c r="AF708" s="31"/>
      <c r="AG708" s="31"/>
      <c r="AH708" s="31"/>
      <c r="AI708" s="31"/>
      <c r="AJ708" s="31"/>
      <c r="AK708" s="31"/>
      <c r="AL708" s="31"/>
      <c r="AM708" s="31"/>
      <c r="AN708" s="31"/>
      <c r="AO708" s="31"/>
      <c r="AP708" s="31"/>
      <c r="AQ708" s="31"/>
      <c r="AR708" s="31"/>
      <c r="AS708" s="31"/>
      <c r="AT708" s="31"/>
      <c r="AU708" s="31"/>
      <c r="AV708" s="31"/>
      <c r="AW708" s="31"/>
      <c r="AX708" s="31"/>
      <c r="DI708" s="28"/>
    </row>
    <row r="709" spans="1:113" s="23" customFormat="1" ht="15" thickBot="1">
      <c r="A709" s="32"/>
      <c r="B709" s="33" t="s">
        <v>91</v>
      </c>
      <c r="C709" s="34"/>
      <c r="D709" s="34"/>
      <c r="E709" s="34"/>
      <c r="F709" s="34"/>
      <c r="G709" s="34"/>
      <c r="H709" s="34"/>
      <c r="I709" s="34"/>
      <c r="J709" s="34"/>
      <c r="K709" s="34"/>
      <c r="L709" s="35"/>
      <c r="M709" s="35"/>
      <c r="N709" s="35"/>
      <c r="O709" s="35"/>
      <c r="P709" s="34"/>
      <c r="Q709" s="34"/>
      <c r="R709" s="34"/>
      <c r="S709" s="34"/>
      <c r="T709" s="34"/>
      <c r="U709" s="34"/>
      <c r="V709" s="33"/>
      <c r="W709" s="33"/>
      <c r="X709" s="33"/>
      <c r="Y709" s="33"/>
      <c r="Z709" s="33"/>
      <c r="AA709" s="33"/>
      <c r="AB709" s="33"/>
      <c r="AC709" s="33"/>
      <c r="AD709" s="33"/>
      <c r="AE709" s="33"/>
      <c r="AF709" s="33"/>
      <c r="AG709" s="33"/>
      <c r="AH709" s="33"/>
      <c r="AI709" s="33"/>
      <c r="AJ709" s="33"/>
      <c r="AK709" s="33"/>
      <c r="AL709" s="33"/>
      <c r="AM709" s="33"/>
      <c r="AN709" s="33"/>
      <c r="AO709" s="33"/>
      <c r="AP709" s="33"/>
      <c r="AQ709" s="33"/>
      <c r="AR709" s="33"/>
      <c r="AS709" s="33"/>
      <c r="AT709" s="33"/>
      <c r="AU709" s="33"/>
      <c r="AV709" s="33"/>
      <c r="AW709" s="33"/>
      <c r="AX709" s="33"/>
      <c r="DI709" s="28"/>
    </row>
    <row r="710" spans="1:113" s="23" customFormat="1" ht="14.4">
      <c r="A710" s="34"/>
      <c r="B710" s="36"/>
      <c r="C710" s="29"/>
      <c r="D710" s="29"/>
      <c r="E710" s="29"/>
      <c r="F710" s="29"/>
      <c r="G710" s="29"/>
      <c r="H710" s="29"/>
      <c r="I710" s="29"/>
      <c r="J710" s="29"/>
      <c r="K710" s="29"/>
      <c r="L710" s="30"/>
      <c r="M710" s="30"/>
      <c r="N710" s="30"/>
      <c r="O710" s="30"/>
      <c r="P710" s="29"/>
      <c r="Q710" s="29"/>
      <c r="R710" s="29"/>
      <c r="S710" s="29"/>
      <c r="T710" s="29"/>
      <c r="U710" s="29"/>
      <c r="V710" s="31"/>
      <c r="W710" s="31"/>
      <c r="X710" s="31"/>
      <c r="Y710" s="31"/>
      <c r="Z710" s="31"/>
      <c r="AA710" s="31"/>
      <c r="AB710" s="31"/>
      <c r="AC710" s="31"/>
      <c r="AD710" s="31"/>
      <c r="AE710" s="31"/>
      <c r="AF710" s="31"/>
      <c r="AG710" s="31"/>
      <c r="AH710" s="31"/>
      <c r="AI710" s="31"/>
      <c r="AJ710" s="31"/>
      <c r="AK710" s="31"/>
      <c r="AL710" s="31"/>
      <c r="AM710" s="31"/>
      <c r="AN710" s="31"/>
      <c r="AO710" s="31"/>
      <c r="AP710" s="31"/>
      <c r="AQ710" s="31"/>
      <c r="AR710" s="31"/>
      <c r="AS710" s="31"/>
      <c r="AT710" s="31"/>
      <c r="AU710" s="31"/>
      <c r="AV710" s="31"/>
      <c r="AW710" s="31"/>
      <c r="AX710" s="37"/>
    </row>
    <row r="711" spans="1:113" s="23" customFormat="1" ht="10.8" customHeight="1">
      <c r="A711" s="34"/>
      <c r="B711" s="127" t="s">
        <v>138</v>
      </c>
      <c r="C711" s="128"/>
      <c r="D711" s="128"/>
      <c r="E711" s="128"/>
      <c r="F711" s="128"/>
      <c r="G711" s="128"/>
      <c r="H711" s="128"/>
      <c r="I711" s="128"/>
      <c r="J711" s="128"/>
      <c r="K711" s="128"/>
      <c r="L711" s="128"/>
      <c r="M711" s="128"/>
      <c r="N711" s="128"/>
      <c r="O711" s="128"/>
      <c r="P711" s="128"/>
      <c r="Q711" s="128"/>
      <c r="R711" s="128"/>
      <c r="S711" s="128"/>
      <c r="T711" s="128"/>
      <c r="U711" s="128"/>
      <c r="V711" s="128"/>
      <c r="W711" s="128"/>
      <c r="X711" s="128"/>
      <c r="Y711" s="128"/>
      <c r="Z711" s="128"/>
      <c r="AA711" s="128"/>
      <c r="AB711" s="128"/>
      <c r="AC711" s="128"/>
      <c r="AD711" s="128"/>
      <c r="AE711" s="128"/>
      <c r="AF711" s="128"/>
      <c r="AG711" s="128"/>
      <c r="AH711" s="128"/>
      <c r="AI711" s="128"/>
      <c r="AJ711" s="128"/>
      <c r="AK711" s="128"/>
      <c r="AL711" s="128"/>
      <c r="AM711" s="128"/>
      <c r="AN711" s="128"/>
      <c r="AO711" s="128"/>
      <c r="AP711" s="128"/>
      <c r="AQ711" s="128"/>
      <c r="AR711" s="128"/>
      <c r="AS711" s="128"/>
      <c r="AT711" s="128"/>
      <c r="AU711" s="128"/>
      <c r="AV711" s="128"/>
      <c r="AW711" s="128"/>
      <c r="AX711" s="129"/>
    </row>
    <row r="712" spans="1:113" s="23" customFormat="1" ht="10.8" customHeight="1">
      <c r="A712" s="34"/>
      <c r="B712" s="127"/>
      <c r="C712" s="128"/>
      <c r="D712" s="128"/>
      <c r="E712" s="128"/>
      <c r="F712" s="128"/>
      <c r="G712" s="128"/>
      <c r="H712" s="128"/>
      <c r="I712" s="128"/>
      <c r="J712" s="128"/>
      <c r="K712" s="128"/>
      <c r="L712" s="128"/>
      <c r="M712" s="128"/>
      <c r="N712" s="128"/>
      <c r="O712" s="128"/>
      <c r="P712" s="128"/>
      <c r="Q712" s="128"/>
      <c r="R712" s="128"/>
      <c r="S712" s="128"/>
      <c r="T712" s="128"/>
      <c r="U712" s="128"/>
      <c r="V712" s="128"/>
      <c r="W712" s="128"/>
      <c r="X712" s="128"/>
      <c r="Y712" s="128"/>
      <c r="Z712" s="128"/>
      <c r="AA712" s="128"/>
      <c r="AB712" s="128"/>
      <c r="AC712" s="128"/>
      <c r="AD712" s="128"/>
      <c r="AE712" s="128"/>
      <c r="AF712" s="128"/>
      <c r="AG712" s="128"/>
      <c r="AH712" s="128"/>
      <c r="AI712" s="128"/>
      <c r="AJ712" s="128"/>
      <c r="AK712" s="128"/>
      <c r="AL712" s="128"/>
      <c r="AM712" s="128"/>
      <c r="AN712" s="128"/>
      <c r="AO712" s="128"/>
      <c r="AP712" s="128"/>
      <c r="AQ712" s="128"/>
      <c r="AR712" s="128"/>
      <c r="AS712" s="128"/>
      <c r="AT712" s="128"/>
      <c r="AU712" s="128"/>
      <c r="AV712" s="128"/>
      <c r="AW712" s="128"/>
      <c r="AX712" s="129"/>
      <c r="BC712" s="17"/>
    </row>
    <row r="713" spans="1:113" s="23" customFormat="1" ht="10.8" customHeight="1">
      <c r="A713" s="34"/>
      <c r="B713" s="127"/>
      <c r="C713" s="128"/>
      <c r="D713" s="128"/>
      <c r="E713" s="128"/>
      <c r="F713" s="128"/>
      <c r="G713" s="128"/>
      <c r="H713" s="128"/>
      <c r="I713" s="128"/>
      <c r="J713" s="128"/>
      <c r="K713" s="128"/>
      <c r="L713" s="128"/>
      <c r="M713" s="128"/>
      <c r="N713" s="128"/>
      <c r="O713" s="128"/>
      <c r="P713" s="128"/>
      <c r="Q713" s="128"/>
      <c r="R713" s="128"/>
      <c r="S713" s="128"/>
      <c r="T713" s="128"/>
      <c r="U713" s="128"/>
      <c r="V713" s="128"/>
      <c r="W713" s="128"/>
      <c r="X713" s="128"/>
      <c r="Y713" s="128"/>
      <c r="Z713" s="128"/>
      <c r="AA713" s="128"/>
      <c r="AB713" s="128"/>
      <c r="AC713" s="128"/>
      <c r="AD713" s="128"/>
      <c r="AE713" s="128"/>
      <c r="AF713" s="128"/>
      <c r="AG713" s="128"/>
      <c r="AH713" s="128"/>
      <c r="AI713" s="128"/>
      <c r="AJ713" s="128"/>
      <c r="AK713" s="128"/>
      <c r="AL713" s="128"/>
      <c r="AM713" s="128"/>
      <c r="AN713" s="128"/>
      <c r="AO713" s="128"/>
      <c r="AP713" s="128"/>
      <c r="AQ713" s="128"/>
      <c r="AR713" s="128"/>
      <c r="AS713" s="128"/>
      <c r="AT713" s="128"/>
      <c r="AU713" s="128"/>
      <c r="AV713" s="128"/>
      <c r="AW713" s="128"/>
      <c r="AX713" s="129"/>
    </row>
    <row r="714" spans="1:113" s="23" customFormat="1" ht="10.8" customHeight="1">
      <c r="A714" s="34"/>
      <c r="B714" s="127"/>
      <c r="C714" s="128"/>
      <c r="D714" s="128"/>
      <c r="E714" s="128"/>
      <c r="F714" s="128"/>
      <c r="G714" s="128"/>
      <c r="H714" s="128"/>
      <c r="I714" s="128"/>
      <c r="J714" s="128"/>
      <c r="K714" s="128"/>
      <c r="L714" s="128"/>
      <c r="M714" s="128"/>
      <c r="N714" s="128"/>
      <c r="O714" s="128"/>
      <c r="P714" s="128"/>
      <c r="Q714" s="128"/>
      <c r="R714" s="128"/>
      <c r="S714" s="128"/>
      <c r="T714" s="128"/>
      <c r="U714" s="128"/>
      <c r="V714" s="128"/>
      <c r="W714" s="128"/>
      <c r="X714" s="128"/>
      <c r="Y714" s="128"/>
      <c r="Z714" s="128"/>
      <c r="AA714" s="128"/>
      <c r="AB714" s="128"/>
      <c r="AC714" s="128"/>
      <c r="AD714" s="128"/>
      <c r="AE714" s="128"/>
      <c r="AF714" s="128"/>
      <c r="AG714" s="128"/>
      <c r="AH714" s="128"/>
      <c r="AI714" s="128"/>
      <c r="AJ714" s="128"/>
      <c r="AK714" s="128"/>
      <c r="AL714" s="128"/>
      <c r="AM714" s="128"/>
      <c r="AN714" s="128"/>
      <c r="AO714" s="128"/>
      <c r="AP714" s="128"/>
      <c r="AQ714" s="128"/>
      <c r="AR714" s="128"/>
      <c r="AS714" s="128"/>
      <c r="AT714" s="128"/>
      <c r="AU714" s="128"/>
      <c r="AV714" s="128"/>
      <c r="AW714" s="128"/>
      <c r="AX714" s="129"/>
    </row>
    <row r="715" spans="1:113" s="23" customFormat="1" ht="10.8" customHeight="1">
      <c r="A715" s="34"/>
      <c r="B715" s="127"/>
      <c r="C715" s="128"/>
      <c r="D715" s="128"/>
      <c r="E715" s="128"/>
      <c r="F715" s="128"/>
      <c r="G715" s="128"/>
      <c r="H715" s="128"/>
      <c r="I715" s="128"/>
      <c r="J715" s="128"/>
      <c r="K715" s="128"/>
      <c r="L715" s="128"/>
      <c r="M715" s="128"/>
      <c r="N715" s="128"/>
      <c r="O715" s="128"/>
      <c r="P715" s="128"/>
      <c r="Q715" s="128"/>
      <c r="R715" s="128"/>
      <c r="S715" s="128"/>
      <c r="T715" s="128"/>
      <c r="U715" s="128"/>
      <c r="V715" s="128"/>
      <c r="W715" s="128"/>
      <c r="X715" s="128"/>
      <c r="Y715" s="128"/>
      <c r="Z715" s="128"/>
      <c r="AA715" s="128"/>
      <c r="AB715" s="128"/>
      <c r="AC715" s="128"/>
      <c r="AD715" s="128"/>
      <c r="AE715" s="128"/>
      <c r="AF715" s="128"/>
      <c r="AG715" s="128"/>
      <c r="AH715" s="128"/>
      <c r="AI715" s="128"/>
      <c r="AJ715" s="128"/>
      <c r="AK715" s="128"/>
      <c r="AL715" s="128"/>
      <c r="AM715" s="128"/>
      <c r="AN715" s="128"/>
      <c r="AO715" s="128"/>
      <c r="AP715" s="128"/>
      <c r="AQ715" s="128"/>
      <c r="AR715" s="128"/>
      <c r="AS715" s="128"/>
      <c r="AT715" s="128"/>
      <c r="AU715" s="128"/>
      <c r="AV715" s="128"/>
      <c r="AW715" s="128"/>
      <c r="AX715" s="129"/>
    </row>
    <row r="716" spans="1:113" s="23" customFormat="1" ht="10.8" customHeight="1">
      <c r="A716" s="34"/>
      <c r="B716" s="127"/>
      <c r="C716" s="128"/>
      <c r="D716" s="128"/>
      <c r="E716" s="128"/>
      <c r="F716" s="128"/>
      <c r="G716" s="128"/>
      <c r="H716" s="128"/>
      <c r="I716" s="128"/>
      <c r="J716" s="128"/>
      <c r="K716" s="128"/>
      <c r="L716" s="128"/>
      <c r="M716" s="128"/>
      <c r="N716" s="128"/>
      <c r="O716" s="128"/>
      <c r="P716" s="128"/>
      <c r="Q716" s="128"/>
      <c r="R716" s="128"/>
      <c r="S716" s="128"/>
      <c r="T716" s="128"/>
      <c r="U716" s="128"/>
      <c r="V716" s="128"/>
      <c r="W716" s="128"/>
      <c r="X716" s="128"/>
      <c r="Y716" s="128"/>
      <c r="Z716" s="128"/>
      <c r="AA716" s="128"/>
      <c r="AB716" s="128"/>
      <c r="AC716" s="128"/>
      <c r="AD716" s="128"/>
      <c r="AE716" s="128"/>
      <c r="AF716" s="128"/>
      <c r="AG716" s="128"/>
      <c r="AH716" s="128"/>
      <c r="AI716" s="128"/>
      <c r="AJ716" s="128"/>
      <c r="AK716" s="128"/>
      <c r="AL716" s="128"/>
      <c r="AM716" s="128"/>
      <c r="AN716" s="128"/>
      <c r="AO716" s="128"/>
      <c r="AP716" s="128"/>
      <c r="AQ716" s="128"/>
      <c r="AR716" s="128"/>
      <c r="AS716" s="128"/>
      <c r="AT716" s="128"/>
      <c r="AU716" s="128"/>
      <c r="AV716" s="128"/>
      <c r="AW716" s="128"/>
      <c r="AX716" s="129"/>
    </row>
    <row r="717" spans="1:113" s="23" customFormat="1" ht="10.8" customHeight="1">
      <c r="A717" s="34"/>
      <c r="B717" s="127"/>
      <c r="C717" s="128"/>
      <c r="D717" s="128"/>
      <c r="E717" s="128"/>
      <c r="F717" s="128"/>
      <c r="G717" s="128"/>
      <c r="H717" s="128"/>
      <c r="I717" s="128"/>
      <c r="J717" s="128"/>
      <c r="K717" s="128"/>
      <c r="L717" s="128"/>
      <c r="M717" s="128"/>
      <c r="N717" s="128"/>
      <c r="O717" s="128"/>
      <c r="P717" s="128"/>
      <c r="Q717" s="128"/>
      <c r="R717" s="128"/>
      <c r="S717" s="128"/>
      <c r="T717" s="128"/>
      <c r="U717" s="128"/>
      <c r="V717" s="128"/>
      <c r="W717" s="128"/>
      <c r="X717" s="128"/>
      <c r="Y717" s="128"/>
      <c r="Z717" s="128"/>
      <c r="AA717" s="128"/>
      <c r="AB717" s="128"/>
      <c r="AC717" s="128"/>
      <c r="AD717" s="128"/>
      <c r="AE717" s="128"/>
      <c r="AF717" s="128"/>
      <c r="AG717" s="128"/>
      <c r="AH717" s="128"/>
      <c r="AI717" s="128"/>
      <c r="AJ717" s="128"/>
      <c r="AK717" s="128"/>
      <c r="AL717" s="128"/>
      <c r="AM717" s="128"/>
      <c r="AN717" s="128"/>
      <c r="AO717" s="128"/>
      <c r="AP717" s="128"/>
      <c r="AQ717" s="128"/>
      <c r="AR717" s="128"/>
      <c r="AS717" s="128"/>
      <c r="AT717" s="128"/>
      <c r="AU717" s="128"/>
      <c r="AV717" s="128"/>
      <c r="AW717" s="128"/>
      <c r="AX717" s="129"/>
    </row>
    <row r="718" spans="1:113" s="23" customFormat="1" ht="10.8" customHeight="1">
      <c r="A718" s="34"/>
      <c r="B718" s="127"/>
      <c r="C718" s="128"/>
      <c r="D718" s="128"/>
      <c r="E718" s="128"/>
      <c r="F718" s="128"/>
      <c r="G718" s="128"/>
      <c r="H718" s="128"/>
      <c r="I718" s="128"/>
      <c r="J718" s="128"/>
      <c r="K718" s="128"/>
      <c r="L718" s="128"/>
      <c r="M718" s="128"/>
      <c r="N718" s="128"/>
      <c r="O718" s="128"/>
      <c r="P718" s="128"/>
      <c r="Q718" s="128"/>
      <c r="R718" s="128"/>
      <c r="S718" s="128"/>
      <c r="T718" s="128"/>
      <c r="U718" s="128"/>
      <c r="V718" s="128"/>
      <c r="W718" s="128"/>
      <c r="X718" s="128"/>
      <c r="Y718" s="128"/>
      <c r="Z718" s="128"/>
      <c r="AA718" s="128"/>
      <c r="AB718" s="128"/>
      <c r="AC718" s="128"/>
      <c r="AD718" s="128"/>
      <c r="AE718" s="128"/>
      <c r="AF718" s="128"/>
      <c r="AG718" s="128"/>
      <c r="AH718" s="128"/>
      <c r="AI718" s="128"/>
      <c r="AJ718" s="128"/>
      <c r="AK718" s="128"/>
      <c r="AL718" s="128"/>
      <c r="AM718" s="128"/>
      <c r="AN718" s="128"/>
      <c r="AO718" s="128"/>
      <c r="AP718" s="128"/>
      <c r="AQ718" s="128"/>
      <c r="AR718" s="128"/>
      <c r="AS718" s="128"/>
      <c r="AT718" s="128"/>
      <c r="AU718" s="128"/>
      <c r="AV718" s="128"/>
      <c r="AW718" s="128"/>
      <c r="AX718" s="129"/>
    </row>
    <row r="719" spans="1:113" s="23" customFormat="1" ht="10.8" customHeight="1">
      <c r="A719" s="34"/>
      <c r="B719" s="127"/>
      <c r="C719" s="128"/>
      <c r="D719" s="128"/>
      <c r="E719" s="128"/>
      <c r="F719" s="128"/>
      <c r="G719" s="128"/>
      <c r="H719" s="128"/>
      <c r="I719" s="128"/>
      <c r="J719" s="128"/>
      <c r="K719" s="128"/>
      <c r="L719" s="128"/>
      <c r="M719" s="128"/>
      <c r="N719" s="128"/>
      <c r="O719" s="128"/>
      <c r="P719" s="128"/>
      <c r="Q719" s="128"/>
      <c r="R719" s="128"/>
      <c r="S719" s="128"/>
      <c r="T719" s="128"/>
      <c r="U719" s="128"/>
      <c r="V719" s="128"/>
      <c r="W719" s="128"/>
      <c r="X719" s="128"/>
      <c r="Y719" s="128"/>
      <c r="Z719" s="128"/>
      <c r="AA719" s="128"/>
      <c r="AB719" s="128"/>
      <c r="AC719" s="128"/>
      <c r="AD719" s="128"/>
      <c r="AE719" s="128"/>
      <c r="AF719" s="128"/>
      <c r="AG719" s="128"/>
      <c r="AH719" s="128"/>
      <c r="AI719" s="128"/>
      <c r="AJ719" s="128"/>
      <c r="AK719" s="128"/>
      <c r="AL719" s="128"/>
      <c r="AM719" s="128"/>
      <c r="AN719" s="128"/>
      <c r="AO719" s="128"/>
      <c r="AP719" s="128"/>
      <c r="AQ719" s="128"/>
      <c r="AR719" s="128"/>
      <c r="AS719" s="128"/>
      <c r="AT719" s="128"/>
      <c r="AU719" s="128"/>
      <c r="AV719" s="128"/>
      <c r="AW719" s="128"/>
      <c r="AX719" s="129"/>
    </row>
    <row r="720" spans="1:113" s="23" customFormat="1" ht="10.8" customHeight="1">
      <c r="A720" s="34"/>
      <c r="B720" s="127"/>
      <c r="C720" s="128"/>
      <c r="D720" s="128"/>
      <c r="E720" s="128"/>
      <c r="F720" s="128"/>
      <c r="G720" s="128"/>
      <c r="H720" s="128"/>
      <c r="I720" s="128"/>
      <c r="J720" s="128"/>
      <c r="K720" s="128"/>
      <c r="L720" s="128"/>
      <c r="M720" s="128"/>
      <c r="N720" s="128"/>
      <c r="O720" s="128"/>
      <c r="P720" s="128"/>
      <c r="Q720" s="128"/>
      <c r="R720" s="128"/>
      <c r="S720" s="128"/>
      <c r="T720" s="128"/>
      <c r="U720" s="128"/>
      <c r="V720" s="128"/>
      <c r="W720" s="128"/>
      <c r="X720" s="128"/>
      <c r="Y720" s="128"/>
      <c r="Z720" s="128"/>
      <c r="AA720" s="128"/>
      <c r="AB720" s="128"/>
      <c r="AC720" s="128"/>
      <c r="AD720" s="128"/>
      <c r="AE720" s="128"/>
      <c r="AF720" s="128"/>
      <c r="AG720" s="128"/>
      <c r="AH720" s="128"/>
      <c r="AI720" s="128"/>
      <c r="AJ720" s="128"/>
      <c r="AK720" s="128"/>
      <c r="AL720" s="128"/>
      <c r="AM720" s="128"/>
      <c r="AN720" s="128"/>
      <c r="AO720" s="128"/>
      <c r="AP720" s="128"/>
      <c r="AQ720" s="128"/>
      <c r="AR720" s="128"/>
      <c r="AS720" s="128"/>
      <c r="AT720" s="128"/>
      <c r="AU720" s="128"/>
      <c r="AV720" s="128"/>
      <c r="AW720" s="128"/>
      <c r="AX720" s="129"/>
    </row>
    <row r="721" spans="1:251" s="23" customFormat="1" ht="15" thickBot="1">
      <c r="A721" s="38"/>
      <c r="B721" s="39"/>
      <c r="C721" s="40"/>
      <c r="D721" s="40"/>
      <c r="E721" s="40"/>
      <c r="F721" s="40"/>
      <c r="G721" s="40"/>
      <c r="H721" s="40"/>
      <c r="I721" s="40"/>
      <c r="J721" s="40"/>
      <c r="K721" s="40"/>
      <c r="L721" s="40"/>
      <c r="M721" s="40"/>
      <c r="N721" s="40"/>
      <c r="O721" s="40"/>
      <c r="P721" s="40"/>
      <c r="Q721" s="40"/>
      <c r="R721" s="40"/>
      <c r="S721" s="40"/>
      <c r="T721" s="40"/>
      <c r="U721" s="40"/>
      <c r="V721" s="40"/>
      <c r="W721" s="40"/>
      <c r="X721" s="40"/>
      <c r="Y721" s="40"/>
      <c r="Z721" s="40"/>
      <c r="AA721" s="40"/>
      <c r="AB721" s="40"/>
      <c r="AC721" s="40"/>
      <c r="AD721" s="40"/>
      <c r="AE721" s="40"/>
      <c r="AF721" s="40"/>
      <c r="AG721" s="40"/>
      <c r="AH721" s="40"/>
      <c r="AI721" s="40"/>
      <c r="AJ721" s="40"/>
      <c r="AK721" s="40"/>
      <c r="AL721" s="40"/>
      <c r="AM721" s="40"/>
      <c r="AN721" s="40"/>
      <c r="AO721" s="40"/>
      <c r="AP721" s="40"/>
      <c r="AQ721" s="40"/>
      <c r="AR721" s="40"/>
      <c r="AS721" s="40"/>
      <c r="AT721" s="40"/>
      <c r="AU721" s="40"/>
      <c r="AV721" s="40"/>
      <c r="AW721" s="40"/>
      <c r="AX721" s="41"/>
    </row>
    <row r="722" spans="1:251" s="23" customFormat="1" ht="13.2">
      <c r="B722" s="42"/>
    </row>
    <row r="723" spans="1:251" s="23" customFormat="1" ht="14.4">
      <c r="B723" s="33" t="s">
        <v>93</v>
      </c>
      <c r="C723" s="34"/>
      <c r="D723" s="34"/>
      <c r="E723" s="34"/>
      <c r="F723" s="34"/>
      <c r="G723" s="34"/>
      <c r="H723" s="34"/>
      <c r="I723" s="34"/>
      <c r="J723" s="34"/>
      <c r="K723" s="34"/>
      <c r="L723" s="35"/>
      <c r="M723" s="35"/>
      <c r="N723" s="35"/>
      <c r="O723" s="35"/>
      <c r="P723" s="34"/>
      <c r="Q723" s="34"/>
      <c r="R723" s="34"/>
      <c r="S723" s="34"/>
      <c r="T723" s="34"/>
      <c r="U723" s="34"/>
      <c r="V723" s="33"/>
      <c r="W723" s="33"/>
      <c r="X723" s="33"/>
      <c r="Y723" s="33"/>
      <c r="Z723" s="33"/>
      <c r="AA723" s="33"/>
      <c r="AB723" s="33"/>
      <c r="AC723" s="33"/>
      <c r="AD723" s="33"/>
      <c r="AE723" s="33"/>
      <c r="AF723" s="33"/>
      <c r="AG723" s="33"/>
      <c r="AH723" s="33"/>
      <c r="AI723" s="33"/>
      <c r="AJ723" s="33"/>
      <c r="AK723" s="33"/>
      <c r="AL723" s="33"/>
      <c r="AM723" s="33"/>
      <c r="AN723" s="33"/>
      <c r="AO723" s="33"/>
      <c r="AP723" s="33"/>
      <c r="AQ723" s="33"/>
      <c r="AR723" s="33"/>
      <c r="AS723" s="33"/>
      <c r="AT723" s="33"/>
      <c r="AU723" s="33"/>
      <c r="AV723" s="33"/>
      <c r="AW723" s="33"/>
      <c r="AX723" s="33"/>
    </row>
    <row r="724" spans="1:251" s="23" customFormat="1" ht="15" thickBot="1">
      <c r="B724" s="33"/>
      <c r="C724" s="34"/>
      <c r="D724" s="34"/>
      <c r="E724" s="34"/>
      <c r="F724" s="34"/>
      <c r="G724" s="34"/>
      <c r="H724" s="34"/>
      <c r="I724" s="34"/>
      <c r="J724" s="34"/>
      <c r="K724" s="34"/>
      <c r="L724" s="35"/>
      <c r="M724" s="35"/>
      <c r="N724" s="35"/>
      <c r="O724" s="35"/>
      <c r="P724" s="34"/>
      <c r="Q724" s="34"/>
      <c r="R724" s="34"/>
      <c r="S724" s="34"/>
      <c r="T724" s="34"/>
      <c r="U724" s="34"/>
      <c r="V724" s="33"/>
      <c r="W724" s="33"/>
      <c r="X724" s="33"/>
      <c r="Y724" s="33"/>
      <c r="Z724" s="33"/>
      <c r="AA724" s="33"/>
      <c r="AB724" s="33"/>
      <c r="AC724" s="33"/>
      <c r="AD724" s="33"/>
      <c r="AE724" s="33"/>
      <c r="AF724" s="33"/>
      <c r="AG724" s="33"/>
      <c r="AH724" s="33"/>
      <c r="AI724" s="33"/>
      <c r="AJ724" s="33"/>
      <c r="AK724" s="33"/>
      <c r="AL724" s="33"/>
      <c r="AM724" s="33"/>
      <c r="AN724" s="33"/>
      <c r="AO724" s="33"/>
      <c r="AP724" s="33"/>
      <c r="AQ724" s="33"/>
      <c r="AR724" s="33"/>
      <c r="AS724" s="33"/>
      <c r="AT724" s="33"/>
      <c r="AU724" s="33"/>
      <c r="AV724" s="33"/>
      <c r="AW724" s="33"/>
      <c r="AX724" s="43" t="s">
        <v>94</v>
      </c>
    </row>
    <row r="725" spans="1:251" s="50" customFormat="1" ht="13.5" customHeight="1">
      <c r="A725" s="34"/>
      <c r="B725" s="139" t="s">
        <v>95</v>
      </c>
      <c r="C725" s="140"/>
      <c r="D725" s="140"/>
      <c r="E725" s="140"/>
      <c r="F725" s="140"/>
      <c r="G725" s="140"/>
      <c r="H725" s="140"/>
      <c r="I725" s="140"/>
      <c r="J725" s="140"/>
      <c r="K725" s="140"/>
      <c r="L725" s="140"/>
      <c r="M725" s="140"/>
      <c r="N725" s="140"/>
      <c r="O725" s="140"/>
      <c r="P725" s="140"/>
      <c r="Q725" s="140"/>
      <c r="R725" s="140"/>
      <c r="S725" s="140"/>
      <c r="T725" s="140"/>
      <c r="U725" s="140"/>
      <c r="V725" s="140"/>
      <c r="W725" s="140"/>
      <c r="X725" s="140"/>
      <c r="Y725" s="140"/>
      <c r="Z725" s="141"/>
      <c r="AA725" s="145" t="s">
        <v>116</v>
      </c>
      <c r="AB725" s="146"/>
      <c r="AC725" s="146"/>
      <c r="AD725" s="146"/>
      <c r="AE725" s="146"/>
      <c r="AF725" s="146"/>
      <c r="AG725" s="146"/>
      <c r="AH725" s="146"/>
      <c r="AI725" s="147"/>
      <c r="AJ725" s="145" t="s">
        <v>117</v>
      </c>
      <c r="AK725" s="146"/>
      <c r="AL725" s="146"/>
      <c r="AM725" s="146"/>
      <c r="AN725" s="146"/>
      <c r="AO725" s="146"/>
      <c r="AP725" s="146"/>
      <c r="AQ725" s="146"/>
      <c r="AR725" s="147"/>
      <c r="AS725" s="145" t="s">
        <v>98</v>
      </c>
      <c r="AT725" s="146"/>
      <c r="AU725" s="146"/>
      <c r="AV725" s="146"/>
      <c r="AW725" s="146"/>
      <c r="AX725" s="151"/>
      <c r="AY725" s="23"/>
      <c r="AZ725" s="23"/>
      <c r="BA725" s="23"/>
      <c r="BB725" s="23"/>
      <c r="BC725" s="23"/>
      <c r="BD725" s="23"/>
      <c r="BE725" s="23"/>
      <c r="BF725" s="23"/>
      <c r="BG725" s="23"/>
      <c r="BH725" s="23"/>
      <c r="BI725" s="23"/>
      <c r="BJ725" s="23"/>
      <c r="BK725" s="23"/>
      <c r="BL725" s="23"/>
      <c r="BM725" s="23"/>
      <c r="BN725" s="23"/>
      <c r="BO725" s="23"/>
      <c r="BP725" s="23"/>
      <c r="BQ725" s="23"/>
      <c r="BR725" s="23"/>
      <c r="BS725" s="23"/>
      <c r="BT725" s="23"/>
      <c r="BU725" s="23"/>
      <c r="BV725" s="23"/>
      <c r="BW725" s="23"/>
      <c r="BX725" s="23"/>
      <c r="BY725" s="23"/>
      <c r="BZ725" s="23"/>
      <c r="CA725" s="23"/>
      <c r="CB725" s="23"/>
      <c r="CC725" s="23"/>
      <c r="CD725" s="23"/>
      <c r="CE725" s="23"/>
      <c r="CF725" s="23"/>
      <c r="CG725" s="23"/>
      <c r="CH725" s="23"/>
      <c r="CI725" s="23"/>
      <c r="CJ725" s="23"/>
      <c r="CK725" s="23"/>
      <c r="CL725" s="23"/>
      <c r="CM725" s="23"/>
      <c r="CN725" s="23"/>
      <c r="CO725" s="23"/>
      <c r="CP725" s="23"/>
      <c r="CQ725" s="23"/>
      <c r="CR725" s="23"/>
      <c r="CS725" s="23"/>
      <c r="CT725" s="23"/>
      <c r="CU725" s="23"/>
      <c r="CV725" s="23"/>
      <c r="CW725" s="23"/>
      <c r="CX725" s="23"/>
      <c r="CY725" s="23"/>
      <c r="CZ725" s="23"/>
      <c r="DA725" s="23"/>
      <c r="DB725" s="23"/>
      <c r="DC725" s="23"/>
      <c r="DD725" s="23"/>
      <c r="DE725" s="23"/>
      <c r="DF725" s="23"/>
      <c r="DG725" s="23"/>
      <c r="DH725" s="23"/>
      <c r="DI725" s="23"/>
      <c r="DJ725" s="23"/>
      <c r="DK725" s="23"/>
      <c r="DL725" s="23"/>
      <c r="DM725" s="23"/>
      <c r="DN725" s="23"/>
      <c r="DO725" s="23"/>
      <c r="DP725" s="23"/>
      <c r="DQ725" s="23"/>
      <c r="DR725" s="23"/>
      <c r="DS725" s="23"/>
      <c r="DT725" s="23"/>
      <c r="DU725" s="23"/>
      <c r="DV725" s="23"/>
      <c r="DW725" s="23"/>
      <c r="DX725" s="23"/>
      <c r="DY725" s="23"/>
      <c r="DZ725" s="23"/>
      <c r="EA725" s="23"/>
      <c r="EB725" s="23"/>
      <c r="EC725" s="23"/>
      <c r="ED725" s="23"/>
      <c r="EE725" s="23"/>
      <c r="EF725" s="23"/>
      <c r="EG725" s="23"/>
      <c r="EH725" s="23"/>
      <c r="EI725" s="23"/>
      <c r="EJ725" s="23"/>
      <c r="EK725" s="23"/>
      <c r="EL725" s="23"/>
      <c r="EM725" s="23"/>
      <c r="EN725" s="23"/>
      <c r="EO725" s="23"/>
      <c r="EP725" s="23"/>
      <c r="EQ725" s="23"/>
      <c r="ER725" s="23"/>
      <c r="ES725" s="23"/>
      <c r="ET725" s="23"/>
      <c r="EU725" s="23"/>
      <c r="EV725" s="23"/>
      <c r="EW725" s="23"/>
      <c r="EX725" s="23"/>
      <c r="EY725" s="23"/>
      <c r="EZ725" s="23"/>
      <c r="FA725" s="23"/>
      <c r="FB725" s="23"/>
      <c r="FC725" s="23"/>
      <c r="FD725" s="23"/>
      <c r="FE725" s="23"/>
      <c r="FF725" s="23"/>
      <c r="FG725" s="23"/>
      <c r="FH725" s="23"/>
      <c r="FI725" s="23"/>
      <c r="FJ725" s="23"/>
      <c r="FK725" s="23"/>
      <c r="FL725" s="23"/>
      <c r="FM725" s="23"/>
      <c r="FN725" s="23"/>
      <c r="FO725" s="23"/>
      <c r="FP725" s="23"/>
      <c r="FQ725" s="23"/>
      <c r="FR725" s="23"/>
      <c r="FS725" s="23"/>
      <c r="FT725" s="23"/>
      <c r="FU725" s="23"/>
      <c r="FV725" s="23"/>
      <c r="FW725" s="23"/>
      <c r="FX725" s="23"/>
      <c r="FY725" s="23"/>
      <c r="FZ725" s="23"/>
      <c r="GA725" s="23"/>
      <c r="GB725" s="23"/>
      <c r="GC725" s="23"/>
      <c r="GD725" s="23"/>
      <c r="GE725" s="23"/>
      <c r="GF725" s="23"/>
      <c r="GG725" s="23"/>
      <c r="GH725" s="23"/>
      <c r="GI725" s="23"/>
      <c r="GJ725" s="23"/>
      <c r="GK725" s="23"/>
      <c r="GL725" s="23"/>
      <c r="GM725" s="23"/>
      <c r="GN725" s="23"/>
      <c r="GO725" s="23"/>
      <c r="GP725" s="23"/>
      <c r="GQ725" s="23"/>
      <c r="GR725" s="23"/>
      <c r="GS725" s="23"/>
      <c r="GT725" s="23"/>
      <c r="GU725" s="23"/>
      <c r="GV725" s="23"/>
      <c r="GW725" s="23"/>
      <c r="GX725" s="23"/>
      <c r="GY725" s="23"/>
      <c r="GZ725" s="23"/>
      <c r="HA725" s="23"/>
      <c r="HB725" s="23"/>
      <c r="HC725" s="23"/>
      <c r="HD725" s="23"/>
      <c r="HE725" s="23"/>
      <c r="HF725" s="23"/>
      <c r="HG725" s="23"/>
      <c r="HH725" s="23"/>
      <c r="HI725" s="23"/>
      <c r="HJ725" s="23"/>
      <c r="HK725" s="23"/>
      <c r="HL725" s="23"/>
      <c r="HM725" s="23"/>
      <c r="HN725" s="23"/>
      <c r="HO725" s="23"/>
      <c r="HP725" s="23"/>
      <c r="HQ725" s="23"/>
      <c r="HR725" s="23"/>
      <c r="HS725" s="23"/>
      <c r="HT725" s="23"/>
      <c r="HU725" s="23"/>
      <c r="HV725" s="23"/>
      <c r="HW725" s="23"/>
      <c r="HX725" s="23"/>
      <c r="HY725" s="23"/>
      <c r="HZ725" s="23"/>
      <c r="IA725" s="23"/>
      <c r="IB725" s="23"/>
      <c r="IC725" s="23"/>
      <c r="ID725" s="23"/>
      <c r="IE725" s="23"/>
      <c r="IF725" s="23"/>
      <c r="IG725" s="23"/>
      <c r="IH725" s="23"/>
      <c r="II725" s="23"/>
      <c r="IJ725" s="23"/>
      <c r="IK725" s="23"/>
      <c r="IL725" s="23"/>
      <c r="IM725" s="23"/>
      <c r="IN725" s="23"/>
      <c r="IO725" s="23"/>
      <c r="IP725" s="23"/>
      <c r="IQ725" s="23"/>
    </row>
    <row r="726" spans="1:251" s="50" customFormat="1">
      <c r="A726" s="34"/>
      <c r="B726" s="142"/>
      <c r="C726" s="143"/>
      <c r="D726" s="143"/>
      <c r="E726" s="143"/>
      <c r="F726" s="143"/>
      <c r="G726" s="143"/>
      <c r="H726" s="143"/>
      <c r="I726" s="143"/>
      <c r="J726" s="143"/>
      <c r="K726" s="143"/>
      <c r="L726" s="143"/>
      <c r="M726" s="143"/>
      <c r="N726" s="143"/>
      <c r="O726" s="143"/>
      <c r="P726" s="143"/>
      <c r="Q726" s="143"/>
      <c r="R726" s="143"/>
      <c r="S726" s="143"/>
      <c r="T726" s="143"/>
      <c r="U726" s="143"/>
      <c r="V726" s="143"/>
      <c r="W726" s="143"/>
      <c r="X726" s="143"/>
      <c r="Y726" s="143"/>
      <c r="Z726" s="144"/>
      <c r="AA726" s="148"/>
      <c r="AB726" s="149"/>
      <c r="AC726" s="149"/>
      <c r="AD726" s="149"/>
      <c r="AE726" s="149"/>
      <c r="AF726" s="149"/>
      <c r="AG726" s="149"/>
      <c r="AH726" s="149"/>
      <c r="AI726" s="150"/>
      <c r="AJ726" s="148"/>
      <c r="AK726" s="149"/>
      <c r="AL726" s="149"/>
      <c r="AM726" s="149"/>
      <c r="AN726" s="149"/>
      <c r="AO726" s="149"/>
      <c r="AP726" s="149"/>
      <c r="AQ726" s="149"/>
      <c r="AR726" s="150"/>
      <c r="AS726" s="148"/>
      <c r="AT726" s="149"/>
      <c r="AU726" s="149"/>
      <c r="AV726" s="149"/>
      <c r="AW726" s="149"/>
      <c r="AX726" s="152"/>
      <c r="AY726" s="23"/>
      <c r="AZ726" s="23"/>
      <c r="BA726" s="23"/>
      <c r="BB726"/>
      <c r="BC726" s="45"/>
      <c r="BE726" s="23"/>
      <c r="BF726" s="23"/>
      <c r="BG726" s="23"/>
      <c r="BH726" s="23"/>
      <c r="BI726" s="23"/>
      <c r="BJ726" s="23"/>
      <c r="BK726" s="23"/>
      <c r="BL726" s="23"/>
      <c r="BM726" s="23"/>
      <c r="BN726" s="23"/>
      <c r="BO726" s="23"/>
      <c r="BP726" s="23"/>
      <c r="BQ726" s="23"/>
      <c r="BR726" s="23"/>
      <c r="BS726" s="23"/>
      <c r="BT726" s="23"/>
      <c r="BU726" s="23"/>
      <c r="BV726" s="23"/>
      <c r="BW726" s="23"/>
      <c r="BX726" s="23"/>
      <c r="BY726" s="23"/>
      <c r="BZ726" s="23"/>
      <c r="CA726" s="23"/>
      <c r="CB726" s="23"/>
      <c r="CC726" s="23"/>
      <c r="CD726" s="23"/>
      <c r="CE726" s="23"/>
      <c r="CF726" s="23"/>
      <c r="CG726" s="23"/>
      <c r="CH726" s="23"/>
      <c r="CI726" s="23"/>
      <c r="CJ726" s="23"/>
      <c r="CK726" s="23"/>
      <c r="CL726" s="23"/>
      <c r="CM726" s="23"/>
      <c r="CN726" s="23"/>
      <c r="CO726" s="23"/>
      <c r="CP726" s="23"/>
      <c r="CQ726" s="23"/>
      <c r="CR726" s="23"/>
      <c r="CS726" s="23"/>
      <c r="CT726" s="23"/>
      <c r="CU726" s="23"/>
      <c r="CV726" s="23"/>
      <c r="CW726" s="23"/>
      <c r="CX726" s="23"/>
      <c r="CY726" s="23"/>
      <c r="CZ726" s="23"/>
      <c r="DA726" s="23"/>
      <c r="DB726" s="23"/>
      <c r="DC726" s="23"/>
      <c r="DD726" s="23"/>
      <c r="DE726" s="23"/>
      <c r="DF726" s="23"/>
      <c r="DG726" s="23"/>
      <c r="DH726" s="23"/>
      <c r="DI726" s="23"/>
      <c r="DJ726" s="23"/>
      <c r="DK726" s="23"/>
      <c r="DL726" s="23"/>
      <c r="DM726" s="23"/>
      <c r="DN726" s="23"/>
      <c r="DO726" s="23"/>
      <c r="DP726" s="23"/>
      <c r="DQ726" s="23"/>
      <c r="DR726" s="23"/>
      <c r="DS726" s="23"/>
      <c r="DT726" s="23"/>
      <c r="DU726" s="23"/>
      <c r="DV726" s="23"/>
      <c r="DW726" s="23"/>
      <c r="DX726" s="23"/>
      <c r="DY726" s="23"/>
      <c r="DZ726" s="23"/>
      <c r="EA726" s="23"/>
      <c r="EB726" s="23"/>
      <c r="EC726" s="23"/>
      <c r="ED726" s="23"/>
      <c r="EE726" s="23"/>
      <c r="EF726" s="23"/>
      <c r="EG726" s="23"/>
      <c r="EH726" s="23"/>
      <c r="EI726" s="23"/>
      <c r="EJ726" s="23"/>
      <c r="EK726" s="23"/>
      <c r="EL726" s="23"/>
      <c r="EM726" s="23"/>
      <c r="EN726" s="23"/>
      <c r="EO726" s="23"/>
      <c r="EP726" s="23"/>
      <c r="EQ726" s="23"/>
      <c r="ER726" s="23"/>
      <c r="ES726" s="23"/>
      <c r="ET726" s="23"/>
      <c r="EU726" s="23"/>
      <c r="EV726" s="23"/>
      <c r="EW726" s="23"/>
      <c r="EX726" s="23"/>
      <c r="EY726" s="23"/>
      <c r="EZ726" s="23"/>
      <c r="FA726" s="23"/>
      <c r="FB726" s="23"/>
      <c r="FC726" s="23"/>
      <c r="FD726" s="23"/>
      <c r="FE726" s="23"/>
      <c r="FF726" s="23"/>
      <c r="FG726" s="23"/>
      <c r="FH726" s="23"/>
      <c r="FI726" s="23"/>
      <c r="FJ726" s="23"/>
      <c r="FK726" s="23"/>
      <c r="FL726" s="23"/>
      <c r="FM726" s="23"/>
      <c r="FN726" s="23"/>
      <c r="FO726" s="23"/>
      <c r="FP726" s="23"/>
      <c r="FQ726" s="23"/>
      <c r="FR726" s="23"/>
      <c r="FS726" s="23"/>
      <c r="FT726" s="23"/>
      <c r="FU726" s="23"/>
      <c r="FV726" s="23"/>
      <c r="FW726" s="23"/>
      <c r="FX726" s="23"/>
      <c r="FY726" s="23"/>
      <c r="FZ726" s="23"/>
      <c r="GA726" s="23"/>
      <c r="GB726" s="23"/>
      <c r="GC726" s="23"/>
      <c r="GD726" s="23"/>
      <c r="GE726" s="23"/>
      <c r="GF726" s="23"/>
      <c r="GG726" s="23"/>
      <c r="GH726" s="23"/>
      <c r="GI726" s="23"/>
      <c r="GJ726" s="23"/>
      <c r="GK726" s="23"/>
      <c r="GL726" s="23"/>
      <c r="GM726" s="23"/>
      <c r="GN726" s="23"/>
      <c r="GO726" s="23"/>
      <c r="GP726" s="23"/>
      <c r="GQ726" s="23"/>
      <c r="GR726" s="23"/>
      <c r="GS726" s="23"/>
      <c r="GT726" s="23"/>
      <c r="GU726" s="23"/>
      <c r="GV726" s="23"/>
      <c r="GW726" s="23"/>
      <c r="GX726" s="23"/>
      <c r="GY726" s="23"/>
      <c r="GZ726" s="23"/>
      <c r="HA726" s="23"/>
      <c r="HB726" s="23"/>
      <c r="HC726" s="23"/>
      <c r="HD726" s="23"/>
      <c r="HE726" s="23"/>
      <c r="HF726" s="23"/>
      <c r="HG726" s="23"/>
      <c r="HH726" s="23"/>
      <c r="HI726" s="23"/>
      <c r="HJ726" s="23"/>
      <c r="HK726" s="23"/>
      <c r="HL726" s="23"/>
      <c r="HM726" s="23"/>
      <c r="HN726" s="23"/>
      <c r="HO726" s="23"/>
      <c r="HP726" s="23"/>
      <c r="HQ726" s="23"/>
      <c r="HR726" s="23"/>
      <c r="HS726" s="23"/>
      <c r="HT726" s="23"/>
      <c r="HU726" s="23"/>
      <c r="HV726" s="23"/>
      <c r="HW726" s="23"/>
      <c r="HX726" s="23"/>
      <c r="HY726" s="23"/>
      <c r="HZ726" s="23"/>
      <c r="IA726" s="23"/>
      <c r="IB726" s="23"/>
      <c r="IC726" s="23"/>
      <c r="ID726" s="23"/>
      <c r="IE726" s="23"/>
      <c r="IF726" s="23"/>
      <c r="IG726" s="23"/>
      <c r="IH726" s="23"/>
      <c r="II726" s="23"/>
      <c r="IJ726" s="23"/>
      <c r="IK726" s="23"/>
      <c r="IL726" s="23"/>
      <c r="IM726" s="23"/>
      <c r="IN726" s="23"/>
      <c r="IO726" s="23"/>
      <c r="IP726" s="23"/>
      <c r="IQ726" s="23"/>
    </row>
    <row r="727" spans="1:251" s="50" customFormat="1" ht="18.75" customHeight="1">
      <c r="A727" s="34"/>
      <c r="B727" s="46"/>
      <c r="C727" s="130" t="s">
        <v>139</v>
      </c>
      <c r="D727" s="130"/>
      <c r="E727" s="130"/>
      <c r="F727" s="130"/>
      <c r="G727" s="130"/>
      <c r="H727" s="130"/>
      <c r="I727" s="130"/>
      <c r="J727" s="130"/>
      <c r="K727" s="130"/>
      <c r="L727" s="130"/>
      <c r="M727" s="130"/>
      <c r="N727" s="130"/>
      <c r="O727" s="130"/>
      <c r="P727" s="130"/>
      <c r="Q727" s="130"/>
      <c r="R727" s="130"/>
      <c r="S727" s="130"/>
      <c r="T727" s="130"/>
      <c r="U727" s="130"/>
      <c r="V727" s="130"/>
      <c r="W727" s="130"/>
      <c r="X727" s="130"/>
      <c r="Y727" s="130"/>
      <c r="Z727" s="131"/>
      <c r="AA727" s="132">
        <v>2415754</v>
      </c>
      <c r="AB727" s="133"/>
      <c r="AC727" s="133"/>
      <c r="AD727" s="133"/>
      <c r="AE727" s="133"/>
      <c r="AF727" s="133"/>
      <c r="AG727" s="133"/>
      <c r="AH727" s="133"/>
      <c r="AI727" s="134"/>
      <c r="AJ727" s="132">
        <v>1750999</v>
      </c>
      <c r="AK727" s="133"/>
      <c r="AL727" s="133"/>
      <c r="AM727" s="133"/>
      <c r="AN727" s="133"/>
      <c r="AO727" s="133"/>
      <c r="AP727" s="133"/>
      <c r="AQ727" s="133"/>
      <c r="AR727" s="134"/>
      <c r="AS727" s="132"/>
      <c r="AT727" s="133"/>
      <c r="AU727" s="133"/>
      <c r="AV727" s="133"/>
      <c r="AW727" s="133"/>
      <c r="AX727" s="135"/>
      <c r="AY727" s="23"/>
      <c r="AZ727" s="23"/>
      <c r="BA727" s="23"/>
      <c r="BB727" s="23"/>
      <c r="BC727" s="23"/>
      <c r="BD727" s="23"/>
      <c r="BE727" s="23"/>
      <c r="BF727" s="23"/>
      <c r="BG727" s="23"/>
      <c r="BH727" s="23"/>
      <c r="BI727" s="23"/>
      <c r="BJ727" s="23"/>
      <c r="BK727" s="23"/>
      <c r="BL727" s="23"/>
      <c r="BM727" s="23"/>
      <c r="BN727" s="23"/>
      <c r="BO727" s="23"/>
      <c r="BP727" s="23"/>
      <c r="BQ727" s="23"/>
      <c r="BR727" s="23"/>
      <c r="BS727" s="23"/>
      <c r="BT727" s="23"/>
      <c r="BU727" s="23"/>
      <c r="BV727" s="23"/>
      <c r="BW727" s="23"/>
      <c r="BX727" s="23"/>
      <c r="BY727" s="23"/>
      <c r="BZ727" s="23"/>
      <c r="CA727" s="23"/>
      <c r="CB727" s="23"/>
      <c r="CC727" s="23"/>
      <c r="CD727" s="23"/>
      <c r="CE727" s="23"/>
      <c r="CF727" s="23"/>
      <c r="CG727" s="23"/>
      <c r="CH727" s="23"/>
      <c r="CI727" s="23"/>
      <c r="CJ727" s="23"/>
      <c r="CK727" s="23"/>
      <c r="CL727" s="23"/>
      <c r="CM727" s="23"/>
      <c r="CN727" s="23"/>
      <c r="CO727" s="23"/>
      <c r="CP727" s="23"/>
      <c r="CQ727" s="23"/>
      <c r="CR727" s="23"/>
      <c r="CS727" s="23"/>
      <c r="CT727" s="23"/>
      <c r="CU727" s="23"/>
      <c r="CV727" s="23"/>
      <c r="CW727" s="23"/>
      <c r="CX727" s="23"/>
      <c r="CY727" s="23"/>
      <c r="CZ727" s="23"/>
      <c r="DA727" s="23"/>
      <c r="DB727" s="23"/>
      <c r="DC727" s="23"/>
      <c r="DD727" s="23"/>
      <c r="DE727" s="23"/>
      <c r="DF727" s="23"/>
      <c r="DG727" s="23"/>
      <c r="DH727" s="23"/>
      <c r="DI727" s="23"/>
      <c r="DJ727" s="23"/>
      <c r="DK727" s="23"/>
      <c r="DL727" s="23"/>
      <c r="DM727" s="23"/>
      <c r="DN727" s="23"/>
      <c r="DO727" s="23"/>
      <c r="DP727" s="23"/>
      <c r="DQ727" s="23"/>
      <c r="DR727" s="23"/>
      <c r="DS727" s="23"/>
      <c r="DT727" s="23"/>
      <c r="DU727" s="23"/>
      <c r="DV727" s="23"/>
      <c r="DW727" s="23"/>
      <c r="DX727" s="23"/>
      <c r="DY727" s="23"/>
      <c r="DZ727" s="23"/>
      <c r="EA727" s="23"/>
      <c r="EB727" s="23"/>
      <c r="EC727" s="23"/>
      <c r="ED727" s="23"/>
      <c r="EE727" s="23"/>
      <c r="EF727" s="23"/>
      <c r="EG727" s="23"/>
      <c r="EH727" s="23"/>
      <c r="EI727" s="23"/>
      <c r="EJ727" s="23"/>
      <c r="EK727" s="23"/>
      <c r="EL727" s="23"/>
      <c r="EM727" s="23"/>
      <c r="EN727" s="23"/>
      <c r="EO727" s="23"/>
      <c r="EP727" s="23"/>
      <c r="EQ727" s="23"/>
      <c r="ER727" s="23"/>
      <c r="ES727" s="23"/>
      <c r="ET727" s="23"/>
      <c r="EU727" s="23"/>
      <c r="EV727" s="23"/>
      <c r="EW727" s="23"/>
      <c r="EX727" s="23"/>
      <c r="EY727" s="23"/>
      <c r="EZ727" s="23"/>
      <c r="FA727" s="23"/>
      <c r="FB727" s="23"/>
      <c r="FC727" s="23"/>
      <c r="FD727" s="23"/>
      <c r="FE727" s="23"/>
      <c r="FF727" s="23"/>
      <c r="FG727" s="23"/>
      <c r="FH727" s="23"/>
      <c r="FI727" s="23"/>
      <c r="FJ727" s="23"/>
      <c r="FK727" s="23"/>
      <c r="FL727" s="23"/>
      <c r="FM727" s="23"/>
      <c r="FN727" s="23"/>
      <c r="FO727" s="23"/>
      <c r="FP727" s="23"/>
      <c r="FQ727" s="23"/>
      <c r="FR727" s="23"/>
      <c r="FS727" s="23"/>
      <c r="FT727" s="23"/>
      <c r="FU727" s="23"/>
      <c r="FV727" s="23"/>
      <c r="FW727" s="23"/>
      <c r="FX727" s="23"/>
      <c r="FY727" s="23"/>
      <c r="FZ727" s="23"/>
      <c r="GA727" s="23"/>
      <c r="GB727" s="23"/>
      <c r="GC727" s="23"/>
      <c r="GD727" s="23"/>
      <c r="GE727" s="23"/>
      <c r="GF727" s="23"/>
      <c r="GG727" s="23"/>
      <c r="GH727" s="23"/>
      <c r="GI727" s="23"/>
      <c r="GJ727" s="23"/>
      <c r="GK727" s="23"/>
      <c r="GL727" s="23"/>
      <c r="GM727" s="23"/>
      <c r="GN727" s="23"/>
      <c r="GO727" s="23"/>
      <c r="GP727" s="23"/>
      <c r="GQ727" s="23"/>
      <c r="GR727" s="23"/>
      <c r="GS727" s="23"/>
      <c r="GT727" s="23"/>
      <c r="GU727" s="23"/>
      <c r="GV727" s="23"/>
      <c r="GW727" s="23"/>
      <c r="GX727" s="23"/>
      <c r="GY727" s="23"/>
      <c r="GZ727" s="23"/>
      <c r="HA727" s="23"/>
      <c r="HB727" s="23"/>
      <c r="HC727" s="23"/>
      <c r="HD727" s="23"/>
      <c r="HE727" s="23"/>
      <c r="HF727" s="23"/>
      <c r="HG727" s="23"/>
      <c r="HH727" s="23"/>
      <c r="HI727" s="23"/>
      <c r="HJ727" s="23"/>
      <c r="HK727" s="23"/>
      <c r="HL727" s="23"/>
      <c r="HM727" s="23"/>
      <c r="HN727" s="23"/>
      <c r="HO727" s="23"/>
      <c r="HP727" s="23"/>
      <c r="HQ727" s="23"/>
      <c r="HR727" s="23"/>
      <c r="HS727" s="23"/>
      <c r="HT727" s="23"/>
      <c r="HU727" s="23"/>
      <c r="HV727" s="23"/>
      <c r="HW727" s="23"/>
      <c r="HX727" s="23"/>
      <c r="HY727" s="23"/>
      <c r="HZ727" s="23"/>
      <c r="IA727" s="23"/>
      <c r="IB727" s="23"/>
      <c r="IC727" s="23"/>
      <c r="ID727" s="23"/>
      <c r="IE727" s="23"/>
      <c r="IF727" s="23"/>
      <c r="IG727" s="23"/>
      <c r="IH727" s="23"/>
      <c r="II727" s="23"/>
      <c r="IJ727" s="23"/>
      <c r="IK727" s="23"/>
      <c r="IL727" s="23"/>
      <c r="IM727" s="23"/>
      <c r="IN727" s="23"/>
      <c r="IO727" s="23"/>
      <c r="IP727" s="23"/>
      <c r="IQ727" s="23"/>
    </row>
    <row r="728" spans="1:251" s="50" customFormat="1" ht="18.75" customHeight="1">
      <c r="A728" s="34"/>
      <c r="B728" s="47"/>
      <c r="C728" s="130"/>
      <c r="D728" s="130"/>
      <c r="E728" s="130"/>
      <c r="F728" s="130"/>
      <c r="G728" s="130"/>
      <c r="H728" s="130"/>
      <c r="I728" s="130"/>
      <c r="J728" s="130"/>
      <c r="K728" s="130"/>
      <c r="L728" s="130"/>
      <c r="M728" s="130"/>
      <c r="N728" s="130"/>
      <c r="O728" s="130"/>
      <c r="P728" s="130"/>
      <c r="Q728" s="130"/>
      <c r="R728" s="130"/>
      <c r="S728" s="130"/>
      <c r="T728" s="130"/>
      <c r="U728" s="130"/>
      <c r="V728" s="130"/>
      <c r="W728" s="130"/>
      <c r="X728" s="130"/>
      <c r="Y728" s="130"/>
      <c r="Z728" s="131"/>
      <c r="AA728" s="132"/>
      <c r="AB728" s="133"/>
      <c r="AC728" s="133"/>
      <c r="AD728" s="133"/>
      <c r="AE728" s="133"/>
      <c r="AF728" s="133"/>
      <c r="AG728" s="133"/>
      <c r="AH728" s="133"/>
      <c r="AI728" s="134"/>
      <c r="AJ728" s="132"/>
      <c r="AK728" s="133"/>
      <c r="AL728" s="133"/>
      <c r="AM728" s="133"/>
      <c r="AN728" s="133"/>
      <c r="AO728" s="133"/>
      <c r="AP728" s="133"/>
      <c r="AQ728" s="133"/>
      <c r="AR728" s="134"/>
      <c r="AS728" s="132"/>
      <c r="AT728" s="133"/>
      <c r="AU728" s="133"/>
      <c r="AV728" s="133"/>
      <c r="AW728" s="133"/>
      <c r="AX728" s="135"/>
      <c r="AY728" s="23"/>
      <c r="AZ728" s="23"/>
      <c r="BA728" s="23"/>
      <c r="BB728" s="23"/>
      <c r="BC728" s="23"/>
      <c r="BD728" s="23"/>
      <c r="BE728" s="23"/>
      <c r="BF728" s="23"/>
      <c r="BG728" s="23"/>
      <c r="BH728" s="23"/>
      <c r="BI728" s="23"/>
      <c r="BJ728" s="23"/>
      <c r="BK728" s="23"/>
      <c r="BL728" s="23"/>
      <c r="BM728" s="23"/>
      <c r="BN728" s="23"/>
      <c r="BO728" s="23"/>
      <c r="BP728" s="23"/>
      <c r="BQ728" s="23"/>
      <c r="BR728" s="23"/>
      <c r="BS728" s="23"/>
      <c r="BT728" s="23"/>
      <c r="BU728" s="23"/>
      <c r="BV728" s="23"/>
      <c r="BW728" s="23"/>
      <c r="BX728" s="23"/>
      <c r="BY728" s="23"/>
      <c r="BZ728" s="23"/>
      <c r="CA728" s="23"/>
      <c r="CB728" s="23"/>
      <c r="CC728" s="23"/>
      <c r="CD728" s="23"/>
      <c r="CE728" s="23"/>
      <c r="CF728" s="23"/>
      <c r="CG728" s="23"/>
      <c r="CH728" s="23"/>
      <c r="CI728" s="23"/>
      <c r="CJ728" s="23"/>
      <c r="CK728" s="23"/>
      <c r="CL728" s="23"/>
      <c r="CM728" s="23"/>
      <c r="CN728" s="23"/>
      <c r="CO728" s="23"/>
      <c r="CP728" s="23"/>
      <c r="CQ728" s="23"/>
      <c r="CR728" s="23"/>
      <c r="CS728" s="23"/>
      <c r="CT728" s="23"/>
      <c r="CU728" s="23"/>
      <c r="CV728" s="23"/>
      <c r="CW728" s="23"/>
      <c r="CX728" s="23"/>
      <c r="CY728" s="23"/>
      <c r="CZ728" s="23"/>
      <c r="DA728" s="23"/>
      <c r="DB728" s="23"/>
      <c r="DC728" s="23"/>
      <c r="DD728" s="23"/>
      <c r="DE728" s="23"/>
      <c r="DF728" s="23"/>
      <c r="DG728" s="23"/>
      <c r="DH728" s="23"/>
      <c r="DI728" s="23"/>
      <c r="DJ728" s="23"/>
      <c r="DK728" s="23"/>
      <c r="DL728" s="23"/>
      <c r="DM728" s="23"/>
      <c r="DN728" s="23"/>
      <c r="DO728" s="23"/>
      <c r="DP728" s="23"/>
      <c r="DQ728" s="23"/>
      <c r="DR728" s="23"/>
      <c r="DS728" s="23"/>
      <c r="DT728" s="23"/>
      <c r="DU728" s="23"/>
      <c r="DV728" s="23"/>
      <c r="DW728" s="23"/>
      <c r="DX728" s="23"/>
      <c r="DY728" s="23"/>
      <c r="DZ728" s="23"/>
      <c r="EA728" s="23"/>
      <c r="EB728" s="23"/>
      <c r="EC728" s="23"/>
      <c r="ED728" s="23"/>
      <c r="EE728" s="23"/>
      <c r="EF728" s="23"/>
      <c r="EG728" s="23"/>
      <c r="EH728" s="23"/>
      <c r="EI728" s="23"/>
      <c r="EJ728" s="23"/>
      <c r="EK728" s="23"/>
      <c r="EL728" s="23"/>
      <c r="EM728" s="23"/>
      <c r="EN728" s="23"/>
      <c r="EO728" s="23"/>
      <c r="EP728" s="23"/>
      <c r="EQ728" s="23"/>
      <c r="ER728" s="23"/>
      <c r="ES728" s="23"/>
      <c r="ET728" s="23"/>
      <c r="EU728" s="23"/>
      <c r="EV728" s="23"/>
      <c r="EW728" s="23"/>
      <c r="EX728" s="23"/>
      <c r="EY728" s="23"/>
      <c r="EZ728" s="23"/>
      <c r="FA728" s="23"/>
      <c r="FB728" s="23"/>
      <c r="FC728" s="23"/>
      <c r="FD728" s="23"/>
      <c r="FE728" s="23"/>
      <c r="FF728" s="23"/>
      <c r="FG728" s="23"/>
      <c r="FH728" s="23"/>
      <c r="FI728" s="23"/>
      <c r="FJ728" s="23"/>
      <c r="FK728" s="23"/>
      <c r="FL728" s="23"/>
      <c r="FM728" s="23"/>
      <c r="FN728" s="23"/>
      <c r="FO728" s="23"/>
      <c r="FP728" s="23"/>
      <c r="FQ728" s="23"/>
      <c r="FR728" s="23"/>
      <c r="FS728" s="23"/>
      <c r="FT728" s="23"/>
      <c r="FU728" s="23"/>
      <c r="FV728" s="23"/>
      <c r="FW728" s="23"/>
      <c r="FX728" s="23"/>
      <c r="FY728" s="23"/>
      <c r="FZ728" s="23"/>
      <c r="GA728" s="23"/>
      <c r="GB728" s="23"/>
      <c r="GC728" s="23"/>
      <c r="GD728" s="23"/>
      <c r="GE728" s="23"/>
      <c r="GF728" s="23"/>
      <c r="GG728" s="23"/>
      <c r="GH728" s="23"/>
      <c r="GI728" s="23"/>
      <c r="GJ728" s="23"/>
      <c r="GK728" s="23"/>
      <c r="GL728" s="23"/>
      <c r="GM728" s="23"/>
      <c r="GN728" s="23"/>
      <c r="GO728" s="23"/>
      <c r="GP728" s="23"/>
      <c r="GQ728" s="23"/>
      <c r="GR728" s="23"/>
      <c r="GS728" s="23"/>
      <c r="GT728" s="23"/>
      <c r="GU728" s="23"/>
      <c r="GV728" s="23"/>
      <c r="GW728" s="23"/>
      <c r="GX728" s="23"/>
      <c r="GY728" s="23"/>
      <c r="GZ728" s="23"/>
      <c r="HA728" s="23"/>
      <c r="HB728" s="23"/>
      <c r="HC728" s="23"/>
      <c r="HD728" s="23"/>
      <c r="HE728" s="23"/>
      <c r="HF728" s="23"/>
      <c r="HG728" s="23"/>
      <c r="HH728" s="23"/>
      <c r="HI728" s="23"/>
      <c r="HJ728" s="23"/>
      <c r="HK728" s="23"/>
      <c r="HL728" s="23"/>
      <c r="HM728" s="23"/>
      <c r="HN728" s="23"/>
      <c r="HO728" s="23"/>
      <c r="HP728" s="23"/>
      <c r="HQ728" s="23"/>
      <c r="HR728" s="23"/>
      <c r="HS728" s="23"/>
      <c r="HT728" s="23"/>
      <c r="HU728" s="23"/>
      <c r="HV728" s="23"/>
      <c r="HW728" s="23"/>
      <c r="HX728" s="23"/>
      <c r="HY728" s="23"/>
      <c r="HZ728" s="23"/>
      <c r="IA728" s="23"/>
      <c r="IB728" s="23"/>
      <c r="IC728" s="23"/>
      <c r="ID728" s="23"/>
      <c r="IE728" s="23"/>
      <c r="IF728" s="23"/>
      <c r="IG728" s="23"/>
      <c r="IH728" s="23"/>
      <c r="II728" s="23"/>
      <c r="IJ728" s="23"/>
      <c r="IK728" s="23"/>
      <c r="IL728" s="23"/>
      <c r="IM728" s="23"/>
      <c r="IN728" s="23"/>
      <c r="IO728" s="23"/>
      <c r="IP728" s="23"/>
      <c r="IQ728" s="23"/>
    </row>
    <row r="729" spans="1:251" s="50" customFormat="1" ht="18.75" customHeight="1">
      <c r="A729" s="34"/>
      <c r="B729" s="47"/>
      <c r="C729" s="130"/>
      <c r="D729" s="130"/>
      <c r="E729" s="130"/>
      <c r="F729" s="130"/>
      <c r="G729" s="130"/>
      <c r="H729" s="130"/>
      <c r="I729" s="130"/>
      <c r="J729" s="130"/>
      <c r="K729" s="130"/>
      <c r="L729" s="130"/>
      <c r="M729" s="130"/>
      <c r="N729" s="130"/>
      <c r="O729" s="130"/>
      <c r="P729" s="130"/>
      <c r="Q729" s="130"/>
      <c r="R729" s="130"/>
      <c r="S729" s="130"/>
      <c r="T729" s="130"/>
      <c r="U729" s="130"/>
      <c r="V729" s="130"/>
      <c r="W729" s="130"/>
      <c r="X729" s="130"/>
      <c r="Y729" s="130"/>
      <c r="Z729" s="131"/>
      <c r="AA729" s="132"/>
      <c r="AB729" s="133"/>
      <c r="AC729" s="133"/>
      <c r="AD729" s="133"/>
      <c r="AE729" s="133"/>
      <c r="AF729" s="133"/>
      <c r="AG729" s="133"/>
      <c r="AH729" s="133"/>
      <c r="AI729" s="134"/>
      <c r="AJ729" s="132"/>
      <c r="AK729" s="133"/>
      <c r="AL729" s="133"/>
      <c r="AM729" s="133"/>
      <c r="AN729" s="133"/>
      <c r="AO729" s="133"/>
      <c r="AP729" s="133"/>
      <c r="AQ729" s="133"/>
      <c r="AR729" s="134"/>
      <c r="AS729" s="132"/>
      <c r="AT729" s="133"/>
      <c r="AU729" s="133"/>
      <c r="AV729" s="133"/>
      <c r="AW729" s="133"/>
      <c r="AX729" s="135"/>
      <c r="AY729" s="23"/>
      <c r="AZ729" s="23"/>
      <c r="BA729" s="23"/>
      <c r="BB729" s="23"/>
      <c r="BC729" s="23"/>
      <c r="BD729" s="23"/>
      <c r="BE729" s="23"/>
      <c r="BF729" s="23"/>
      <c r="BG729" s="23"/>
      <c r="BH729" s="23"/>
      <c r="BI729" s="23"/>
      <c r="BJ729" s="23"/>
      <c r="BK729" s="23"/>
      <c r="BL729" s="23"/>
      <c r="BM729" s="23"/>
      <c r="BN729" s="23"/>
      <c r="BO729" s="23"/>
      <c r="BP729" s="23"/>
      <c r="BQ729" s="23"/>
      <c r="BR729" s="23"/>
      <c r="BS729" s="23"/>
      <c r="BT729" s="23"/>
      <c r="BU729" s="23"/>
      <c r="BV729" s="23"/>
      <c r="BW729" s="23"/>
      <c r="BX729" s="23"/>
      <c r="BY729" s="23"/>
      <c r="BZ729" s="23"/>
      <c r="CA729" s="23"/>
      <c r="CB729" s="23"/>
      <c r="CC729" s="23"/>
      <c r="CD729" s="23"/>
      <c r="CE729" s="23"/>
      <c r="CF729" s="23"/>
      <c r="CG729" s="23"/>
      <c r="CH729" s="23"/>
      <c r="CI729" s="23"/>
      <c r="CJ729" s="23"/>
      <c r="CK729" s="23"/>
      <c r="CL729" s="23"/>
      <c r="CM729" s="23"/>
      <c r="CN729" s="23"/>
      <c r="CO729" s="23"/>
      <c r="CP729" s="23"/>
      <c r="CQ729" s="23"/>
      <c r="CR729" s="23"/>
      <c r="CS729" s="23"/>
      <c r="CT729" s="23"/>
      <c r="CU729" s="23"/>
      <c r="CV729" s="23"/>
      <c r="CW729" s="23"/>
      <c r="CX729" s="23"/>
      <c r="CY729" s="23"/>
      <c r="CZ729" s="23"/>
      <c r="DA729" s="23"/>
      <c r="DB729" s="23"/>
      <c r="DC729" s="23"/>
      <c r="DD729" s="23"/>
      <c r="DE729" s="23"/>
      <c r="DF729" s="23"/>
      <c r="DG729" s="23"/>
      <c r="DH729" s="23"/>
      <c r="DI729" s="23"/>
      <c r="DJ729" s="23"/>
      <c r="DK729" s="23"/>
      <c r="DL729" s="23"/>
      <c r="DM729" s="23"/>
      <c r="DN729" s="23"/>
      <c r="DO729" s="23"/>
      <c r="DP729" s="23"/>
      <c r="DQ729" s="23"/>
      <c r="DR729" s="23"/>
      <c r="DS729" s="23"/>
      <c r="DT729" s="23"/>
      <c r="DU729" s="23"/>
      <c r="DV729" s="23"/>
      <c r="DW729" s="23"/>
      <c r="DX729" s="23"/>
      <c r="DY729" s="23"/>
      <c r="DZ729" s="23"/>
      <c r="EA729" s="23"/>
      <c r="EB729" s="23"/>
      <c r="EC729" s="23"/>
      <c r="ED729" s="23"/>
      <c r="EE729" s="23"/>
      <c r="EF729" s="23"/>
      <c r="EG729" s="23"/>
      <c r="EH729" s="23"/>
      <c r="EI729" s="23"/>
      <c r="EJ729" s="23"/>
      <c r="EK729" s="23"/>
      <c r="EL729" s="23"/>
      <c r="EM729" s="23"/>
      <c r="EN729" s="23"/>
      <c r="EO729" s="23"/>
      <c r="EP729" s="23"/>
      <c r="EQ729" s="23"/>
      <c r="ER729" s="23"/>
      <c r="ES729" s="23"/>
      <c r="ET729" s="23"/>
      <c r="EU729" s="23"/>
      <c r="EV729" s="23"/>
      <c r="EW729" s="23"/>
      <c r="EX729" s="23"/>
      <c r="EY729" s="23"/>
      <c r="EZ729" s="23"/>
      <c r="FA729" s="23"/>
      <c r="FB729" s="23"/>
      <c r="FC729" s="23"/>
      <c r="FD729" s="23"/>
      <c r="FE729" s="23"/>
      <c r="FF729" s="23"/>
      <c r="FG729" s="23"/>
      <c r="FH729" s="23"/>
      <c r="FI729" s="23"/>
      <c r="FJ729" s="23"/>
      <c r="FK729" s="23"/>
      <c r="FL729" s="23"/>
      <c r="FM729" s="23"/>
      <c r="FN729" s="23"/>
      <c r="FO729" s="23"/>
      <c r="FP729" s="23"/>
      <c r="FQ729" s="23"/>
      <c r="FR729" s="23"/>
      <c r="FS729" s="23"/>
      <c r="FT729" s="23"/>
      <c r="FU729" s="23"/>
      <c r="FV729" s="23"/>
      <c r="FW729" s="23"/>
      <c r="FX729" s="23"/>
      <c r="FY729" s="23"/>
      <c r="FZ729" s="23"/>
      <c r="GA729" s="23"/>
      <c r="GB729" s="23"/>
      <c r="GC729" s="23"/>
      <c r="GD729" s="23"/>
      <c r="GE729" s="23"/>
      <c r="GF729" s="23"/>
      <c r="GG729" s="23"/>
      <c r="GH729" s="23"/>
      <c r="GI729" s="23"/>
      <c r="GJ729" s="23"/>
      <c r="GK729" s="23"/>
      <c r="GL729" s="23"/>
      <c r="GM729" s="23"/>
      <c r="GN729" s="23"/>
      <c r="GO729" s="23"/>
      <c r="GP729" s="23"/>
      <c r="GQ729" s="23"/>
      <c r="GR729" s="23"/>
      <c r="GS729" s="23"/>
      <c r="GT729" s="23"/>
      <c r="GU729" s="23"/>
      <c r="GV729" s="23"/>
      <c r="GW729" s="23"/>
      <c r="GX729" s="23"/>
      <c r="GY729" s="23"/>
      <c r="GZ729" s="23"/>
      <c r="HA729" s="23"/>
      <c r="HB729" s="23"/>
      <c r="HC729" s="23"/>
      <c r="HD729" s="23"/>
      <c r="HE729" s="23"/>
      <c r="HF729" s="23"/>
      <c r="HG729" s="23"/>
      <c r="HH729" s="23"/>
      <c r="HI729" s="23"/>
      <c r="HJ729" s="23"/>
      <c r="HK729" s="23"/>
      <c r="HL729" s="23"/>
      <c r="HM729" s="23"/>
      <c r="HN729" s="23"/>
      <c r="HO729" s="23"/>
      <c r="HP729" s="23"/>
      <c r="HQ729" s="23"/>
      <c r="HR729" s="23"/>
      <c r="HS729" s="23"/>
      <c r="HT729" s="23"/>
      <c r="HU729" s="23"/>
      <c r="HV729" s="23"/>
      <c r="HW729" s="23"/>
      <c r="HX729" s="23"/>
      <c r="HY729" s="23"/>
      <c r="HZ729" s="23"/>
      <c r="IA729" s="23"/>
      <c r="IB729" s="23"/>
      <c r="IC729" s="23"/>
      <c r="ID729" s="23"/>
      <c r="IE729" s="23"/>
      <c r="IF729" s="23"/>
      <c r="IG729" s="23"/>
      <c r="IH729" s="23"/>
      <c r="II729" s="23"/>
      <c r="IJ729" s="23"/>
      <c r="IK729" s="23"/>
      <c r="IL729" s="23"/>
      <c r="IM729" s="23"/>
      <c r="IN729" s="23"/>
      <c r="IO729" s="23"/>
      <c r="IP729" s="23"/>
      <c r="IQ729" s="23"/>
    </row>
    <row r="730" spans="1:251" s="50" customFormat="1" ht="18.75" customHeight="1">
      <c r="A730" s="34"/>
      <c r="B730" s="47"/>
      <c r="C730" s="130"/>
      <c r="D730" s="130"/>
      <c r="E730" s="130"/>
      <c r="F730" s="130"/>
      <c r="G730" s="130"/>
      <c r="H730" s="130"/>
      <c r="I730" s="130"/>
      <c r="J730" s="130"/>
      <c r="K730" s="130"/>
      <c r="L730" s="130"/>
      <c r="M730" s="130"/>
      <c r="N730" s="130"/>
      <c r="O730" s="130"/>
      <c r="P730" s="130"/>
      <c r="Q730" s="130"/>
      <c r="R730" s="130"/>
      <c r="S730" s="130"/>
      <c r="T730" s="130"/>
      <c r="U730" s="130"/>
      <c r="V730" s="130"/>
      <c r="W730" s="130"/>
      <c r="X730" s="130"/>
      <c r="Y730" s="130"/>
      <c r="Z730" s="131"/>
      <c r="AA730" s="132"/>
      <c r="AB730" s="133"/>
      <c r="AC730" s="133"/>
      <c r="AD730" s="133"/>
      <c r="AE730" s="133"/>
      <c r="AF730" s="133"/>
      <c r="AG730" s="133"/>
      <c r="AH730" s="133"/>
      <c r="AI730" s="134"/>
      <c r="AJ730" s="132"/>
      <c r="AK730" s="133"/>
      <c r="AL730" s="133"/>
      <c r="AM730" s="133"/>
      <c r="AN730" s="133"/>
      <c r="AO730" s="133"/>
      <c r="AP730" s="133"/>
      <c r="AQ730" s="133"/>
      <c r="AR730" s="134"/>
      <c r="AS730" s="132"/>
      <c r="AT730" s="133"/>
      <c r="AU730" s="133"/>
      <c r="AV730" s="133"/>
      <c r="AW730" s="133"/>
      <c r="AX730" s="135"/>
      <c r="AY730" s="23"/>
      <c r="AZ730" s="23"/>
      <c r="BA730" s="23"/>
      <c r="BB730" s="23"/>
      <c r="BC730" s="23"/>
      <c r="BD730" s="23"/>
      <c r="BE730" s="23"/>
      <c r="BF730" s="23"/>
      <c r="BG730" s="23"/>
      <c r="BH730" s="23"/>
      <c r="BI730" s="23"/>
      <c r="BJ730" s="23"/>
      <c r="BK730" s="23"/>
      <c r="BL730" s="23"/>
      <c r="BM730" s="23"/>
      <c r="BN730" s="23"/>
      <c r="BO730" s="23"/>
      <c r="BP730" s="23"/>
      <c r="BQ730" s="23"/>
      <c r="BR730" s="23"/>
      <c r="BS730" s="23"/>
      <c r="BT730" s="23"/>
      <c r="BU730" s="23"/>
      <c r="BV730" s="23"/>
      <c r="BW730" s="23"/>
      <c r="BX730" s="23"/>
      <c r="BY730" s="23"/>
      <c r="BZ730" s="23"/>
      <c r="CA730" s="23"/>
      <c r="CB730" s="23"/>
      <c r="CC730" s="23"/>
      <c r="CD730" s="23"/>
      <c r="CE730" s="23"/>
      <c r="CF730" s="23"/>
      <c r="CG730" s="23"/>
      <c r="CH730" s="23"/>
      <c r="CI730" s="23"/>
      <c r="CJ730" s="23"/>
      <c r="CK730" s="23"/>
      <c r="CL730" s="23"/>
      <c r="CM730" s="23"/>
      <c r="CN730" s="23"/>
      <c r="CO730" s="23"/>
      <c r="CP730" s="23"/>
      <c r="CQ730" s="23"/>
      <c r="CR730" s="23"/>
      <c r="CS730" s="23"/>
      <c r="CT730" s="23"/>
      <c r="CU730" s="23"/>
      <c r="CV730" s="23"/>
      <c r="CW730" s="23"/>
      <c r="CX730" s="23"/>
      <c r="CY730" s="23"/>
      <c r="CZ730" s="23"/>
      <c r="DA730" s="23"/>
      <c r="DB730" s="23"/>
      <c r="DC730" s="23"/>
      <c r="DD730" s="23"/>
      <c r="DE730" s="23"/>
      <c r="DF730" s="23"/>
      <c r="DG730" s="23"/>
      <c r="DH730" s="23"/>
      <c r="DI730" s="23"/>
      <c r="DJ730" s="23"/>
      <c r="DK730" s="23"/>
      <c r="DL730" s="23"/>
      <c r="DM730" s="23"/>
      <c r="DN730" s="23"/>
      <c r="DO730" s="23"/>
      <c r="DP730" s="23"/>
      <c r="DQ730" s="23"/>
      <c r="DR730" s="23"/>
      <c r="DS730" s="23"/>
      <c r="DT730" s="23"/>
      <c r="DU730" s="23"/>
      <c r="DV730" s="23"/>
      <c r="DW730" s="23"/>
      <c r="DX730" s="23"/>
      <c r="DY730" s="23"/>
      <c r="DZ730" s="23"/>
      <c r="EA730" s="23"/>
      <c r="EB730" s="23"/>
      <c r="EC730" s="23"/>
      <c r="ED730" s="23"/>
      <c r="EE730" s="23"/>
      <c r="EF730" s="23"/>
      <c r="EG730" s="23"/>
      <c r="EH730" s="23"/>
      <c r="EI730" s="23"/>
      <c r="EJ730" s="23"/>
      <c r="EK730" s="23"/>
      <c r="EL730" s="23"/>
      <c r="EM730" s="23"/>
      <c r="EN730" s="23"/>
      <c r="EO730" s="23"/>
      <c r="EP730" s="23"/>
      <c r="EQ730" s="23"/>
      <c r="ER730" s="23"/>
      <c r="ES730" s="23"/>
      <c r="ET730" s="23"/>
      <c r="EU730" s="23"/>
      <c r="EV730" s="23"/>
      <c r="EW730" s="23"/>
      <c r="EX730" s="23"/>
      <c r="EY730" s="23"/>
      <c r="EZ730" s="23"/>
      <c r="FA730" s="23"/>
      <c r="FB730" s="23"/>
      <c r="FC730" s="23"/>
      <c r="FD730" s="23"/>
      <c r="FE730" s="23"/>
      <c r="FF730" s="23"/>
      <c r="FG730" s="23"/>
      <c r="FH730" s="23"/>
      <c r="FI730" s="23"/>
      <c r="FJ730" s="23"/>
      <c r="FK730" s="23"/>
      <c r="FL730" s="23"/>
      <c r="FM730" s="23"/>
      <c r="FN730" s="23"/>
      <c r="FO730" s="23"/>
      <c r="FP730" s="23"/>
      <c r="FQ730" s="23"/>
      <c r="FR730" s="23"/>
      <c r="FS730" s="23"/>
      <c r="FT730" s="23"/>
      <c r="FU730" s="23"/>
      <c r="FV730" s="23"/>
      <c r="FW730" s="23"/>
      <c r="FX730" s="23"/>
      <c r="FY730" s="23"/>
      <c r="FZ730" s="23"/>
      <c r="GA730" s="23"/>
      <c r="GB730" s="23"/>
      <c r="GC730" s="23"/>
      <c r="GD730" s="23"/>
      <c r="GE730" s="23"/>
      <c r="GF730" s="23"/>
      <c r="GG730" s="23"/>
      <c r="GH730" s="23"/>
      <c r="GI730" s="23"/>
      <c r="GJ730" s="23"/>
      <c r="GK730" s="23"/>
      <c r="GL730" s="23"/>
      <c r="GM730" s="23"/>
      <c r="GN730" s="23"/>
      <c r="GO730" s="23"/>
      <c r="GP730" s="23"/>
      <c r="GQ730" s="23"/>
      <c r="GR730" s="23"/>
      <c r="GS730" s="23"/>
      <c r="GT730" s="23"/>
      <c r="GU730" s="23"/>
      <c r="GV730" s="23"/>
      <c r="GW730" s="23"/>
      <c r="GX730" s="23"/>
      <c r="GY730" s="23"/>
      <c r="GZ730" s="23"/>
      <c r="HA730" s="23"/>
      <c r="HB730" s="23"/>
      <c r="HC730" s="23"/>
      <c r="HD730" s="23"/>
      <c r="HE730" s="23"/>
      <c r="HF730" s="23"/>
      <c r="HG730" s="23"/>
      <c r="HH730" s="23"/>
      <c r="HI730" s="23"/>
      <c r="HJ730" s="23"/>
      <c r="HK730" s="23"/>
      <c r="HL730" s="23"/>
      <c r="HM730" s="23"/>
      <c r="HN730" s="23"/>
      <c r="HO730" s="23"/>
      <c r="HP730" s="23"/>
      <c r="HQ730" s="23"/>
      <c r="HR730" s="23"/>
      <c r="HS730" s="23"/>
      <c r="HT730" s="23"/>
      <c r="HU730" s="23"/>
      <c r="HV730" s="23"/>
      <c r="HW730" s="23"/>
      <c r="HX730" s="23"/>
      <c r="HY730" s="23"/>
      <c r="HZ730" s="23"/>
      <c r="IA730" s="23"/>
      <c r="IB730" s="23"/>
      <c r="IC730" s="23"/>
      <c r="ID730" s="23"/>
      <c r="IE730" s="23"/>
      <c r="IF730" s="23"/>
      <c r="IG730" s="23"/>
      <c r="IH730" s="23"/>
      <c r="II730" s="23"/>
      <c r="IJ730" s="23"/>
      <c r="IK730" s="23"/>
      <c r="IL730" s="23"/>
      <c r="IM730" s="23"/>
      <c r="IN730" s="23"/>
      <c r="IO730" s="23"/>
      <c r="IP730" s="23"/>
      <c r="IQ730" s="23"/>
    </row>
    <row r="731" spans="1:251" s="50" customFormat="1" ht="18.75" customHeight="1">
      <c r="A731" s="34"/>
      <c r="B731" s="48"/>
      <c r="C731" s="130"/>
      <c r="D731" s="130"/>
      <c r="E731" s="130"/>
      <c r="F731" s="130"/>
      <c r="G731" s="130"/>
      <c r="H731" s="130"/>
      <c r="I731" s="130"/>
      <c r="J731" s="130"/>
      <c r="K731" s="130"/>
      <c r="L731" s="130"/>
      <c r="M731" s="130"/>
      <c r="N731" s="130"/>
      <c r="O731" s="130"/>
      <c r="P731" s="130"/>
      <c r="Q731" s="130"/>
      <c r="R731" s="130"/>
      <c r="S731" s="130"/>
      <c r="T731" s="130"/>
      <c r="U731" s="130"/>
      <c r="V731" s="130"/>
      <c r="W731" s="130"/>
      <c r="X731" s="130"/>
      <c r="Y731" s="130"/>
      <c r="Z731" s="131"/>
      <c r="AA731" s="132"/>
      <c r="AB731" s="133"/>
      <c r="AC731" s="133"/>
      <c r="AD731" s="133"/>
      <c r="AE731" s="133"/>
      <c r="AF731" s="133"/>
      <c r="AG731" s="133"/>
      <c r="AH731" s="133"/>
      <c r="AI731" s="134"/>
      <c r="AJ731" s="132"/>
      <c r="AK731" s="133"/>
      <c r="AL731" s="133"/>
      <c r="AM731" s="133"/>
      <c r="AN731" s="133"/>
      <c r="AO731" s="133"/>
      <c r="AP731" s="133"/>
      <c r="AQ731" s="133"/>
      <c r="AR731" s="134"/>
      <c r="AS731" s="136"/>
      <c r="AT731" s="137"/>
      <c r="AU731" s="137"/>
      <c r="AV731" s="137"/>
      <c r="AW731" s="137"/>
      <c r="AX731" s="138"/>
      <c r="AY731" s="23"/>
      <c r="AZ731" s="23"/>
      <c r="BA731" s="23"/>
      <c r="BB731" s="23"/>
      <c r="BC731" s="23"/>
      <c r="BD731" s="23"/>
      <c r="BE731" s="23"/>
      <c r="BF731" s="23"/>
      <c r="BG731" s="23"/>
      <c r="BH731" s="23"/>
      <c r="BI731" s="23"/>
      <c r="BJ731" s="23"/>
      <c r="BK731" s="23"/>
      <c r="BL731" s="23"/>
      <c r="BM731" s="23"/>
      <c r="BN731" s="23"/>
      <c r="BO731" s="23"/>
      <c r="BP731" s="23"/>
      <c r="BQ731" s="23"/>
      <c r="BR731" s="23"/>
      <c r="BS731" s="23"/>
      <c r="BT731" s="23"/>
      <c r="BU731" s="23"/>
      <c r="BV731" s="23"/>
      <c r="BW731" s="23"/>
      <c r="BX731" s="23"/>
      <c r="BY731" s="23"/>
      <c r="BZ731" s="23"/>
      <c r="CA731" s="23"/>
      <c r="CB731" s="23"/>
      <c r="CC731" s="23"/>
      <c r="CD731" s="23"/>
      <c r="CE731" s="23"/>
      <c r="CF731" s="23"/>
      <c r="CG731" s="23"/>
      <c r="CH731" s="23"/>
      <c r="CI731" s="23"/>
      <c r="CJ731" s="23"/>
      <c r="CK731" s="23"/>
      <c r="CL731" s="23"/>
      <c r="CM731" s="23"/>
      <c r="CN731" s="23"/>
      <c r="CO731" s="23"/>
      <c r="CP731" s="23"/>
      <c r="CQ731" s="23"/>
      <c r="CR731" s="23"/>
      <c r="CS731" s="23"/>
      <c r="CT731" s="23"/>
      <c r="CU731" s="23"/>
      <c r="CV731" s="23"/>
      <c r="CW731" s="23"/>
      <c r="CX731" s="23"/>
      <c r="CY731" s="23"/>
      <c r="CZ731" s="23"/>
      <c r="DA731" s="23"/>
      <c r="DB731" s="23"/>
      <c r="DC731" s="23"/>
      <c r="DD731" s="23"/>
      <c r="DE731" s="23"/>
      <c r="DF731" s="23"/>
      <c r="DG731" s="23"/>
      <c r="DH731" s="23"/>
      <c r="DI731" s="23"/>
      <c r="DJ731" s="23"/>
      <c r="DK731" s="23"/>
      <c r="DL731" s="23"/>
      <c r="DM731" s="23"/>
      <c r="DN731" s="23"/>
      <c r="DO731" s="23"/>
      <c r="DP731" s="23"/>
      <c r="DQ731" s="23"/>
      <c r="DR731" s="23"/>
      <c r="DS731" s="23"/>
      <c r="DT731" s="23"/>
      <c r="DU731" s="23"/>
      <c r="DV731" s="23"/>
      <c r="DW731" s="23"/>
      <c r="DX731" s="23"/>
      <c r="DY731" s="23"/>
      <c r="DZ731" s="23"/>
      <c r="EA731" s="23"/>
      <c r="EB731" s="23"/>
      <c r="EC731" s="23"/>
      <c r="ED731" s="23"/>
      <c r="EE731" s="23"/>
      <c r="EF731" s="23"/>
      <c r="EG731" s="23"/>
      <c r="EH731" s="23"/>
      <c r="EI731" s="23"/>
      <c r="EJ731" s="23"/>
      <c r="EK731" s="23"/>
      <c r="EL731" s="23"/>
      <c r="EM731" s="23"/>
      <c r="EN731" s="23"/>
      <c r="EO731" s="23"/>
      <c r="EP731" s="23"/>
      <c r="EQ731" s="23"/>
      <c r="ER731" s="23"/>
      <c r="ES731" s="23"/>
      <c r="ET731" s="23"/>
      <c r="EU731" s="23"/>
      <c r="EV731" s="23"/>
      <c r="EW731" s="23"/>
      <c r="EX731" s="23"/>
      <c r="EY731" s="23"/>
      <c r="EZ731" s="23"/>
      <c r="FA731" s="23"/>
      <c r="FB731" s="23"/>
      <c r="FC731" s="23"/>
      <c r="FD731" s="23"/>
      <c r="FE731" s="23"/>
      <c r="FF731" s="23"/>
      <c r="FG731" s="23"/>
      <c r="FH731" s="23"/>
      <c r="FI731" s="23"/>
      <c r="FJ731" s="23"/>
      <c r="FK731" s="23"/>
      <c r="FL731" s="23"/>
      <c r="FM731" s="23"/>
      <c r="FN731" s="23"/>
      <c r="FO731" s="23"/>
      <c r="FP731" s="23"/>
      <c r="FQ731" s="23"/>
      <c r="FR731" s="23"/>
      <c r="FS731" s="23"/>
      <c r="FT731" s="23"/>
      <c r="FU731" s="23"/>
      <c r="FV731" s="23"/>
      <c r="FW731" s="23"/>
      <c r="FX731" s="23"/>
      <c r="FY731" s="23"/>
      <c r="FZ731" s="23"/>
      <c r="GA731" s="23"/>
      <c r="GB731" s="23"/>
      <c r="GC731" s="23"/>
      <c r="GD731" s="23"/>
      <c r="GE731" s="23"/>
      <c r="GF731" s="23"/>
      <c r="GG731" s="23"/>
      <c r="GH731" s="23"/>
      <c r="GI731" s="23"/>
      <c r="GJ731" s="23"/>
      <c r="GK731" s="23"/>
      <c r="GL731" s="23"/>
      <c r="GM731" s="23"/>
      <c r="GN731" s="23"/>
      <c r="GO731" s="23"/>
      <c r="GP731" s="23"/>
      <c r="GQ731" s="23"/>
      <c r="GR731" s="23"/>
      <c r="GS731" s="23"/>
      <c r="GT731" s="23"/>
      <c r="GU731" s="23"/>
      <c r="GV731" s="23"/>
      <c r="GW731" s="23"/>
      <c r="GX731" s="23"/>
      <c r="GY731" s="23"/>
      <c r="GZ731" s="23"/>
      <c r="HA731" s="23"/>
      <c r="HB731" s="23"/>
      <c r="HC731" s="23"/>
      <c r="HD731" s="23"/>
      <c r="HE731" s="23"/>
      <c r="HF731" s="23"/>
      <c r="HG731" s="23"/>
      <c r="HH731" s="23"/>
      <c r="HI731" s="23"/>
      <c r="HJ731" s="23"/>
      <c r="HK731" s="23"/>
      <c r="HL731" s="23"/>
      <c r="HM731" s="23"/>
      <c r="HN731" s="23"/>
      <c r="HO731" s="23"/>
      <c r="HP731" s="23"/>
      <c r="HQ731" s="23"/>
      <c r="HR731" s="23"/>
      <c r="HS731" s="23"/>
      <c r="HT731" s="23"/>
      <c r="HU731" s="23"/>
      <c r="HV731" s="23"/>
      <c r="HW731" s="23"/>
      <c r="HX731" s="23"/>
      <c r="HY731" s="23"/>
      <c r="HZ731" s="23"/>
      <c r="IA731" s="23"/>
      <c r="IB731" s="23"/>
      <c r="IC731" s="23"/>
      <c r="ID731" s="23"/>
      <c r="IE731" s="23"/>
      <c r="IF731" s="23"/>
      <c r="IG731" s="23"/>
      <c r="IH731" s="23"/>
      <c r="II731" s="23"/>
      <c r="IJ731" s="23"/>
      <c r="IK731" s="23"/>
      <c r="IL731" s="23"/>
      <c r="IM731" s="23"/>
      <c r="IN731" s="23"/>
      <c r="IO731" s="23"/>
      <c r="IP731" s="23"/>
      <c r="IQ731" s="23"/>
    </row>
    <row r="732" spans="1:251" s="50" customFormat="1" ht="18.75" customHeight="1">
      <c r="A732" s="34"/>
      <c r="B732" s="47"/>
      <c r="C732" s="130"/>
      <c r="D732" s="130"/>
      <c r="E732" s="130"/>
      <c r="F732" s="130"/>
      <c r="G732" s="130"/>
      <c r="H732" s="130"/>
      <c r="I732" s="130"/>
      <c r="J732" s="130"/>
      <c r="K732" s="130"/>
      <c r="L732" s="130"/>
      <c r="M732" s="130"/>
      <c r="N732" s="130"/>
      <c r="O732" s="130"/>
      <c r="P732" s="130"/>
      <c r="Q732" s="130"/>
      <c r="R732" s="130"/>
      <c r="S732" s="130"/>
      <c r="T732" s="130"/>
      <c r="U732" s="130"/>
      <c r="V732" s="130"/>
      <c r="W732" s="130"/>
      <c r="X732" s="130"/>
      <c r="Y732" s="130"/>
      <c r="Z732" s="131"/>
      <c r="AA732" s="132"/>
      <c r="AB732" s="133"/>
      <c r="AC732" s="133"/>
      <c r="AD732" s="133"/>
      <c r="AE732" s="133"/>
      <c r="AF732" s="133"/>
      <c r="AG732" s="133"/>
      <c r="AH732" s="133"/>
      <c r="AI732" s="134"/>
      <c r="AJ732" s="132"/>
      <c r="AK732" s="133"/>
      <c r="AL732" s="133"/>
      <c r="AM732" s="133"/>
      <c r="AN732" s="133"/>
      <c r="AO732" s="133"/>
      <c r="AP732" s="133"/>
      <c r="AQ732" s="133"/>
      <c r="AR732" s="134"/>
      <c r="AS732" s="132"/>
      <c r="AT732" s="133"/>
      <c r="AU732" s="133"/>
      <c r="AV732" s="133"/>
      <c r="AW732" s="133"/>
      <c r="AX732" s="135"/>
      <c r="AY732" s="23"/>
      <c r="AZ732" s="23"/>
      <c r="BA732" s="23"/>
      <c r="BB732" s="23"/>
      <c r="BC732" s="23"/>
      <c r="BD732" s="23"/>
      <c r="BE732" s="23"/>
      <c r="BF732" s="23"/>
      <c r="BG732" s="23"/>
      <c r="BH732" s="23"/>
      <c r="BI732" s="23"/>
      <c r="BJ732" s="23"/>
      <c r="BK732" s="23"/>
      <c r="BL732" s="23"/>
      <c r="BM732" s="23"/>
      <c r="BN732" s="23"/>
      <c r="BO732" s="23"/>
      <c r="BP732" s="23"/>
      <c r="BQ732" s="23"/>
      <c r="BR732" s="23"/>
      <c r="BS732" s="23"/>
      <c r="BT732" s="23"/>
      <c r="BU732" s="23"/>
      <c r="BV732" s="23"/>
      <c r="BW732" s="23"/>
      <c r="BX732" s="23"/>
      <c r="BY732" s="23"/>
      <c r="BZ732" s="23"/>
      <c r="CA732" s="23"/>
      <c r="CB732" s="23"/>
      <c r="CC732" s="23"/>
      <c r="CD732" s="23"/>
      <c r="CE732" s="23"/>
      <c r="CF732" s="23"/>
      <c r="CG732" s="23"/>
      <c r="CH732" s="23"/>
      <c r="CI732" s="23"/>
      <c r="CJ732" s="23"/>
      <c r="CK732" s="23"/>
      <c r="CL732" s="23"/>
      <c r="CM732" s="23"/>
      <c r="CN732" s="23"/>
      <c r="CO732" s="23"/>
      <c r="CP732" s="23"/>
      <c r="CQ732" s="23"/>
      <c r="CR732" s="23"/>
      <c r="CS732" s="23"/>
      <c r="CT732" s="23"/>
      <c r="CU732" s="23"/>
      <c r="CV732" s="23"/>
      <c r="CW732" s="23"/>
      <c r="CX732" s="23"/>
      <c r="CY732" s="23"/>
      <c r="CZ732" s="23"/>
      <c r="DA732" s="23"/>
      <c r="DB732" s="23"/>
      <c r="DC732" s="23"/>
      <c r="DD732" s="23"/>
      <c r="DE732" s="23"/>
      <c r="DF732" s="23"/>
      <c r="DG732" s="23"/>
      <c r="DH732" s="23"/>
      <c r="DI732" s="23"/>
      <c r="DJ732" s="23"/>
      <c r="DK732" s="23"/>
      <c r="DL732" s="23"/>
      <c r="DM732" s="23"/>
      <c r="DN732" s="23"/>
      <c r="DO732" s="23"/>
      <c r="DP732" s="23"/>
      <c r="DQ732" s="23"/>
      <c r="DR732" s="23"/>
      <c r="DS732" s="23"/>
      <c r="DT732" s="23"/>
      <c r="DU732" s="23"/>
      <c r="DV732" s="23"/>
      <c r="DW732" s="23"/>
      <c r="DX732" s="23"/>
      <c r="DY732" s="23"/>
      <c r="DZ732" s="23"/>
      <c r="EA732" s="23"/>
      <c r="EB732" s="23"/>
      <c r="EC732" s="23"/>
      <c r="ED732" s="23"/>
      <c r="EE732" s="23"/>
      <c r="EF732" s="23"/>
      <c r="EG732" s="23"/>
      <c r="EH732" s="23"/>
      <c r="EI732" s="23"/>
      <c r="EJ732" s="23"/>
      <c r="EK732" s="23"/>
      <c r="EL732" s="23"/>
      <c r="EM732" s="23"/>
      <c r="EN732" s="23"/>
      <c r="EO732" s="23"/>
      <c r="EP732" s="23"/>
      <c r="EQ732" s="23"/>
      <c r="ER732" s="23"/>
      <c r="ES732" s="23"/>
      <c r="ET732" s="23"/>
      <c r="EU732" s="23"/>
      <c r="EV732" s="23"/>
      <c r="EW732" s="23"/>
      <c r="EX732" s="23"/>
      <c r="EY732" s="23"/>
      <c r="EZ732" s="23"/>
      <c r="FA732" s="23"/>
      <c r="FB732" s="23"/>
      <c r="FC732" s="23"/>
      <c r="FD732" s="23"/>
      <c r="FE732" s="23"/>
      <c r="FF732" s="23"/>
      <c r="FG732" s="23"/>
      <c r="FH732" s="23"/>
      <c r="FI732" s="23"/>
      <c r="FJ732" s="23"/>
      <c r="FK732" s="23"/>
      <c r="FL732" s="23"/>
      <c r="FM732" s="23"/>
      <c r="FN732" s="23"/>
      <c r="FO732" s="23"/>
      <c r="FP732" s="23"/>
      <c r="FQ732" s="23"/>
      <c r="FR732" s="23"/>
      <c r="FS732" s="23"/>
      <c r="FT732" s="23"/>
      <c r="FU732" s="23"/>
      <c r="FV732" s="23"/>
      <c r="FW732" s="23"/>
      <c r="FX732" s="23"/>
      <c r="FY732" s="23"/>
      <c r="FZ732" s="23"/>
      <c r="GA732" s="23"/>
      <c r="GB732" s="23"/>
      <c r="GC732" s="23"/>
      <c r="GD732" s="23"/>
      <c r="GE732" s="23"/>
      <c r="GF732" s="23"/>
      <c r="GG732" s="23"/>
      <c r="GH732" s="23"/>
      <c r="GI732" s="23"/>
      <c r="GJ732" s="23"/>
      <c r="GK732" s="23"/>
      <c r="GL732" s="23"/>
      <c r="GM732" s="23"/>
      <c r="GN732" s="23"/>
      <c r="GO732" s="23"/>
      <c r="GP732" s="23"/>
      <c r="GQ732" s="23"/>
      <c r="GR732" s="23"/>
      <c r="GS732" s="23"/>
      <c r="GT732" s="23"/>
      <c r="GU732" s="23"/>
      <c r="GV732" s="23"/>
      <c r="GW732" s="23"/>
      <c r="GX732" s="23"/>
      <c r="GY732" s="23"/>
      <c r="GZ732" s="23"/>
      <c r="HA732" s="23"/>
      <c r="HB732" s="23"/>
      <c r="HC732" s="23"/>
      <c r="HD732" s="23"/>
      <c r="HE732" s="23"/>
      <c r="HF732" s="23"/>
      <c r="HG732" s="23"/>
      <c r="HH732" s="23"/>
      <c r="HI732" s="23"/>
      <c r="HJ732" s="23"/>
      <c r="HK732" s="23"/>
      <c r="HL732" s="23"/>
      <c r="HM732" s="23"/>
      <c r="HN732" s="23"/>
      <c r="HO732" s="23"/>
      <c r="HP732" s="23"/>
      <c r="HQ732" s="23"/>
      <c r="HR732" s="23"/>
      <c r="HS732" s="23"/>
      <c r="HT732" s="23"/>
      <c r="HU732" s="23"/>
      <c r="HV732" s="23"/>
      <c r="HW732" s="23"/>
      <c r="HX732" s="23"/>
      <c r="HY732" s="23"/>
      <c r="HZ732" s="23"/>
      <c r="IA732" s="23"/>
      <c r="IB732" s="23"/>
      <c r="IC732" s="23"/>
      <c r="ID732" s="23"/>
      <c r="IE732" s="23"/>
      <c r="IF732" s="23"/>
      <c r="IG732" s="23"/>
      <c r="IH732" s="23"/>
      <c r="II732" s="23"/>
      <c r="IJ732" s="23"/>
      <c r="IK732" s="23"/>
      <c r="IL732" s="23"/>
      <c r="IM732" s="23"/>
      <c r="IN732" s="23"/>
      <c r="IO732" s="23"/>
      <c r="IP732" s="23"/>
      <c r="IQ732" s="23"/>
    </row>
    <row r="733" spans="1:251" s="50" customFormat="1" ht="18.75" customHeight="1">
      <c r="A733" s="34"/>
      <c r="B733" s="48"/>
      <c r="C733" s="130"/>
      <c r="D733" s="130"/>
      <c r="E733" s="130"/>
      <c r="F733" s="130"/>
      <c r="G733" s="130"/>
      <c r="H733" s="130"/>
      <c r="I733" s="130"/>
      <c r="J733" s="130"/>
      <c r="K733" s="130"/>
      <c r="L733" s="130"/>
      <c r="M733" s="130"/>
      <c r="N733" s="130"/>
      <c r="O733" s="130"/>
      <c r="P733" s="130"/>
      <c r="Q733" s="130"/>
      <c r="R733" s="130"/>
      <c r="S733" s="130"/>
      <c r="T733" s="130"/>
      <c r="U733" s="130"/>
      <c r="V733" s="130"/>
      <c r="W733" s="130"/>
      <c r="X733" s="130"/>
      <c r="Y733" s="130"/>
      <c r="Z733" s="131"/>
      <c r="AA733" s="132"/>
      <c r="AB733" s="133"/>
      <c r="AC733" s="133"/>
      <c r="AD733" s="133"/>
      <c r="AE733" s="133"/>
      <c r="AF733" s="133"/>
      <c r="AG733" s="133"/>
      <c r="AH733" s="133"/>
      <c r="AI733" s="134"/>
      <c r="AJ733" s="132"/>
      <c r="AK733" s="133"/>
      <c r="AL733" s="133"/>
      <c r="AM733" s="133"/>
      <c r="AN733" s="133"/>
      <c r="AO733" s="133"/>
      <c r="AP733" s="133"/>
      <c r="AQ733" s="133"/>
      <c r="AR733" s="134"/>
      <c r="AS733" s="132"/>
      <c r="AT733" s="133"/>
      <c r="AU733" s="133"/>
      <c r="AV733" s="133"/>
      <c r="AW733" s="133"/>
      <c r="AX733" s="135"/>
      <c r="AY733" s="23"/>
      <c r="AZ733" s="23"/>
      <c r="BA733" s="23"/>
      <c r="BB733" s="23"/>
      <c r="BC733" s="23"/>
      <c r="BD733" s="23"/>
      <c r="BE733" s="23"/>
      <c r="BF733" s="23"/>
      <c r="BG733" s="23"/>
      <c r="BH733" s="23"/>
      <c r="BI733" s="23"/>
      <c r="BJ733" s="23"/>
      <c r="BK733" s="23"/>
      <c r="BL733" s="23"/>
      <c r="BM733" s="23"/>
      <c r="BN733" s="23"/>
      <c r="BO733" s="23"/>
      <c r="BP733" s="23"/>
      <c r="BQ733" s="23"/>
      <c r="BR733" s="23"/>
      <c r="BS733" s="23"/>
      <c r="BT733" s="23"/>
      <c r="BU733" s="23"/>
      <c r="BV733" s="23"/>
      <c r="BW733" s="23"/>
      <c r="BX733" s="23"/>
      <c r="BY733" s="23"/>
      <c r="BZ733" s="23"/>
      <c r="CA733" s="23"/>
      <c r="CB733" s="23"/>
      <c r="CC733" s="23"/>
      <c r="CD733" s="23"/>
      <c r="CE733" s="23"/>
      <c r="CF733" s="23"/>
      <c r="CG733" s="23"/>
      <c r="CH733" s="23"/>
      <c r="CI733" s="23"/>
      <c r="CJ733" s="23"/>
      <c r="CK733" s="23"/>
      <c r="CL733" s="23"/>
      <c r="CM733" s="23"/>
      <c r="CN733" s="23"/>
      <c r="CO733" s="23"/>
      <c r="CP733" s="23"/>
      <c r="CQ733" s="23"/>
      <c r="CR733" s="23"/>
      <c r="CS733" s="23"/>
      <c r="CT733" s="23"/>
      <c r="CU733" s="23"/>
      <c r="CV733" s="23"/>
      <c r="CW733" s="23"/>
      <c r="CX733" s="23"/>
      <c r="CY733" s="23"/>
      <c r="CZ733" s="23"/>
      <c r="DA733" s="23"/>
      <c r="DB733" s="23"/>
      <c r="DC733" s="23"/>
      <c r="DD733" s="23"/>
      <c r="DE733" s="23"/>
      <c r="DF733" s="23"/>
      <c r="DG733" s="23"/>
      <c r="DH733" s="23"/>
      <c r="DI733" s="23"/>
      <c r="DJ733" s="23"/>
      <c r="DK733" s="23"/>
      <c r="DL733" s="23"/>
      <c r="DM733" s="23"/>
      <c r="DN733" s="23"/>
      <c r="DO733" s="23"/>
      <c r="DP733" s="23"/>
      <c r="DQ733" s="23"/>
      <c r="DR733" s="23"/>
      <c r="DS733" s="23"/>
      <c r="DT733" s="23"/>
      <c r="DU733" s="23"/>
      <c r="DV733" s="23"/>
      <c r="DW733" s="23"/>
      <c r="DX733" s="23"/>
      <c r="DY733" s="23"/>
      <c r="DZ733" s="23"/>
      <c r="EA733" s="23"/>
      <c r="EB733" s="23"/>
      <c r="EC733" s="23"/>
      <c r="ED733" s="23"/>
      <c r="EE733" s="23"/>
      <c r="EF733" s="23"/>
      <c r="EG733" s="23"/>
      <c r="EH733" s="23"/>
      <c r="EI733" s="23"/>
      <c r="EJ733" s="23"/>
      <c r="EK733" s="23"/>
      <c r="EL733" s="23"/>
      <c r="EM733" s="23"/>
      <c r="EN733" s="23"/>
      <c r="EO733" s="23"/>
      <c r="EP733" s="23"/>
      <c r="EQ733" s="23"/>
      <c r="ER733" s="23"/>
      <c r="ES733" s="23"/>
      <c r="ET733" s="23"/>
      <c r="EU733" s="23"/>
      <c r="EV733" s="23"/>
      <c r="EW733" s="23"/>
      <c r="EX733" s="23"/>
      <c r="EY733" s="23"/>
      <c r="EZ733" s="23"/>
      <c r="FA733" s="23"/>
      <c r="FB733" s="23"/>
      <c r="FC733" s="23"/>
      <c r="FD733" s="23"/>
      <c r="FE733" s="23"/>
      <c r="FF733" s="23"/>
      <c r="FG733" s="23"/>
      <c r="FH733" s="23"/>
      <c r="FI733" s="23"/>
      <c r="FJ733" s="23"/>
      <c r="FK733" s="23"/>
      <c r="FL733" s="23"/>
      <c r="FM733" s="23"/>
      <c r="FN733" s="23"/>
      <c r="FO733" s="23"/>
      <c r="FP733" s="23"/>
      <c r="FQ733" s="23"/>
      <c r="FR733" s="23"/>
      <c r="FS733" s="23"/>
      <c r="FT733" s="23"/>
      <c r="FU733" s="23"/>
      <c r="FV733" s="23"/>
      <c r="FW733" s="23"/>
      <c r="FX733" s="23"/>
      <c r="FY733" s="23"/>
      <c r="FZ733" s="23"/>
      <c r="GA733" s="23"/>
      <c r="GB733" s="23"/>
      <c r="GC733" s="23"/>
      <c r="GD733" s="23"/>
      <c r="GE733" s="23"/>
      <c r="GF733" s="23"/>
      <c r="GG733" s="23"/>
      <c r="GH733" s="23"/>
      <c r="GI733" s="23"/>
      <c r="GJ733" s="23"/>
      <c r="GK733" s="23"/>
      <c r="GL733" s="23"/>
      <c r="GM733" s="23"/>
      <c r="GN733" s="23"/>
      <c r="GO733" s="23"/>
      <c r="GP733" s="23"/>
      <c r="GQ733" s="23"/>
      <c r="GR733" s="23"/>
      <c r="GS733" s="23"/>
      <c r="GT733" s="23"/>
      <c r="GU733" s="23"/>
      <c r="GV733" s="23"/>
      <c r="GW733" s="23"/>
      <c r="GX733" s="23"/>
      <c r="GY733" s="23"/>
      <c r="GZ733" s="23"/>
      <c r="HA733" s="23"/>
      <c r="HB733" s="23"/>
      <c r="HC733" s="23"/>
      <c r="HD733" s="23"/>
      <c r="HE733" s="23"/>
      <c r="HF733" s="23"/>
      <c r="HG733" s="23"/>
      <c r="HH733" s="23"/>
      <c r="HI733" s="23"/>
      <c r="HJ733" s="23"/>
      <c r="HK733" s="23"/>
      <c r="HL733" s="23"/>
      <c r="HM733" s="23"/>
      <c r="HN733" s="23"/>
      <c r="HO733" s="23"/>
      <c r="HP733" s="23"/>
      <c r="HQ733" s="23"/>
      <c r="HR733" s="23"/>
      <c r="HS733" s="23"/>
      <c r="HT733" s="23"/>
      <c r="HU733" s="23"/>
      <c r="HV733" s="23"/>
      <c r="HW733" s="23"/>
      <c r="HX733" s="23"/>
      <c r="HY733" s="23"/>
      <c r="HZ733" s="23"/>
      <c r="IA733" s="23"/>
      <c r="IB733" s="23"/>
      <c r="IC733" s="23"/>
      <c r="ID733" s="23"/>
      <c r="IE733" s="23"/>
      <c r="IF733" s="23"/>
      <c r="IG733" s="23"/>
      <c r="IH733" s="23"/>
      <c r="II733" s="23"/>
      <c r="IJ733" s="23"/>
      <c r="IK733" s="23"/>
      <c r="IL733" s="23"/>
      <c r="IM733" s="23"/>
      <c r="IN733" s="23"/>
      <c r="IO733" s="23"/>
      <c r="IP733" s="23"/>
      <c r="IQ733" s="23"/>
    </row>
    <row r="734" spans="1:251" s="50" customFormat="1" ht="18.75" customHeight="1" thickBot="1">
      <c r="A734" s="34"/>
      <c r="B734" s="49"/>
      <c r="C734" s="158"/>
      <c r="D734" s="158"/>
      <c r="E734" s="158"/>
      <c r="F734" s="158"/>
      <c r="G734" s="158"/>
      <c r="H734" s="158"/>
      <c r="I734" s="158"/>
      <c r="J734" s="158"/>
      <c r="K734" s="158"/>
      <c r="L734" s="158"/>
      <c r="M734" s="158"/>
      <c r="N734" s="158"/>
      <c r="O734" s="158"/>
      <c r="P734" s="158"/>
      <c r="Q734" s="158"/>
      <c r="R734" s="158"/>
      <c r="S734" s="158"/>
      <c r="T734" s="158"/>
      <c r="U734" s="158"/>
      <c r="V734" s="158"/>
      <c r="W734" s="158"/>
      <c r="X734" s="158"/>
      <c r="Y734" s="158"/>
      <c r="Z734" s="159"/>
      <c r="AA734" s="160"/>
      <c r="AB734" s="161"/>
      <c r="AC734" s="161"/>
      <c r="AD734" s="161"/>
      <c r="AE734" s="161"/>
      <c r="AF734" s="161"/>
      <c r="AG734" s="161"/>
      <c r="AH734" s="161"/>
      <c r="AI734" s="162"/>
      <c r="AJ734" s="160"/>
      <c r="AK734" s="161"/>
      <c r="AL734" s="161"/>
      <c r="AM734" s="161"/>
      <c r="AN734" s="161"/>
      <c r="AO734" s="161"/>
      <c r="AP734" s="161"/>
      <c r="AQ734" s="161"/>
      <c r="AR734" s="162"/>
      <c r="AS734" s="160"/>
      <c r="AT734" s="161"/>
      <c r="AU734" s="161"/>
      <c r="AV734" s="161"/>
      <c r="AW734" s="161"/>
      <c r="AX734" s="163"/>
      <c r="AY734" s="23"/>
      <c r="AZ734" s="23"/>
      <c r="BA734" s="23"/>
      <c r="BB734" s="23"/>
      <c r="BC734" s="23"/>
      <c r="BD734" s="23"/>
      <c r="BE734" s="23"/>
      <c r="BF734" s="23"/>
      <c r="BG734" s="23"/>
      <c r="BH734" s="23"/>
      <c r="BI734" s="23"/>
      <c r="BJ734" s="23"/>
      <c r="BK734" s="23"/>
      <c r="BL734" s="23"/>
      <c r="BM734" s="23"/>
      <c r="BN734" s="23"/>
      <c r="BO734" s="23"/>
      <c r="BP734" s="23"/>
      <c r="BQ734" s="23"/>
      <c r="BR734" s="23"/>
      <c r="BS734" s="23"/>
      <c r="BT734" s="23"/>
      <c r="BU734" s="23"/>
      <c r="BV734" s="23"/>
      <c r="BW734" s="23"/>
      <c r="BX734" s="23"/>
      <c r="BY734" s="23"/>
      <c r="BZ734" s="23"/>
      <c r="CA734" s="23"/>
      <c r="CB734" s="23"/>
      <c r="CC734" s="23"/>
      <c r="CD734" s="23"/>
      <c r="CE734" s="23"/>
      <c r="CF734" s="23"/>
      <c r="CG734" s="23"/>
      <c r="CH734" s="23"/>
      <c r="CI734" s="23"/>
      <c r="CJ734" s="23"/>
      <c r="CK734" s="23"/>
      <c r="CL734" s="23"/>
      <c r="CM734" s="23"/>
      <c r="CN734" s="23"/>
      <c r="CO734" s="23"/>
      <c r="CP734" s="23"/>
      <c r="CQ734" s="23"/>
      <c r="CR734" s="23"/>
      <c r="CS734" s="23"/>
      <c r="CT734" s="23"/>
      <c r="CU734" s="23"/>
      <c r="CV734" s="23"/>
      <c r="CW734" s="23"/>
      <c r="CX734" s="23"/>
      <c r="CY734" s="23"/>
      <c r="CZ734" s="23"/>
      <c r="DA734" s="23"/>
      <c r="DB734" s="23"/>
      <c r="DC734" s="23"/>
      <c r="DD734" s="23"/>
      <c r="DE734" s="23"/>
      <c r="DF734" s="23"/>
      <c r="DG734" s="23"/>
      <c r="DH734" s="23"/>
      <c r="DI734" s="23"/>
      <c r="DJ734" s="23"/>
      <c r="DK734" s="23"/>
      <c r="DL734" s="23"/>
      <c r="DM734" s="23"/>
      <c r="DN734" s="23"/>
      <c r="DO734" s="23"/>
      <c r="DP734" s="23"/>
      <c r="DQ734" s="23"/>
      <c r="DR734" s="23"/>
      <c r="DS734" s="23"/>
      <c r="DT734" s="23"/>
      <c r="DU734" s="23"/>
      <c r="DV734" s="23"/>
      <c r="DW734" s="23"/>
      <c r="DX734" s="23"/>
      <c r="DY734" s="23"/>
      <c r="DZ734" s="23"/>
      <c r="EA734" s="23"/>
      <c r="EB734" s="23"/>
      <c r="EC734" s="23"/>
      <c r="ED734" s="23"/>
      <c r="EE734" s="23"/>
      <c r="EF734" s="23"/>
      <c r="EG734" s="23"/>
      <c r="EH734" s="23"/>
      <c r="EI734" s="23"/>
      <c r="EJ734" s="23"/>
      <c r="EK734" s="23"/>
      <c r="EL734" s="23"/>
      <c r="EM734" s="23"/>
      <c r="EN734" s="23"/>
      <c r="EO734" s="23"/>
      <c r="EP734" s="23"/>
      <c r="EQ734" s="23"/>
      <c r="ER734" s="23"/>
      <c r="ES734" s="23"/>
      <c r="ET734" s="23"/>
      <c r="EU734" s="23"/>
      <c r="EV734" s="23"/>
      <c r="EW734" s="23"/>
      <c r="EX734" s="23"/>
      <c r="EY734" s="23"/>
      <c r="EZ734" s="23"/>
      <c r="FA734" s="23"/>
      <c r="FB734" s="23"/>
      <c r="FC734" s="23"/>
      <c r="FD734" s="23"/>
      <c r="FE734" s="23"/>
      <c r="FF734" s="23"/>
      <c r="FG734" s="23"/>
      <c r="FH734" s="23"/>
      <c r="FI734" s="23"/>
      <c r="FJ734" s="23"/>
      <c r="FK734" s="23"/>
      <c r="FL734" s="23"/>
      <c r="FM734" s="23"/>
      <c r="FN734" s="23"/>
      <c r="FO734" s="23"/>
      <c r="FP734" s="23"/>
      <c r="FQ734" s="23"/>
      <c r="FR734" s="23"/>
      <c r="FS734" s="23"/>
      <c r="FT734" s="23"/>
      <c r="FU734" s="23"/>
      <c r="FV734" s="23"/>
      <c r="FW734" s="23"/>
      <c r="FX734" s="23"/>
      <c r="FY734" s="23"/>
      <c r="FZ734" s="23"/>
      <c r="GA734" s="23"/>
      <c r="GB734" s="23"/>
      <c r="GC734" s="23"/>
      <c r="GD734" s="23"/>
      <c r="GE734" s="23"/>
      <c r="GF734" s="23"/>
      <c r="GG734" s="23"/>
      <c r="GH734" s="23"/>
      <c r="GI734" s="23"/>
      <c r="GJ734" s="23"/>
      <c r="GK734" s="23"/>
      <c r="GL734" s="23"/>
      <c r="GM734" s="23"/>
      <c r="GN734" s="23"/>
      <c r="GO734" s="23"/>
      <c r="GP734" s="23"/>
      <c r="GQ734" s="23"/>
      <c r="GR734" s="23"/>
      <c r="GS734" s="23"/>
      <c r="GT734" s="23"/>
      <c r="GU734" s="23"/>
      <c r="GV734" s="23"/>
      <c r="GW734" s="23"/>
      <c r="GX734" s="23"/>
      <c r="GY734" s="23"/>
      <c r="GZ734" s="23"/>
      <c r="HA734" s="23"/>
      <c r="HB734" s="23"/>
      <c r="HC734" s="23"/>
      <c r="HD734" s="23"/>
      <c r="HE734" s="23"/>
      <c r="HF734" s="23"/>
      <c r="HG734" s="23"/>
      <c r="HH734" s="23"/>
      <c r="HI734" s="23"/>
      <c r="HJ734" s="23"/>
      <c r="HK734" s="23"/>
      <c r="HL734" s="23"/>
      <c r="HM734" s="23"/>
      <c r="HN734" s="23"/>
      <c r="HO734" s="23"/>
      <c r="HP734" s="23"/>
      <c r="HQ734" s="23"/>
      <c r="HR734" s="23"/>
      <c r="HS734" s="23"/>
      <c r="HT734" s="23"/>
      <c r="HU734" s="23"/>
      <c r="HV734" s="23"/>
      <c r="HW734" s="23"/>
      <c r="HX734" s="23"/>
      <c r="HY734" s="23"/>
      <c r="HZ734" s="23"/>
      <c r="IA734" s="23"/>
      <c r="IB734" s="23"/>
      <c r="IC734" s="23"/>
      <c r="ID734" s="23"/>
      <c r="IE734" s="23"/>
      <c r="IF734" s="23"/>
      <c r="IG734" s="23"/>
      <c r="IH734" s="23"/>
      <c r="II734" s="23"/>
      <c r="IJ734" s="23"/>
      <c r="IK734" s="23"/>
      <c r="IL734" s="23"/>
      <c r="IM734" s="23"/>
      <c r="IN734" s="23"/>
      <c r="IO734" s="23"/>
      <c r="IP734" s="23"/>
      <c r="IQ734" s="23"/>
    </row>
    <row r="735" spans="1:251" s="50" customFormat="1" ht="18.75" customHeight="1" thickTop="1" thickBot="1">
      <c r="A735" s="38"/>
      <c r="B735" s="164" t="s">
        <v>105</v>
      </c>
      <c r="C735" s="165"/>
      <c r="D735" s="165"/>
      <c r="E735" s="165"/>
      <c r="F735" s="165"/>
      <c r="G735" s="165"/>
      <c r="H735" s="165"/>
      <c r="I735" s="165"/>
      <c r="J735" s="165"/>
      <c r="K735" s="165"/>
      <c r="L735" s="165"/>
      <c r="M735" s="165"/>
      <c r="N735" s="165"/>
      <c r="O735" s="165"/>
      <c r="P735" s="165"/>
      <c r="Q735" s="165"/>
      <c r="R735" s="165"/>
      <c r="S735" s="165"/>
      <c r="T735" s="165"/>
      <c r="U735" s="165"/>
      <c r="V735" s="165"/>
      <c r="W735" s="165"/>
      <c r="X735" s="165"/>
      <c r="Y735" s="165"/>
      <c r="Z735" s="166"/>
      <c r="AA735" s="167">
        <f>SUM(AA727:AA734)</f>
        <v>2415754</v>
      </c>
      <c r="AB735" s="168"/>
      <c r="AC735" s="168"/>
      <c r="AD735" s="168"/>
      <c r="AE735" s="168"/>
      <c r="AF735" s="168"/>
      <c r="AG735" s="168"/>
      <c r="AH735" s="168"/>
      <c r="AI735" s="169"/>
      <c r="AJ735" s="167">
        <f>SUM(AJ727:AJ734)</f>
        <v>1750999</v>
      </c>
      <c r="AK735" s="168"/>
      <c r="AL735" s="168"/>
      <c r="AM735" s="168"/>
      <c r="AN735" s="168"/>
      <c r="AO735" s="168"/>
      <c r="AP735" s="168"/>
      <c r="AQ735" s="168"/>
      <c r="AR735" s="169"/>
      <c r="AS735" s="167"/>
      <c r="AT735" s="168"/>
      <c r="AU735" s="168"/>
      <c r="AV735" s="168"/>
      <c r="AW735" s="168"/>
      <c r="AX735" s="170"/>
      <c r="AY735" s="23"/>
      <c r="AZ735" s="23"/>
      <c r="BA735" s="23"/>
      <c r="BB735" s="23"/>
      <c r="BC735" s="23"/>
      <c r="BD735" s="23"/>
      <c r="BE735" s="23"/>
      <c r="BF735" s="23"/>
      <c r="BG735" s="23"/>
      <c r="BH735" s="23"/>
      <c r="BI735" s="23"/>
      <c r="BJ735" s="23"/>
      <c r="BK735" s="23"/>
      <c r="BL735" s="23"/>
      <c r="BM735" s="23"/>
      <c r="BN735" s="23"/>
      <c r="BO735" s="23"/>
      <c r="BP735" s="23"/>
      <c r="BQ735" s="23"/>
      <c r="BR735" s="23"/>
      <c r="BS735" s="23"/>
      <c r="BT735" s="23"/>
      <c r="BU735" s="23"/>
      <c r="BV735" s="23"/>
      <c r="BW735" s="23"/>
      <c r="BX735" s="23"/>
      <c r="BY735" s="23"/>
      <c r="BZ735" s="23"/>
      <c r="CA735" s="23"/>
      <c r="CB735" s="23"/>
      <c r="CC735" s="23"/>
      <c r="CD735" s="23"/>
      <c r="CE735" s="23"/>
      <c r="CF735" s="23"/>
      <c r="CG735" s="23"/>
      <c r="CH735" s="23"/>
      <c r="CI735" s="23"/>
      <c r="CJ735" s="23"/>
      <c r="CK735" s="23"/>
      <c r="CL735" s="23"/>
      <c r="CM735" s="23"/>
      <c r="CN735" s="23"/>
      <c r="CO735" s="23"/>
      <c r="CP735" s="23"/>
      <c r="CQ735" s="23"/>
      <c r="CR735" s="23"/>
      <c r="CS735" s="23"/>
      <c r="CT735" s="23"/>
      <c r="CU735" s="23"/>
      <c r="CV735" s="23"/>
      <c r="CW735" s="23"/>
      <c r="CX735" s="23"/>
      <c r="CY735" s="23"/>
      <c r="CZ735" s="23"/>
      <c r="DA735" s="23"/>
      <c r="DB735" s="23"/>
      <c r="DC735" s="23"/>
      <c r="DD735" s="23"/>
      <c r="DE735" s="23"/>
      <c r="DF735" s="23"/>
      <c r="DG735" s="23"/>
      <c r="DH735" s="23"/>
      <c r="DI735" s="23"/>
      <c r="DJ735" s="23"/>
      <c r="DK735" s="23"/>
      <c r="DL735" s="23"/>
      <c r="DM735" s="23"/>
      <c r="DN735" s="23"/>
      <c r="DO735" s="23"/>
      <c r="DP735" s="23"/>
      <c r="DQ735" s="23"/>
      <c r="DR735" s="23"/>
      <c r="DS735" s="23"/>
      <c r="DT735" s="23"/>
      <c r="DU735" s="23"/>
      <c r="DV735" s="23"/>
      <c r="DW735" s="23"/>
      <c r="DX735" s="23"/>
      <c r="DY735" s="23"/>
      <c r="DZ735" s="23"/>
      <c r="EA735" s="23"/>
      <c r="EB735" s="23"/>
      <c r="EC735" s="23"/>
      <c r="ED735" s="23"/>
      <c r="EE735" s="23"/>
      <c r="EF735" s="23"/>
      <c r="EG735" s="23"/>
      <c r="EH735" s="23"/>
      <c r="EI735" s="23"/>
      <c r="EJ735" s="23"/>
      <c r="EK735" s="23"/>
      <c r="EL735" s="23"/>
      <c r="EM735" s="23"/>
      <c r="EN735" s="23"/>
      <c r="EO735" s="23"/>
      <c r="EP735" s="23"/>
      <c r="EQ735" s="23"/>
      <c r="ER735" s="23"/>
      <c r="ES735" s="23"/>
      <c r="ET735" s="23"/>
      <c r="EU735" s="23"/>
      <c r="EV735" s="23"/>
      <c r="EW735" s="23"/>
      <c r="EX735" s="23"/>
      <c r="EY735" s="23"/>
      <c r="EZ735" s="23"/>
      <c r="FA735" s="23"/>
      <c r="FB735" s="23"/>
      <c r="FC735" s="23"/>
      <c r="FD735" s="23"/>
      <c r="FE735" s="23"/>
      <c r="FF735" s="23"/>
      <c r="FG735" s="23"/>
      <c r="FH735" s="23"/>
      <c r="FI735" s="23"/>
      <c r="FJ735" s="23"/>
      <c r="FK735" s="23"/>
      <c r="FL735" s="23"/>
      <c r="FM735" s="23"/>
      <c r="FN735" s="23"/>
      <c r="FO735" s="23"/>
      <c r="FP735" s="23"/>
      <c r="FQ735" s="23"/>
      <c r="FR735" s="23"/>
      <c r="FS735" s="23"/>
      <c r="FT735" s="23"/>
      <c r="FU735" s="23"/>
      <c r="FV735" s="23"/>
      <c r="FW735" s="23"/>
      <c r="FX735" s="23"/>
      <c r="FY735" s="23"/>
      <c r="FZ735" s="23"/>
      <c r="GA735" s="23"/>
      <c r="GB735" s="23"/>
      <c r="GC735" s="23"/>
      <c r="GD735" s="23"/>
      <c r="GE735" s="23"/>
      <c r="GF735" s="23"/>
      <c r="GG735" s="23"/>
      <c r="GH735" s="23"/>
      <c r="GI735" s="23"/>
      <c r="GJ735" s="23"/>
      <c r="GK735" s="23"/>
      <c r="GL735" s="23"/>
      <c r="GM735" s="23"/>
      <c r="GN735" s="23"/>
      <c r="GO735" s="23"/>
      <c r="GP735" s="23"/>
      <c r="GQ735" s="23"/>
      <c r="GR735" s="23"/>
      <c r="GS735" s="23"/>
      <c r="GT735" s="23"/>
      <c r="GU735" s="23"/>
      <c r="GV735" s="23"/>
      <c r="GW735" s="23"/>
      <c r="GX735" s="23"/>
      <c r="GY735" s="23"/>
      <c r="GZ735" s="23"/>
      <c r="HA735" s="23"/>
      <c r="HB735" s="23"/>
      <c r="HC735" s="23"/>
      <c r="HD735" s="23"/>
      <c r="HE735" s="23"/>
      <c r="HF735" s="23"/>
      <c r="HG735" s="23"/>
      <c r="HH735" s="23"/>
      <c r="HI735" s="23"/>
      <c r="HJ735" s="23"/>
      <c r="HK735" s="23"/>
      <c r="HL735" s="23"/>
      <c r="HM735" s="23"/>
      <c r="HN735" s="23"/>
      <c r="HO735" s="23"/>
      <c r="HP735" s="23"/>
      <c r="HQ735" s="23"/>
      <c r="HR735" s="23"/>
      <c r="HS735" s="23"/>
      <c r="HT735" s="23"/>
      <c r="HU735" s="23"/>
      <c r="HV735" s="23"/>
      <c r="HW735" s="23"/>
      <c r="HX735" s="23"/>
      <c r="HY735" s="23"/>
      <c r="HZ735" s="23"/>
      <c r="IA735" s="23"/>
      <c r="IB735" s="23"/>
      <c r="IC735" s="23"/>
      <c r="ID735" s="23"/>
      <c r="IE735" s="23"/>
      <c r="IF735" s="23"/>
      <c r="IG735" s="23"/>
      <c r="IH735" s="23"/>
      <c r="II735" s="23"/>
      <c r="IJ735" s="23"/>
      <c r="IK735" s="23"/>
      <c r="IL735" s="23"/>
      <c r="IM735" s="23"/>
      <c r="IN735" s="23"/>
      <c r="IO735" s="23"/>
      <c r="IP735" s="23"/>
      <c r="IQ735" s="23"/>
    </row>
    <row r="737" spans="1:113" s="23" customFormat="1" ht="19.2">
      <c r="A737" s="22" t="s">
        <v>86</v>
      </c>
      <c r="AW737" s="24"/>
      <c r="AX737" s="25"/>
      <c r="AY737" s="24"/>
    </row>
    <row r="738" spans="1:113" s="23" customFormat="1" ht="13.2"/>
    <row r="739" spans="1:113" s="23" customFormat="1" ht="13.2">
      <c r="A739" s="26"/>
      <c r="B739" s="115" t="s">
        <v>87</v>
      </c>
      <c r="C739" s="115"/>
      <c r="D739" s="115"/>
      <c r="E739" s="115"/>
      <c r="F739" s="115"/>
      <c r="G739" s="115"/>
      <c r="H739" s="115"/>
      <c r="I739" s="115"/>
      <c r="J739" s="115"/>
      <c r="K739" s="115"/>
      <c r="L739" s="115"/>
      <c r="M739" s="115"/>
      <c r="N739" s="115"/>
      <c r="O739" s="115"/>
      <c r="P739" s="115"/>
      <c r="Q739" s="115"/>
      <c r="R739" s="115"/>
      <c r="S739" s="115"/>
      <c r="T739" s="115"/>
      <c r="U739" s="115"/>
      <c r="V739" s="115"/>
      <c r="W739" s="115"/>
      <c r="X739" s="115"/>
      <c r="Y739" s="115"/>
      <c r="Z739" s="115"/>
      <c r="AA739" s="115"/>
      <c r="AB739" s="115"/>
      <c r="AC739" s="115"/>
      <c r="AD739" s="115"/>
      <c r="AE739" s="115"/>
      <c r="AF739" s="115"/>
      <c r="AG739" s="115"/>
      <c r="AH739" s="115"/>
      <c r="AI739" s="115"/>
      <c r="AJ739" s="115"/>
      <c r="AK739" s="115"/>
      <c r="AL739" s="115"/>
      <c r="AM739" s="115"/>
      <c r="AN739" s="115"/>
      <c r="AO739" s="115"/>
      <c r="AP739" s="115"/>
      <c r="AQ739" s="115"/>
      <c r="AR739" s="115"/>
      <c r="AS739" s="115"/>
      <c r="AT739" s="115"/>
      <c r="AU739" s="115"/>
      <c r="AV739" s="115"/>
      <c r="AW739" s="115"/>
      <c r="AX739" s="115"/>
      <c r="AY739" s="26"/>
    </row>
    <row r="740" spans="1:113" s="23" customFormat="1" ht="13.2">
      <c r="Z740" s="27"/>
      <c r="AD740" s="27"/>
      <c r="AE740" s="27"/>
      <c r="AF740" s="27"/>
      <c r="AG740" s="27"/>
      <c r="AH740" s="27"/>
      <c r="AI740" s="27"/>
      <c r="AO740" s="27"/>
    </row>
    <row r="741" spans="1:113" s="23" customFormat="1" ht="13.8" thickBot="1">
      <c r="Z741" s="27"/>
      <c r="AD741" s="27"/>
      <c r="AE741" s="27"/>
      <c r="AF741" s="27"/>
      <c r="AG741" s="27"/>
      <c r="AH741" s="27"/>
      <c r="AI741" s="27"/>
      <c r="AO741" s="27"/>
      <c r="DI741" s="28"/>
    </row>
    <row r="742" spans="1:113" s="23" customFormat="1" ht="24.6" customHeight="1" thickBot="1">
      <c r="A742" s="116" t="s">
        <v>88</v>
      </c>
      <c r="B742" s="117"/>
      <c r="C742" s="117"/>
      <c r="D742" s="117"/>
      <c r="E742" s="117"/>
      <c r="F742" s="117"/>
      <c r="G742" s="117"/>
      <c r="H742" s="117"/>
      <c r="I742" s="117"/>
      <c r="J742" s="117"/>
      <c r="K742" s="118"/>
      <c r="L742" s="119">
        <v>22</v>
      </c>
      <c r="M742" s="120"/>
      <c r="N742" s="120"/>
      <c r="O742" s="121"/>
      <c r="P742" s="122" t="s">
        <v>89</v>
      </c>
      <c r="Q742" s="120"/>
      <c r="R742" s="120"/>
      <c r="S742" s="120"/>
      <c r="T742" s="120"/>
      <c r="U742" s="123"/>
      <c r="V742" s="124" t="s">
        <v>133</v>
      </c>
      <c r="W742" s="125"/>
      <c r="X742" s="125"/>
      <c r="Y742" s="125"/>
      <c r="Z742" s="125"/>
      <c r="AA742" s="125"/>
      <c r="AB742" s="125"/>
      <c r="AC742" s="125"/>
      <c r="AD742" s="125"/>
      <c r="AE742" s="125"/>
      <c r="AF742" s="125"/>
      <c r="AG742" s="125"/>
      <c r="AH742" s="125"/>
      <c r="AI742" s="125"/>
      <c r="AJ742" s="125"/>
      <c r="AK742" s="125"/>
      <c r="AL742" s="125"/>
      <c r="AM742" s="125"/>
      <c r="AN742" s="125"/>
      <c r="AO742" s="125"/>
      <c r="AP742" s="125"/>
      <c r="AQ742" s="125"/>
      <c r="AR742" s="125"/>
      <c r="AS742" s="125"/>
      <c r="AT742" s="125"/>
      <c r="AU742" s="125"/>
      <c r="AV742" s="125"/>
      <c r="AW742" s="125"/>
      <c r="AX742" s="126"/>
      <c r="DI742" s="28"/>
    </row>
    <row r="743" spans="1:113" s="23" customFormat="1" ht="14.4">
      <c r="A743" s="29"/>
      <c r="B743" s="29"/>
      <c r="C743" s="29"/>
      <c r="D743" s="29"/>
      <c r="E743" s="29"/>
      <c r="F743" s="29"/>
      <c r="G743" s="29"/>
      <c r="H743" s="29"/>
      <c r="I743" s="29"/>
      <c r="J743" s="29"/>
      <c r="K743" s="29"/>
      <c r="L743" s="30"/>
      <c r="M743" s="30"/>
      <c r="N743" s="30"/>
      <c r="O743" s="30"/>
      <c r="P743" s="29"/>
      <c r="Q743" s="29"/>
      <c r="R743" s="29"/>
      <c r="S743" s="29"/>
      <c r="T743" s="29"/>
      <c r="U743" s="29"/>
      <c r="V743" s="31"/>
      <c r="W743" s="31"/>
      <c r="X743" s="31"/>
      <c r="Y743" s="31"/>
      <c r="Z743" s="31"/>
      <c r="AA743" s="31"/>
      <c r="AB743" s="31"/>
      <c r="AC743" s="31"/>
      <c r="AD743" s="31"/>
      <c r="AE743" s="31"/>
      <c r="AF743" s="31"/>
      <c r="AG743" s="31"/>
      <c r="AH743" s="31"/>
      <c r="AI743" s="31"/>
      <c r="AJ743" s="31"/>
      <c r="AK743" s="31"/>
      <c r="AL743" s="31"/>
      <c r="AM743" s="31"/>
      <c r="AN743" s="31"/>
      <c r="AO743" s="31"/>
      <c r="AP743" s="31"/>
      <c r="AQ743" s="31"/>
      <c r="AR743" s="31"/>
      <c r="AS743" s="31"/>
      <c r="AT743" s="31"/>
      <c r="AU743" s="31"/>
      <c r="AV743" s="31"/>
      <c r="AW743" s="31"/>
      <c r="AX743" s="31"/>
      <c r="DI743" s="28"/>
    </row>
    <row r="744" spans="1:113" s="23" customFormat="1" ht="15" thickBot="1">
      <c r="A744" s="32"/>
      <c r="B744" s="33" t="s">
        <v>91</v>
      </c>
      <c r="C744" s="34"/>
      <c r="D744" s="34"/>
      <c r="E744" s="34"/>
      <c r="F744" s="34"/>
      <c r="G744" s="34"/>
      <c r="H744" s="34"/>
      <c r="I744" s="34"/>
      <c r="J744" s="34"/>
      <c r="K744" s="34"/>
      <c r="L744" s="35"/>
      <c r="M744" s="35"/>
      <c r="N744" s="35"/>
      <c r="O744" s="35"/>
      <c r="P744" s="34"/>
      <c r="Q744" s="34"/>
      <c r="R744" s="34"/>
      <c r="S744" s="34"/>
      <c r="T744" s="34"/>
      <c r="U744" s="34"/>
      <c r="V744" s="33"/>
      <c r="W744" s="33"/>
      <c r="X744" s="33"/>
      <c r="Y744" s="33"/>
      <c r="Z744" s="33"/>
      <c r="AA744" s="33"/>
      <c r="AB744" s="33"/>
      <c r="AC744" s="33"/>
      <c r="AD744" s="33"/>
      <c r="AE744" s="33"/>
      <c r="AF744" s="33"/>
      <c r="AG744" s="33"/>
      <c r="AH744" s="33"/>
      <c r="AI744" s="33"/>
      <c r="AJ744" s="33"/>
      <c r="AK744" s="33"/>
      <c r="AL744" s="33"/>
      <c r="AM744" s="33"/>
      <c r="AN744" s="33"/>
      <c r="AO744" s="33"/>
      <c r="AP744" s="33"/>
      <c r="AQ744" s="33"/>
      <c r="AR744" s="33"/>
      <c r="AS744" s="33"/>
      <c r="AT744" s="33"/>
      <c r="AU744" s="33"/>
      <c r="AV744" s="33"/>
      <c r="AW744" s="33"/>
      <c r="AX744" s="33"/>
      <c r="DI744" s="28"/>
    </row>
    <row r="745" spans="1:113" s="23" customFormat="1" ht="14.4">
      <c r="A745" s="34"/>
      <c r="B745" s="36"/>
      <c r="C745" s="29"/>
      <c r="D745" s="29"/>
      <c r="E745" s="29"/>
      <c r="F745" s="29"/>
      <c r="G745" s="29"/>
      <c r="H745" s="29"/>
      <c r="I745" s="29"/>
      <c r="J745" s="29"/>
      <c r="K745" s="29"/>
      <c r="L745" s="30"/>
      <c r="M745" s="30"/>
      <c r="N745" s="30"/>
      <c r="O745" s="30"/>
      <c r="P745" s="29"/>
      <c r="Q745" s="29"/>
      <c r="R745" s="29"/>
      <c r="S745" s="29"/>
      <c r="T745" s="29"/>
      <c r="U745" s="29"/>
      <c r="V745" s="31"/>
      <c r="W745" s="31"/>
      <c r="X745" s="31"/>
      <c r="Y745" s="31"/>
      <c r="Z745" s="31"/>
      <c r="AA745" s="31"/>
      <c r="AB745" s="31"/>
      <c r="AC745" s="31"/>
      <c r="AD745" s="31"/>
      <c r="AE745" s="31"/>
      <c r="AF745" s="31"/>
      <c r="AG745" s="31"/>
      <c r="AH745" s="31"/>
      <c r="AI745" s="31"/>
      <c r="AJ745" s="31"/>
      <c r="AK745" s="31"/>
      <c r="AL745" s="31"/>
      <c r="AM745" s="31"/>
      <c r="AN745" s="31"/>
      <c r="AO745" s="31"/>
      <c r="AP745" s="31"/>
      <c r="AQ745" s="31"/>
      <c r="AR745" s="31"/>
      <c r="AS745" s="31"/>
      <c r="AT745" s="31"/>
      <c r="AU745" s="31"/>
      <c r="AV745" s="31"/>
      <c r="AW745" s="31"/>
      <c r="AX745" s="37"/>
    </row>
    <row r="746" spans="1:113" s="23" customFormat="1" ht="10.8" customHeight="1">
      <c r="A746" s="34"/>
      <c r="B746" s="127" t="s">
        <v>134</v>
      </c>
      <c r="C746" s="128"/>
      <c r="D746" s="128"/>
      <c r="E746" s="128"/>
      <c r="F746" s="128"/>
      <c r="G746" s="128"/>
      <c r="H746" s="128"/>
      <c r="I746" s="128"/>
      <c r="J746" s="128"/>
      <c r="K746" s="128"/>
      <c r="L746" s="128"/>
      <c r="M746" s="128"/>
      <c r="N746" s="128"/>
      <c r="O746" s="128"/>
      <c r="P746" s="128"/>
      <c r="Q746" s="128"/>
      <c r="R746" s="128"/>
      <c r="S746" s="128"/>
      <c r="T746" s="128"/>
      <c r="U746" s="128"/>
      <c r="V746" s="128"/>
      <c r="W746" s="128"/>
      <c r="X746" s="128"/>
      <c r="Y746" s="128"/>
      <c r="Z746" s="128"/>
      <c r="AA746" s="128"/>
      <c r="AB746" s="128"/>
      <c r="AC746" s="128"/>
      <c r="AD746" s="128"/>
      <c r="AE746" s="128"/>
      <c r="AF746" s="128"/>
      <c r="AG746" s="128"/>
      <c r="AH746" s="128"/>
      <c r="AI746" s="128"/>
      <c r="AJ746" s="128"/>
      <c r="AK746" s="128"/>
      <c r="AL746" s="128"/>
      <c r="AM746" s="128"/>
      <c r="AN746" s="128"/>
      <c r="AO746" s="128"/>
      <c r="AP746" s="128"/>
      <c r="AQ746" s="128"/>
      <c r="AR746" s="128"/>
      <c r="AS746" s="128"/>
      <c r="AT746" s="128"/>
      <c r="AU746" s="128"/>
      <c r="AV746" s="128"/>
      <c r="AW746" s="128"/>
      <c r="AX746" s="129"/>
    </row>
    <row r="747" spans="1:113" s="23" customFormat="1" ht="10.8" customHeight="1">
      <c r="A747" s="34"/>
      <c r="B747" s="127"/>
      <c r="C747" s="128"/>
      <c r="D747" s="128"/>
      <c r="E747" s="128"/>
      <c r="F747" s="128"/>
      <c r="G747" s="128"/>
      <c r="H747" s="128"/>
      <c r="I747" s="128"/>
      <c r="J747" s="128"/>
      <c r="K747" s="128"/>
      <c r="L747" s="128"/>
      <c r="M747" s="128"/>
      <c r="N747" s="128"/>
      <c r="O747" s="128"/>
      <c r="P747" s="128"/>
      <c r="Q747" s="128"/>
      <c r="R747" s="128"/>
      <c r="S747" s="128"/>
      <c r="T747" s="128"/>
      <c r="U747" s="128"/>
      <c r="V747" s="128"/>
      <c r="W747" s="128"/>
      <c r="X747" s="128"/>
      <c r="Y747" s="128"/>
      <c r="Z747" s="128"/>
      <c r="AA747" s="128"/>
      <c r="AB747" s="128"/>
      <c r="AC747" s="128"/>
      <c r="AD747" s="128"/>
      <c r="AE747" s="128"/>
      <c r="AF747" s="128"/>
      <c r="AG747" s="128"/>
      <c r="AH747" s="128"/>
      <c r="AI747" s="128"/>
      <c r="AJ747" s="128"/>
      <c r="AK747" s="128"/>
      <c r="AL747" s="128"/>
      <c r="AM747" s="128"/>
      <c r="AN747" s="128"/>
      <c r="AO747" s="128"/>
      <c r="AP747" s="128"/>
      <c r="AQ747" s="128"/>
      <c r="AR747" s="128"/>
      <c r="AS747" s="128"/>
      <c r="AT747" s="128"/>
      <c r="AU747" s="128"/>
      <c r="AV747" s="128"/>
      <c r="AW747" s="128"/>
      <c r="AX747" s="129"/>
      <c r="BC747" s="17"/>
    </row>
    <row r="748" spans="1:113" s="23" customFormat="1" ht="10.8" customHeight="1">
      <c r="A748" s="34"/>
      <c r="B748" s="127"/>
      <c r="C748" s="128"/>
      <c r="D748" s="128"/>
      <c r="E748" s="128"/>
      <c r="F748" s="128"/>
      <c r="G748" s="128"/>
      <c r="H748" s="128"/>
      <c r="I748" s="128"/>
      <c r="J748" s="128"/>
      <c r="K748" s="128"/>
      <c r="L748" s="128"/>
      <c r="M748" s="128"/>
      <c r="N748" s="128"/>
      <c r="O748" s="128"/>
      <c r="P748" s="128"/>
      <c r="Q748" s="128"/>
      <c r="R748" s="128"/>
      <c r="S748" s="128"/>
      <c r="T748" s="128"/>
      <c r="U748" s="128"/>
      <c r="V748" s="128"/>
      <c r="W748" s="128"/>
      <c r="X748" s="128"/>
      <c r="Y748" s="128"/>
      <c r="Z748" s="128"/>
      <c r="AA748" s="128"/>
      <c r="AB748" s="128"/>
      <c r="AC748" s="128"/>
      <c r="AD748" s="128"/>
      <c r="AE748" s="128"/>
      <c r="AF748" s="128"/>
      <c r="AG748" s="128"/>
      <c r="AH748" s="128"/>
      <c r="AI748" s="128"/>
      <c r="AJ748" s="128"/>
      <c r="AK748" s="128"/>
      <c r="AL748" s="128"/>
      <c r="AM748" s="128"/>
      <c r="AN748" s="128"/>
      <c r="AO748" s="128"/>
      <c r="AP748" s="128"/>
      <c r="AQ748" s="128"/>
      <c r="AR748" s="128"/>
      <c r="AS748" s="128"/>
      <c r="AT748" s="128"/>
      <c r="AU748" s="128"/>
      <c r="AV748" s="128"/>
      <c r="AW748" s="128"/>
      <c r="AX748" s="129"/>
    </row>
    <row r="749" spans="1:113" s="23" customFormat="1" ht="10.8" customHeight="1">
      <c r="A749" s="34"/>
      <c r="B749" s="127"/>
      <c r="C749" s="128"/>
      <c r="D749" s="128"/>
      <c r="E749" s="128"/>
      <c r="F749" s="128"/>
      <c r="G749" s="128"/>
      <c r="H749" s="128"/>
      <c r="I749" s="128"/>
      <c r="J749" s="128"/>
      <c r="K749" s="128"/>
      <c r="L749" s="128"/>
      <c r="M749" s="128"/>
      <c r="N749" s="128"/>
      <c r="O749" s="128"/>
      <c r="P749" s="128"/>
      <c r="Q749" s="128"/>
      <c r="R749" s="128"/>
      <c r="S749" s="128"/>
      <c r="T749" s="128"/>
      <c r="U749" s="128"/>
      <c r="V749" s="128"/>
      <c r="W749" s="128"/>
      <c r="X749" s="128"/>
      <c r="Y749" s="128"/>
      <c r="Z749" s="128"/>
      <c r="AA749" s="128"/>
      <c r="AB749" s="128"/>
      <c r="AC749" s="128"/>
      <c r="AD749" s="128"/>
      <c r="AE749" s="128"/>
      <c r="AF749" s="128"/>
      <c r="AG749" s="128"/>
      <c r="AH749" s="128"/>
      <c r="AI749" s="128"/>
      <c r="AJ749" s="128"/>
      <c r="AK749" s="128"/>
      <c r="AL749" s="128"/>
      <c r="AM749" s="128"/>
      <c r="AN749" s="128"/>
      <c r="AO749" s="128"/>
      <c r="AP749" s="128"/>
      <c r="AQ749" s="128"/>
      <c r="AR749" s="128"/>
      <c r="AS749" s="128"/>
      <c r="AT749" s="128"/>
      <c r="AU749" s="128"/>
      <c r="AV749" s="128"/>
      <c r="AW749" s="128"/>
      <c r="AX749" s="129"/>
    </row>
    <row r="750" spans="1:113" s="23" customFormat="1" ht="10.8" customHeight="1">
      <c r="A750" s="34"/>
      <c r="B750" s="127"/>
      <c r="C750" s="128"/>
      <c r="D750" s="128"/>
      <c r="E750" s="128"/>
      <c r="F750" s="128"/>
      <c r="G750" s="128"/>
      <c r="H750" s="128"/>
      <c r="I750" s="128"/>
      <c r="J750" s="128"/>
      <c r="K750" s="128"/>
      <c r="L750" s="128"/>
      <c r="M750" s="128"/>
      <c r="N750" s="128"/>
      <c r="O750" s="128"/>
      <c r="P750" s="128"/>
      <c r="Q750" s="128"/>
      <c r="R750" s="128"/>
      <c r="S750" s="128"/>
      <c r="T750" s="128"/>
      <c r="U750" s="128"/>
      <c r="V750" s="128"/>
      <c r="W750" s="128"/>
      <c r="X750" s="128"/>
      <c r="Y750" s="128"/>
      <c r="Z750" s="128"/>
      <c r="AA750" s="128"/>
      <c r="AB750" s="128"/>
      <c r="AC750" s="128"/>
      <c r="AD750" s="128"/>
      <c r="AE750" s="128"/>
      <c r="AF750" s="128"/>
      <c r="AG750" s="128"/>
      <c r="AH750" s="128"/>
      <c r="AI750" s="128"/>
      <c r="AJ750" s="128"/>
      <c r="AK750" s="128"/>
      <c r="AL750" s="128"/>
      <c r="AM750" s="128"/>
      <c r="AN750" s="128"/>
      <c r="AO750" s="128"/>
      <c r="AP750" s="128"/>
      <c r="AQ750" s="128"/>
      <c r="AR750" s="128"/>
      <c r="AS750" s="128"/>
      <c r="AT750" s="128"/>
      <c r="AU750" s="128"/>
      <c r="AV750" s="128"/>
      <c r="AW750" s="128"/>
      <c r="AX750" s="129"/>
    </row>
    <row r="751" spans="1:113" s="23" customFormat="1" ht="10.8" customHeight="1">
      <c r="A751" s="34"/>
      <c r="B751" s="127"/>
      <c r="C751" s="128"/>
      <c r="D751" s="128"/>
      <c r="E751" s="128"/>
      <c r="F751" s="128"/>
      <c r="G751" s="128"/>
      <c r="H751" s="128"/>
      <c r="I751" s="128"/>
      <c r="J751" s="128"/>
      <c r="K751" s="128"/>
      <c r="L751" s="128"/>
      <c r="M751" s="128"/>
      <c r="N751" s="128"/>
      <c r="O751" s="128"/>
      <c r="P751" s="128"/>
      <c r="Q751" s="128"/>
      <c r="R751" s="128"/>
      <c r="S751" s="128"/>
      <c r="T751" s="128"/>
      <c r="U751" s="128"/>
      <c r="V751" s="128"/>
      <c r="W751" s="128"/>
      <c r="X751" s="128"/>
      <c r="Y751" s="128"/>
      <c r="Z751" s="128"/>
      <c r="AA751" s="128"/>
      <c r="AB751" s="128"/>
      <c r="AC751" s="128"/>
      <c r="AD751" s="128"/>
      <c r="AE751" s="128"/>
      <c r="AF751" s="128"/>
      <c r="AG751" s="128"/>
      <c r="AH751" s="128"/>
      <c r="AI751" s="128"/>
      <c r="AJ751" s="128"/>
      <c r="AK751" s="128"/>
      <c r="AL751" s="128"/>
      <c r="AM751" s="128"/>
      <c r="AN751" s="128"/>
      <c r="AO751" s="128"/>
      <c r="AP751" s="128"/>
      <c r="AQ751" s="128"/>
      <c r="AR751" s="128"/>
      <c r="AS751" s="128"/>
      <c r="AT751" s="128"/>
      <c r="AU751" s="128"/>
      <c r="AV751" s="128"/>
      <c r="AW751" s="128"/>
      <c r="AX751" s="129"/>
    </row>
    <row r="752" spans="1:113" s="23" customFormat="1" ht="10.8" customHeight="1">
      <c r="A752" s="34"/>
      <c r="B752" s="127"/>
      <c r="C752" s="128"/>
      <c r="D752" s="128"/>
      <c r="E752" s="128"/>
      <c r="F752" s="128"/>
      <c r="G752" s="128"/>
      <c r="H752" s="128"/>
      <c r="I752" s="128"/>
      <c r="J752" s="128"/>
      <c r="K752" s="128"/>
      <c r="L752" s="128"/>
      <c r="M752" s="128"/>
      <c r="N752" s="128"/>
      <c r="O752" s="128"/>
      <c r="P752" s="128"/>
      <c r="Q752" s="128"/>
      <c r="R752" s="128"/>
      <c r="S752" s="128"/>
      <c r="T752" s="128"/>
      <c r="U752" s="128"/>
      <c r="V752" s="128"/>
      <c r="W752" s="128"/>
      <c r="X752" s="128"/>
      <c r="Y752" s="128"/>
      <c r="Z752" s="128"/>
      <c r="AA752" s="128"/>
      <c r="AB752" s="128"/>
      <c r="AC752" s="128"/>
      <c r="AD752" s="128"/>
      <c r="AE752" s="128"/>
      <c r="AF752" s="128"/>
      <c r="AG752" s="128"/>
      <c r="AH752" s="128"/>
      <c r="AI752" s="128"/>
      <c r="AJ752" s="128"/>
      <c r="AK752" s="128"/>
      <c r="AL752" s="128"/>
      <c r="AM752" s="128"/>
      <c r="AN752" s="128"/>
      <c r="AO752" s="128"/>
      <c r="AP752" s="128"/>
      <c r="AQ752" s="128"/>
      <c r="AR752" s="128"/>
      <c r="AS752" s="128"/>
      <c r="AT752" s="128"/>
      <c r="AU752" s="128"/>
      <c r="AV752" s="128"/>
      <c r="AW752" s="128"/>
      <c r="AX752" s="129"/>
    </row>
    <row r="753" spans="1:251" s="23" customFormat="1" ht="10.8" customHeight="1">
      <c r="A753" s="34"/>
      <c r="B753" s="127"/>
      <c r="C753" s="128"/>
      <c r="D753" s="128"/>
      <c r="E753" s="128"/>
      <c r="F753" s="128"/>
      <c r="G753" s="128"/>
      <c r="H753" s="128"/>
      <c r="I753" s="128"/>
      <c r="J753" s="128"/>
      <c r="K753" s="128"/>
      <c r="L753" s="128"/>
      <c r="M753" s="128"/>
      <c r="N753" s="128"/>
      <c r="O753" s="128"/>
      <c r="P753" s="128"/>
      <c r="Q753" s="128"/>
      <c r="R753" s="128"/>
      <c r="S753" s="128"/>
      <c r="T753" s="128"/>
      <c r="U753" s="128"/>
      <c r="V753" s="128"/>
      <c r="W753" s="128"/>
      <c r="X753" s="128"/>
      <c r="Y753" s="128"/>
      <c r="Z753" s="128"/>
      <c r="AA753" s="128"/>
      <c r="AB753" s="128"/>
      <c r="AC753" s="128"/>
      <c r="AD753" s="128"/>
      <c r="AE753" s="128"/>
      <c r="AF753" s="128"/>
      <c r="AG753" s="128"/>
      <c r="AH753" s="128"/>
      <c r="AI753" s="128"/>
      <c r="AJ753" s="128"/>
      <c r="AK753" s="128"/>
      <c r="AL753" s="128"/>
      <c r="AM753" s="128"/>
      <c r="AN753" s="128"/>
      <c r="AO753" s="128"/>
      <c r="AP753" s="128"/>
      <c r="AQ753" s="128"/>
      <c r="AR753" s="128"/>
      <c r="AS753" s="128"/>
      <c r="AT753" s="128"/>
      <c r="AU753" s="128"/>
      <c r="AV753" s="128"/>
      <c r="AW753" s="128"/>
      <c r="AX753" s="129"/>
    </row>
    <row r="754" spans="1:251" s="23" customFormat="1" ht="10.8" customHeight="1">
      <c r="A754" s="34"/>
      <c r="B754" s="127"/>
      <c r="C754" s="128"/>
      <c r="D754" s="128"/>
      <c r="E754" s="128"/>
      <c r="F754" s="128"/>
      <c r="G754" s="128"/>
      <c r="H754" s="128"/>
      <c r="I754" s="128"/>
      <c r="J754" s="128"/>
      <c r="K754" s="128"/>
      <c r="L754" s="128"/>
      <c r="M754" s="128"/>
      <c r="N754" s="128"/>
      <c r="O754" s="128"/>
      <c r="P754" s="128"/>
      <c r="Q754" s="128"/>
      <c r="R754" s="128"/>
      <c r="S754" s="128"/>
      <c r="T754" s="128"/>
      <c r="U754" s="128"/>
      <c r="V754" s="128"/>
      <c r="W754" s="128"/>
      <c r="X754" s="128"/>
      <c r="Y754" s="128"/>
      <c r="Z754" s="128"/>
      <c r="AA754" s="128"/>
      <c r="AB754" s="128"/>
      <c r="AC754" s="128"/>
      <c r="AD754" s="128"/>
      <c r="AE754" s="128"/>
      <c r="AF754" s="128"/>
      <c r="AG754" s="128"/>
      <c r="AH754" s="128"/>
      <c r="AI754" s="128"/>
      <c r="AJ754" s="128"/>
      <c r="AK754" s="128"/>
      <c r="AL754" s="128"/>
      <c r="AM754" s="128"/>
      <c r="AN754" s="128"/>
      <c r="AO754" s="128"/>
      <c r="AP754" s="128"/>
      <c r="AQ754" s="128"/>
      <c r="AR754" s="128"/>
      <c r="AS754" s="128"/>
      <c r="AT754" s="128"/>
      <c r="AU754" s="128"/>
      <c r="AV754" s="128"/>
      <c r="AW754" s="128"/>
      <c r="AX754" s="129"/>
    </row>
    <row r="755" spans="1:251" s="23" customFormat="1" ht="10.8" customHeight="1">
      <c r="A755" s="34"/>
      <c r="B755" s="127"/>
      <c r="C755" s="128"/>
      <c r="D755" s="128"/>
      <c r="E755" s="128"/>
      <c r="F755" s="128"/>
      <c r="G755" s="128"/>
      <c r="H755" s="128"/>
      <c r="I755" s="128"/>
      <c r="J755" s="128"/>
      <c r="K755" s="128"/>
      <c r="L755" s="128"/>
      <c r="M755" s="128"/>
      <c r="N755" s="128"/>
      <c r="O755" s="128"/>
      <c r="P755" s="128"/>
      <c r="Q755" s="128"/>
      <c r="R755" s="128"/>
      <c r="S755" s="128"/>
      <c r="T755" s="128"/>
      <c r="U755" s="128"/>
      <c r="V755" s="128"/>
      <c r="W755" s="128"/>
      <c r="X755" s="128"/>
      <c r="Y755" s="128"/>
      <c r="Z755" s="128"/>
      <c r="AA755" s="128"/>
      <c r="AB755" s="128"/>
      <c r="AC755" s="128"/>
      <c r="AD755" s="128"/>
      <c r="AE755" s="128"/>
      <c r="AF755" s="128"/>
      <c r="AG755" s="128"/>
      <c r="AH755" s="128"/>
      <c r="AI755" s="128"/>
      <c r="AJ755" s="128"/>
      <c r="AK755" s="128"/>
      <c r="AL755" s="128"/>
      <c r="AM755" s="128"/>
      <c r="AN755" s="128"/>
      <c r="AO755" s="128"/>
      <c r="AP755" s="128"/>
      <c r="AQ755" s="128"/>
      <c r="AR755" s="128"/>
      <c r="AS755" s="128"/>
      <c r="AT755" s="128"/>
      <c r="AU755" s="128"/>
      <c r="AV755" s="128"/>
      <c r="AW755" s="128"/>
      <c r="AX755" s="129"/>
    </row>
    <row r="756" spans="1:251" s="23" customFormat="1" ht="15" thickBot="1">
      <c r="A756" s="38"/>
      <c r="B756" s="39"/>
      <c r="C756" s="40"/>
      <c r="D756" s="40"/>
      <c r="E756" s="40"/>
      <c r="F756" s="40"/>
      <c r="G756" s="40"/>
      <c r="H756" s="40"/>
      <c r="I756" s="40"/>
      <c r="J756" s="40"/>
      <c r="K756" s="40"/>
      <c r="L756" s="40"/>
      <c r="M756" s="40"/>
      <c r="N756" s="40"/>
      <c r="O756" s="40"/>
      <c r="P756" s="40"/>
      <c r="Q756" s="40"/>
      <c r="R756" s="40"/>
      <c r="S756" s="40"/>
      <c r="T756" s="40"/>
      <c r="U756" s="40"/>
      <c r="V756" s="40"/>
      <c r="W756" s="40"/>
      <c r="X756" s="40"/>
      <c r="Y756" s="40"/>
      <c r="Z756" s="40"/>
      <c r="AA756" s="40"/>
      <c r="AB756" s="40"/>
      <c r="AC756" s="40"/>
      <c r="AD756" s="40"/>
      <c r="AE756" s="40"/>
      <c r="AF756" s="40"/>
      <c r="AG756" s="40"/>
      <c r="AH756" s="40"/>
      <c r="AI756" s="40"/>
      <c r="AJ756" s="40"/>
      <c r="AK756" s="40"/>
      <c r="AL756" s="40"/>
      <c r="AM756" s="40"/>
      <c r="AN756" s="40"/>
      <c r="AO756" s="40"/>
      <c r="AP756" s="40"/>
      <c r="AQ756" s="40"/>
      <c r="AR756" s="40"/>
      <c r="AS756" s="40"/>
      <c r="AT756" s="40"/>
      <c r="AU756" s="40"/>
      <c r="AV756" s="40"/>
      <c r="AW756" s="40"/>
      <c r="AX756" s="41"/>
    </row>
    <row r="757" spans="1:251" s="23" customFormat="1" ht="13.2">
      <c r="B757" s="42"/>
    </row>
    <row r="758" spans="1:251" s="23" customFormat="1" ht="14.4">
      <c r="B758" s="33" t="s">
        <v>93</v>
      </c>
      <c r="C758" s="34"/>
      <c r="D758" s="34"/>
      <c r="E758" s="34"/>
      <c r="F758" s="34"/>
      <c r="G758" s="34"/>
      <c r="H758" s="34"/>
      <c r="I758" s="34"/>
      <c r="J758" s="34"/>
      <c r="K758" s="34"/>
      <c r="L758" s="35"/>
      <c r="M758" s="35"/>
      <c r="N758" s="35"/>
      <c r="O758" s="35"/>
      <c r="P758" s="34"/>
      <c r="Q758" s="34"/>
      <c r="R758" s="34"/>
      <c r="S758" s="34"/>
      <c r="T758" s="34"/>
      <c r="U758" s="34"/>
      <c r="V758" s="33"/>
      <c r="W758" s="33"/>
      <c r="X758" s="33"/>
      <c r="Y758" s="33"/>
      <c r="Z758" s="33"/>
      <c r="AA758" s="33"/>
      <c r="AB758" s="33"/>
      <c r="AC758" s="33"/>
      <c r="AD758" s="33"/>
      <c r="AE758" s="33"/>
      <c r="AF758" s="33"/>
      <c r="AG758" s="33"/>
      <c r="AH758" s="33"/>
      <c r="AI758" s="33"/>
      <c r="AJ758" s="33"/>
      <c r="AK758" s="33"/>
      <c r="AL758" s="33"/>
      <c r="AM758" s="33"/>
      <c r="AN758" s="33"/>
      <c r="AO758" s="33"/>
      <c r="AP758" s="33"/>
      <c r="AQ758" s="33"/>
      <c r="AR758" s="33"/>
      <c r="AS758" s="33"/>
      <c r="AT758" s="33"/>
      <c r="AU758" s="33"/>
      <c r="AV758" s="33"/>
      <c r="AW758" s="33"/>
      <c r="AX758" s="33"/>
    </row>
    <row r="759" spans="1:251" s="23" customFormat="1" ht="15" thickBot="1">
      <c r="B759" s="33"/>
      <c r="C759" s="34"/>
      <c r="D759" s="34"/>
      <c r="E759" s="34"/>
      <c r="F759" s="34"/>
      <c r="G759" s="34"/>
      <c r="H759" s="34"/>
      <c r="I759" s="34"/>
      <c r="J759" s="34"/>
      <c r="K759" s="34"/>
      <c r="L759" s="35"/>
      <c r="M759" s="35"/>
      <c r="N759" s="35"/>
      <c r="O759" s="35"/>
      <c r="P759" s="34"/>
      <c r="Q759" s="34"/>
      <c r="R759" s="34"/>
      <c r="S759" s="34"/>
      <c r="T759" s="34"/>
      <c r="U759" s="34"/>
      <c r="V759" s="33"/>
      <c r="W759" s="33"/>
      <c r="X759" s="33"/>
      <c r="Y759" s="33"/>
      <c r="Z759" s="33"/>
      <c r="AA759" s="33"/>
      <c r="AB759" s="33"/>
      <c r="AC759" s="33"/>
      <c r="AD759" s="33"/>
      <c r="AE759" s="33"/>
      <c r="AF759" s="33"/>
      <c r="AG759" s="33"/>
      <c r="AH759" s="33"/>
      <c r="AI759" s="33"/>
      <c r="AJ759" s="33"/>
      <c r="AK759" s="33"/>
      <c r="AL759" s="33"/>
      <c r="AM759" s="33"/>
      <c r="AN759" s="33"/>
      <c r="AO759" s="33"/>
      <c r="AP759" s="33"/>
      <c r="AQ759" s="33"/>
      <c r="AR759" s="33"/>
      <c r="AS759" s="33"/>
      <c r="AT759" s="33"/>
      <c r="AU759" s="33"/>
      <c r="AV759" s="33"/>
      <c r="AW759" s="33"/>
      <c r="AX759" s="43" t="s">
        <v>94</v>
      </c>
    </row>
    <row r="760" spans="1:251" s="50" customFormat="1" ht="13.5" customHeight="1">
      <c r="A760" s="34"/>
      <c r="B760" s="139" t="s">
        <v>95</v>
      </c>
      <c r="C760" s="140"/>
      <c r="D760" s="140"/>
      <c r="E760" s="140"/>
      <c r="F760" s="140"/>
      <c r="G760" s="140"/>
      <c r="H760" s="140"/>
      <c r="I760" s="140"/>
      <c r="J760" s="140"/>
      <c r="K760" s="140"/>
      <c r="L760" s="140"/>
      <c r="M760" s="140"/>
      <c r="N760" s="140"/>
      <c r="O760" s="140"/>
      <c r="P760" s="140"/>
      <c r="Q760" s="140"/>
      <c r="R760" s="140"/>
      <c r="S760" s="140"/>
      <c r="T760" s="140"/>
      <c r="U760" s="140"/>
      <c r="V760" s="140"/>
      <c r="W760" s="140"/>
      <c r="X760" s="140"/>
      <c r="Y760" s="140"/>
      <c r="Z760" s="141"/>
      <c r="AA760" s="145" t="s">
        <v>116</v>
      </c>
      <c r="AB760" s="146"/>
      <c r="AC760" s="146"/>
      <c r="AD760" s="146"/>
      <c r="AE760" s="146"/>
      <c r="AF760" s="146"/>
      <c r="AG760" s="146"/>
      <c r="AH760" s="146"/>
      <c r="AI760" s="147"/>
      <c r="AJ760" s="145" t="s">
        <v>117</v>
      </c>
      <c r="AK760" s="146"/>
      <c r="AL760" s="146"/>
      <c r="AM760" s="146"/>
      <c r="AN760" s="146"/>
      <c r="AO760" s="146"/>
      <c r="AP760" s="146"/>
      <c r="AQ760" s="146"/>
      <c r="AR760" s="147"/>
      <c r="AS760" s="145" t="s">
        <v>98</v>
      </c>
      <c r="AT760" s="146"/>
      <c r="AU760" s="146"/>
      <c r="AV760" s="146"/>
      <c r="AW760" s="146"/>
      <c r="AX760" s="151"/>
      <c r="AY760" s="23"/>
      <c r="AZ760" s="23"/>
      <c r="BA760" s="23"/>
      <c r="BB760" s="23"/>
      <c r="BC760" s="23"/>
      <c r="BD760" s="23"/>
      <c r="BE760" s="23"/>
      <c r="BF760" s="23"/>
      <c r="BG760" s="23"/>
      <c r="BH760" s="23"/>
      <c r="BI760" s="23"/>
      <c r="BJ760" s="23"/>
      <c r="BK760" s="23"/>
      <c r="BL760" s="23"/>
      <c r="BM760" s="23"/>
      <c r="BN760" s="23"/>
      <c r="BO760" s="23"/>
      <c r="BP760" s="23"/>
      <c r="BQ760" s="23"/>
      <c r="BR760" s="23"/>
      <c r="BS760" s="23"/>
      <c r="BT760" s="23"/>
      <c r="BU760" s="23"/>
      <c r="BV760" s="23"/>
      <c r="BW760" s="23"/>
      <c r="BX760" s="23"/>
      <c r="BY760" s="23"/>
      <c r="BZ760" s="23"/>
      <c r="CA760" s="23"/>
      <c r="CB760" s="23"/>
      <c r="CC760" s="23"/>
      <c r="CD760" s="23"/>
      <c r="CE760" s="23"/>
      <c r="CF760" s="23"/>
      <c r="CG760" s="23"/>
      <c r="CH760" s="23"/>
      <c r="CI760" s="23"/>
      <c r="CJ760" s="23"/>
      <c r="CK760" s="23"/>
      <c r="CL760" s="23"/>
      <c r="CM760" s="23"/>
      <c r="CN760" s="23"/>
      <c r="CO760" s="23"/>
      <c r="CP760" s="23"/>
      <c r="CQ760" s="23"/>
      <c r="CR760" s="23"/>
      <c r="CS760" s="23"/>
      <c r="CT760" s="23"/>
      <c r="CU760" s="23"/>
      <c r="CV760" s="23"/>
      <c r="CW760" s="23"/>
      <c r="CX760" s="23"/>
      <c r="CY760" s="23"/>
      <c r="CZ760" s="23"/>
      <c r="DA760" s="23"/>
      <c r="DB760" s="23"/>
      <c r="DC760" s="23"/>
      <c r="DD760" s="23"/>
      <c r="DE760" s="23"/>
      <c r="DF760" s="23"/>
      <c r="DG760" s="23"/>
      <c r="DH760" s="23"/>
      <c r="DI760" s="23"/>
      <c r="DJ760" s="23"/>
      <c r="DK760" s="23"/>
      <c r="DL760" s="23"/>
      <c r="DM760" s="23"/>
      <c r="DN760" s="23"/>
      <c r="DO760" s="23"/>
      <c r="DP760" s="23"/>
      <c r="DQ760" s="23"/>
      <c r="DR760" s="23"/>
      <c r="DS760" s="23"/>
      <c r="DT760" s="23"/>
      <c r="DU760" s="23"/>
      <c r="DV760" s="23"/>
      <c r="DW760" s="23"/>
      <c r="DX760" s="23"/>
      <c r="DY760" s="23"/>
      <c r="DZ760" s="23"/>
      <c r="EA760" s="23"/>
      <c r="EB760" s="23"/>
      <c r="EC760" s="23"/>
      <c r="ED760" s="23"/>
      <c r="EE760" s="23"/>
      <c r="EF760" s="23"/>
      <c r="EG760" s="23"/>
      <c r="EH760" s="23"/>
      <c r="EI760" s="23"/>
      <c r="EJ760" s="23"/>
      <c r="EK760" s="23"/>
      <c r="EL760" s="23"/>
      <c r="EM760" s="23"/>
      <c r="EN760" s="23"/>
      <c r="EO760" s="23"/>
      <c r="EP760" s="23"/>
      <c r="EQ760" s="23"/>
      <c r="ER760" s="23"/>
      <c r="ES760" s="23"/>
      <c r="ET760" s="23"/>
      <c r="EU760" s="23"/>
      <c r="EV760" s="23"/>
      <c r="EW760" s="23"/>
      <c r="EX760" s="23"/>
      <c r="EY760" s="23"/>
      <c r="EZ760" s="23"/>
      <c r="FA760" s="23"/>
      <c r="FB760" s="23"/>
      <c r="FC760" s="23"/>
      <c r="FD760" s="23"/>
      <c r="FE760" s="23"/>
      <c r="FF760" s="23"/>
      <c r="FG760" s="23"/>
      <c r="FH760" s="23"/>
      <c r="FI760" s="23"/>
      <c r="FJ760" s="23"/>
      <c r="FK760" s="23"/>
      <c r="FL760" s="23"/>
      <c r="FM760" s="23"/>
      <c r="FN760" s="23"/>
      <c r="FO760" s="23"/>
      <c r="FP760" s="23"/>
      <c r="FQ760" s="23"/>
      <c r="FR760" s="23"/>
      <c r="FS760" s="23"/>
      <c r="FT760" s="23"/>
      <c r="FU760" s="23"/>
      <c r="FV760" s="23"/>
      <c r="FW760" s="23"/>
      <c r="FX760" s="23"/>
      <c r="FY760" s="23"/>
      <c r="FZ760" s="23"/>
      <c r="GA760" s="23"/>
      <c r="GB760" s="23"/>
      <c r="GC760" s="23"/>
      <c r="GD760" s="23"/>
      <c r="GE760" s="23"/>
      <c r="GF760" s="23"/>
      <c r="GG760" s="23"/>
      <c r="GH760" s="23"/>
      <c r="GI760" s="23"/>
      <c r="GJ760" s="23"/>
      <c r="GK760" s="23"/>
      <c r="GL760" s="23"/>
      <c r="GM760" s="23"/>
      <c r="GN760" s="23"/>
      <c r="GO760" s="23"/>
      <c r="GP760" s="23"/>
      <c r="GQ760" s="23"/>
      <c r="GR760" s="23"/>
      <c r="GS760" s="23"/>
      <c r="GT760" s="23"/>
      <c r="GU760" s="23"/>
      <c r="GV760" s="23"/>
      <c r="GW760" s="23"/>
      <c r="GX760" s="23"/>
      <c r="GY760" s="23"/>
      <c r="GZ760" s="23"/>
      <c r="HA760" s="23"/>
      <c r="HB760" s="23"/>
      <c r="HC760" s="23"/>
      <c r="HD760" s="23"/>
      <c r="HE760" s="23"/>
      <c r="HF760" s="23"/>
      <c r="HG760" s="23"/>
      <c r="HH760" s="23"/>
      <c r="HI760" s="23"/>
      <c r="HJ760" s="23"/>
      <c r="HK760" s="23"/>
      <c r="HL760" s="23"/>
      <c r="HM760" s="23"/>
      <c r="HN760" s="23"/>
      <c r="HO760" s="23"/>
      <c r="HP760" s="23"/>
      <c r="HQ760" s="23"/>
      <c r="HR760" s="23"/>
      <c r="HS760" s="23"/>
      <c r="HT760" s="23"/>
      <c r="HU760" s="23"/>
      <c r="HV760" s="23"/>
      <c r="HW760" s="23"/>
      <c r="HX760" s="23"/>
      <c r="HY760" s="23"/>
      <c r="HZ760" s="23"/>
      <c r="IA760" s="23"/>
      <c r="IB760" s="23"/>
      <c r="IC760" s="23"/>
      <c r="ID760" s="23"/>
      <c r="IE760" s="23"/>
      <c r="IF760" s="23"/>
      <c r="IG760" s="23"/>
      <c r="IH760" s="23"/>
      <c r="II760" s="23"/>
      <c r="IJ760" s="23"/>
      <c r="IK760" s="23"/>
      <c r="IL760" s="23"/>
      <c r="IM760" s="23"/>
      <c r="IN760" s="23"/>
      <c r="IO760" s="23"/>
      <c r="IP760" s="23"/>
      <c r="IQ760" s="23"/>
    </row>
    <row r="761" spans="1:251" s="50" customFormat="1">
      <c r="A761" s="34"/>
      <c r="B761" s="142"/>
      <c r="C761" s="143"/>
      <c r="D761" s="143"/>
      <c r="E761" s="143"/>
      <c r="F761" s="143"/>
      <c r="G761" s="143"/>
      <c r="H761" s="143"/>
      <c r="I761" s="143"/>
      <c r="J761" s="143"/>
      <c r="K761" s="143"/>
      <c r="L761" s="143"/>
      <c r="M761" s="143"/>
      <c r="N761" s="143"/>
      <c r="O761" s="143"/>
      <c r="P761" s="143"/>
      <c r="Q761" s="143"/>
      <c r="R761" s="143"/>
      <c r="S761" s="143"/>
      <c r="T761" s="143"/>
      <c r="U761" s="143"/>
      <c r="V761" s="143"/>
      <c r="W761" s="143"/>
      <c r="X761" s="143"/>
      <c r="Y761" s="143"/>
      <c r="Z761" s="144"/>
      <c r="AA761" s="148"/>
      <c r="AB761" s="149"/>
      <c r="AC761" s="149"/>
      <c r="AD761" s="149"/>
      <c r="AE761" s="149"/>
      <c r="AF761" s="149"/>
      <c r="AG761" s="149"/>
      <c r="AH761" s="149"/>
      <c r="AI761" s="150"/>
      <c r="AJ761" s="148"/>
      <c r="AK761" s="149"/>
      <c r="AL761" s="149"/>
      <c r="AM761" s="149"/>
      <c r="AN761" s="149"/>
      <c r="AO761" s="149"/>
      <c r="AP761" s="149"/>
      <c r="AQ761" s="149"/>
      <c r="AR761" s="150"/>
      <c r="AS761" s="148"/>
      <c r="AT761" s="149"/>
      <c r="AU761" s="149"/>
      <c r="AV761" s="149"/>
      <c r="AW761" s="149"/>
      <c r="AX761" s="152"/>
      <c r="AY761" s="23"/>
      <c r="AZ761" s="23"/>
      <c r="BA761" s="23"/>
      <c r="BB761"/>
      <c r="BC761" s="45"/>
      <c r="BE761" s="23"/>
      <c r="BF761" s="23"/>
      <c r="BG761" s="23"/>
      <c r="BH761" s="23"/>
      <c r="BI761" s="23"/>
      <c r="BJ761" s="23"/>
      <c r="BK761" s="23"/>
      <c r="BL761" s="23"/>
      <c r="BM761" s="23"/>
      <c r="BN761" s="23"/>
      <c r="BO761" s="23"/>
      <c r="BP761" s="23"/>
      <c r="BQ761" s="23"/>
      <c r="BR761" s="23"/>
      <c r="BS761" s="23"/>
      <c r="BT761" s="23"/>
      <c r="BU761" s="23"/>
      <c r="BV761" s="23"/>
      <c r="BW761" s="23"/>
      <c r="BX761" s="23"/>
      <c r="BY761" s="23"/>
      <c r="BZ761" s="23"/>
      <c r="CA761" s="23"/>
      <c r="CB761" s="23"/>
      <c r="CC761" s="23"/>
      <c r="CD761" s="23"/>
      <c r="CE761" s="23"/>
      <c r="CF761" s="23"/>
      <c r="CG761" s="23"/>
      <c r="CH761" s="23"/>
      <c r="CI761" s="23"/>
      <c r="CJ761" s="23"/>
      <c r="CK761" s="23"/>
      <c r="CL761" s="23"/>
      <c r="CM761" s="23"/>
      <c r="CN761" s="23"/>
      <c r="CO761" s="23"/>
      <c r="CP761" s="23"/>
      <c r="CQ761" s="23"/>
      <c r="CR761" s="23"/>
      <c r="CS761" s="23"/>
      <c r="CT761" s="23"/>
      <c r="CU761" s="23"/>
      <c r="CV761" s="23"/>
      <c r="CW761" s="23"/>
      <c r="CX761" s="23"/>
      <c r="CY761" s="23"/>
      <c r="CZ761" s="23"/>
      <c r="DA761" s="23"/>
      <c r="DB761" s="23"/>
      <c r="DC761" s="23"/>
      <c r="DD761" s="23"/>
      <c r="DE761" s="23"/>
      <c r="DF761" s="23"/>
      <c r="DG761" s="23"/>
      <c r="DH761" s="23"/>
      <c r="DI761" s="23"/>
      <c r="DJ761" s="23"/>
      <c r="DK761" s="23"/>
      <c r="DL761" s="23"/>
      <c r="DM761" s="23"/>
      <c r="DN761" s="23"/>
      <c r="DO761" s="23"/>
      <c r="DP761" s="23"/>
      <c r="DQ761" s="23"/>
      <c r="DR761" s="23"/>
      <c r="DS761" s="23"/>
      <c r="DT761" s="23"/>
      <c r="DU761" s="23"/>
      <c r="DV761" s="23"/>
      <c r="DW761" s="23"/>
      <c r="DX761" s="23"/>
      <c r="DY761" s="23"/>
      <c r="DZ761" s="23"/>
      <c r="EA761" s="23"/>
      <c r="EB761" s="23"/>
      <c r="EC761" s="23"/>
      <c r="ED761" s="23"/>
      <c r="EE761" s="23"/>
      <c r="EF761" s="23"/>
      <c r="EG761" s="23"/>
      <c r="EH761" s="23"/>
      <c r="EI761" s="23"/>
      <c r="EJ761" s="23"/>
      <c r="EK761" s="23"/>
      <c r="EL761" s="23"/>
      <c r="EM761" s="23"/>
      <c r="EN761" s="23"/>
      <c r="EO761" s="23"/>
      <c r="EP761" s="23"/>
      <c r="EQ761" s="23"/>
      <c r="ER761" s="23"/>
      <c r="ES761" s="23"/>
      <c r="ET761" s="23"/>
      <c r="EU761" s="23"/>
      <c r="EV761" s="23"/>
      <c r="EW761" s="23"/>
      <c r="EX761" s="23"/>
      <c r="EY761" s="23"/>
      <c r="EZ761" s="23"/>
      <c r="FA761" s="23"/>
      <c r="FB761" s="23"/>
      <c r="FC761" s="23"/>
      <c r="FD761" s="23"/>
      <c r="FE761" s="23"/>
      <c r="FF761" s="23"/>
      <c r="FG761" s="23"/>
      <c r="FH761" s="23"/>
      <c r="FI761" s="23"/>
      <c r="FJ761" s="23"/>
      <c r="FK761" s="23"/>
      <c r="FL761" s="23"/>
      <c r="FM761" s="23"/>
      <c r="FN761" s="23"/>
      <c r="FO761" s="23"/>
      <c r="FP761" s="23"/>
      <c r="FQ761" s="23"/>
      <c r="FR761" s="23"/>
      <c r="FS761" s="23"/>
      <c r="FT761" s="23"/>
      <c r="FU761" s="23"/>
      <c r="FV761" s="23"/>
      <c r="FW761" s="23"/>
      <c r="FX761" s="23"/>
      <c r="FY761" s="23"/>
      <c r="FZ761" s="23"/>
      <c r="GA761" s="23"/>
      <c r="GB761" s="23"/>
      <c r="GC761" s="23"/>
      <c r="GD761" s="23"/>
      <c r="GE761" s="23"/>
      <c r="GF761" s="23"/>
      <c r="GG761" s="23"/>
      <c r="GH761" s="23"/>
      <c r="GI761" s="23"/>
      <c r="GJ761" s="23"/>
      <c r="GK761" s="23"/>
      <c r="GL761" s="23"/>
      <c r="GM761" s="23"/>
      <c r="GN761" s="23"/>
      <c r="GO761" s="23"/>
      <c r="GP761" s="23"/>
      <c r="GQ761" s="23"/>
      <c r="GR761" s="23"/>
      <c r="GS761" s="23"/>
      <c r="GT761" s="23"/>
      <c r="GU761" s="23"/>
      <c r="GV761" s="23"/>
      <c r="GW761" s="23"/>
      <c r="GX761" s="23"/>
      <c r="GY761" s="23"/>
      <c r="GZ761" s="23"/>
      <c r="HA761" s="23"/>
      <c r="HB761" s="23"/>
      <c r="HC761" s="23"/>
      <c r="HD761" s="23"/>
      <c r="HE761" s="23"/>
      <c r="HF761" s="23"/>
      <c r="HG761" s="23"/>
      <c r="HH761" s="23"/>
      <c r="HI761" s="23"/>
      <c r="HJ761" s="23"/>
      <c r="HK761" s="23"/>
      <c r="HL761" s="23"/>
      <c r="HM761" s="23"/>
      <c r="HN761" s="23"/>
      <c r="HO761" s="23"/>
      <c r="HP761" s="23"/>
      <c r="HQ761" s="23"/>
      <c r="HR761" s="23"/>
      <c r="HS761" s="23"/>
      <c r="HT761" s="23"/>
      <c r="HU761" s="23"/>
      <c r="HV761" s="23"/>
      <c r="HW761" s="23"/>
      <c r="HX761" s="23"/>
      <c r="HY761" s="23"/>
      <c r="HZ761" s="23"/>
      <c r="IA761" s="23"/>
      <c r="IB761" s="23"/>
      <c r="IC761" s="23"/>
      <c r="ID761" s="23"/>
      <c r="IE761" s="23"/>
      <c r="IF761" s="23"/>
      <c r="IG761" s="23"/>
      <c r="IH761" s="23"/>
      <c r="II761" s="23"/>
      <c r="IJ761" s="23"/>
      <c r="IK761" s="23"/>
      <c r="IL761" s="23"/>
      <c r="IM761" s="23"/>
      <c r="IN761" s="23"/>
      <c r="IO761" s="23"/>
      <c r="IP761" s="23"/>
      <c r="IQ761" s="23"/>
    </row>
    <row r="762" spans="1:251" s="50" customFormat="1" ht="18.75" customHeight="1">
      <c r="A762" s="34"/>
      <c r="B762" s="46"/>
      <c r="C762" s="130" t="s">
        <v>135</v>
      </c>
      <c r="D762" s="130"/>
      <c r="E762" s="130"/>
      <c r="F762" s="130"/>
      <c r="G762" s="130"/>
      <c r="H762" s="130"/>
      <c r="I762" s="130"/>
      <c r="J762" s="130"/>
      <c r="K762" s="130"/>
      <c r="L762" s="130"/>
      <c r="M762" s="130"/>
      <c r="N762" s="130"/>
      <c r="O762" s="130"/>
      <c r="P762" s="130"/>
      <c r="Q762" s="130"/>
      <c r="R762" s="130"/>
      <c r="S762" s="130"/>
      <c r="T762" s="130"/>
      <c r="U762" s="130"/>
      <c r="V762" s="130"/>
      <c r="W762" s="130"/>
      <c r="X762" s="130"/>
      <c r="Y762" s="130"/>
      <c r="Z762" s="131"/>
      <c r="AA762" s="132">
        <v>11773</v>
      </c>
      <c r="AB762" s="133"/>
      <c r="AC762" s="133"/>
      <c r="AD762" s="133"/>
      <c r="AE762" s="133"/>
      <c r="AF762" s="133"/>
      <c r="AG762" s="133"/>
      <c r="AH762" s="133"/>
      <c r="AI762" s="134"/>
      <c r="AJ762" s="132">
        <v>1322</v>
      </c>
      <c r="AK762" s="133"/>
      <c r="AL762" s="133"/>
      <c r="AM762" s="133"/>
      <c r="AN762" s="133"/>
      <c r="AO762" s="133"/>
      <c r="AP762" s="133"/>
      <c r="AQ762" s="133"/>
      <c r="AR762" s="134"/>
      <c r="AS762" s="132"/>
      <c r="AT762" s="133"/>
      <c r="AU762" s="133"/>
      <c r="AV762" s="133"/>
      <c r="AW762" s="133"/>
      <c r="AX762" s="135"/>
      <c r="AY762" s="23"/>
      <c r="AZ762" s="23"/>
      <c r="BA762" s="23"/>
      <c r="BB762" s="23"/>
      <c r="BC762" s="23"/>
      <c r="BD762" s="23"/>
      <c r="BE762" s="23"/>
      <c r="BF762" s="23"/>
      <c r="BG762" s="23"/>
      <c r="BH762" s="23"/>
      <c r="BI762" s="23"/>
      <c r="BJ762" s="23"/>
      <c r="BK762" s="23"/>
      <c r="BL762" s="23"/>
      <c r="BM762" s="23"/>
      <c r="BN762" s="23"/>
      <c r="BO762" s="23"/>
      <c r="BP762" s="23"/>
      <c r="BQ762" s="23"/>
      <c r="BR762" s="23"/>
      <c r="BS762" s="23"/>
      <c r="BT762" s="23"/>
      <c r="BU762" s="23"/>
      <c r="BV762" s="23"/>
      <c r="BW762" s="23"/>
      <c r="BX762" s="23"/>
      <c r="BY762" s="23"/>
      <c r="BZ762" s="23"/>
      <c r="CA762" s="23"/>
      <c r="CB762" s="23"/>
      <c r="CC762" s="23"/>
      <c r="CD762" s="23"/>
      <c r="CE762" s="23"/>
      <c r="CF762" s="23"/>
      <c r="CG762" s="23"/>
      <c r="CH762" s="23"/>
      <c r="CI762" s="23"/>
      <c r="CJ762" s="23"/>
      <c r="CK762" s="23"/>
      <c r="CL762" s="23"/>
      <c r="CM762" s="23"/>
      <c r="CN762" s="23"/>
      <c r="CO762" s="23"/>
      <c r="CP762" s="23"/>
      <c r="CQ762" s="23"/>
      <c r="CR762" s="23"/>
      <c r="CS762" s="23"/>
      <c r="CT762" s="23"/>
      <c r="CU762" s="23"/>
      <c r="CV762" s="23"/>
      <c r="CW762" s="23"/>
      <c r="CX762" s="23"/>
      <c r="CY762" s="23"/>
      <c r="CZ762" s="23"/>
      <c r="DA762" s="23"/>
      <c r="DB762" s="23"/>
      <c r="DC762" s="23"/>
      <c r="DD762" s="23"/>
      <c r="DE762" s="23"/>
      <c r="DF762" s="23"/>
      <c r="DG762" s="23"/>
      <c r="DH762" s="23"/>
      <c r="DI762" s="23"/>
      <c r="DJ762" s="23"/>
      <c r="DK762" s="23"/>
      <c r="DL762" s="23"/>
      <c r="DM762" s="23"/>
      <c r="DN762" s="23"/>
      <c r="DO762" s="23"/>
      <c r="DP762" s="23"/>
      <c r="DQ762" s="23"/>
      <c r="DR762" s="23"/>
      <c r="DS762" s="23"/>
      <c r="DT762" s="23"/>
      <c r="DU762" s="23"/>
      <c r="DV762" s="23"/>
      <c r="DW762" s="23"/>
      <c r="DX762" s="23"/>
      <c r="DY762" s="23"/>
      <c r="DZ762" s="23"/>
      <c r="EA762" s="23"/>
      <c r="EB762" s="23"/>
      <c r="EC762" s="23"/>
      <c r="ED762" s="23"/>
      <c r="EE762" s="23"/>
      <c r="EF762" s="23"/>
      <c r="EG762" s="23"/>
      <c r="EH762" s="23"/>
      <c r="EI762" s="23"/>
      <c r="EJ762" s="23"/>
      <c r="EK762" s="23"/>
      <c r="EL762" s="23"/>
      <c r="EM762" s="23"/>
      <c r="EN762" s="23"/>
      <c r="EO762" s="23"/>
      <c r="EP762" s="23"/>
      <c r="EQ762" s="23"/>
      <c r="ER762" s="23"/>
      <c r="ES762" s="23"/>
      <c r="ET762" s="23"/>
      <c r="EU762" s="23"/>
      <c r="EV762" s="23"/>
      <c r="EW762" s="23"/>
      <c r="EX762" s="23"/>
      <c r="EY762" s="23"/>
      <c r="EZ762" s="23"/>
      <c r="FA762" s="23"/>
      <c r="FB762" s="23"/>
      <c r="FC762" s="23"/>
      <c r="FD762" s="23"/>
      <c r="FE762" s="23"/>
      <c r="FF762" s="23"/>
      <c r="FG762" s="23"/>
      <c r="FH762" s="23"/>
      <c r="FI762" s="23"/>
      <c r="FJ762" s="23"/>
      <c r="FK762" s="23"/>
      <c r="FL762" s="23"/>
      <c r="FM762" s="23"/>
      <c r="FN762" s="23"/>
      <c r="FO762" s="23"/>
      <c r="FP762" s="23"/>
      <c r="FQ762" s="23"/>
      <c r="FR762" s="23"/>
      <c r="FS762" s="23"/>
      <c r="FT762" s="23"/>
      <c r="FU762" s="23"/>
      <c r="FV762" s="23"/>
      <c r="FW762" s="23"/>
      <c r="FX762" s="23"/>
      <c r="FY762" s="23"/>
      <c r="FZ762" s="23"/>
      <c r="GA762" s="23"/>
      <c r="GB762" s="23"/>
      <c r="GC762" s="23"/>
      <c r="GD762" s="23"/>
      <c r="GE762" s="23"/>
      <c r="GF762" s="23"/>
      <c r="GG762" s="23"/>
      <c r="GH762" s="23"/>
      <c r="GI762" s="23"/>
      <c r="GJ762" s="23"/>
      <c r="GK762" s="23"/>
      <c r="GL762" s="23"/>
      <c r="GM762" s="23"/>
      <c r="GN762" s="23"/>
      <c r="GO762" s="23"/>
      <c r="GP762" s="23"/>
      <c r="GQ762" s="23"/>
      <c r="GR762" s="23"/>
      <c r="GS762" s="23"/>
      <c r="GT762" s="23"/>
      <c r="GU762" s="23"/>
      <c r="GV762" s="23"/>
      <c r="GW762" s="23"/>
      <c r="GX762" s="23"/>
      <c r="GY762" s="23"/>
      <c r="GZ762" s="23"/>
      <c r="HA762" s="23"/>
      <c r="HB762" s="23"/>
      <c r="HC762" s="23"/>
      <c r="HD762" s="23"/>
      <c r="HE762" s="23"/>
      <c r="HF762" s="23"/>
      <c r="HG762" s="23"/>
      <c r="HH762" s="23"/>
      <c r="HI762" s="23"/>
      <c r="HJ762" s="23"/>
      <c r="HK762" s="23"/>
      <c r="HL762" s="23"/>
      <c r="HM762" s="23"/>
      <c r="HN762" s="23"/>
      <c r="HO762" s="23"/>
      <c r="HP762" s="23"/>
      <c r="HQ762" s="23"/>
      <c r="HR762" s="23"/>
      <c r="HS762" s="23"/>
      <c r="HT762" s="23"/>
      <c r="HU762" s="23"/>
      <c r="HV762" s="23"/>
      <c r="HW762" s="23"/>
      <c r="HX762" s="23"/>
      <c r="HY762" s="23"/>
      <c r="HZ762" s="23"/>
      <c r="IA762" s="23"/>
      <c r="IB762" s="23"/>
      <c r="IC762" s="23"/>
      <c r="ID762" s="23"/>
      <c r="IE762" s="23"/>
      <c r="IF762" s="23"/>
      <c r="IG762" s="23"/>
      <c r="IH762" s="23"/>
      <c r="II762" s="23"/>
      <c r="IJ762" s="23"/>
      <c r="IK762" s="23"/>
      <c r="IL762" s="23"/>
      <c r="IM762" s="23"/>
      <c r="IN762" s="23"/>
      <c r="IO762" s="23"/>
      <c r="IP762" s="23"/>
      <c r="IQ762" s="23"/>
    </row>
    <row r="763" spans="1:251" s="50" customFormat="1" ht="18.75" customHeight="1">
      <c r="A763" s="34"/>
      <c r="B763" s="47"/>
      <c r="C763" s="130" t="s">
        <v>169</v>
      </c>
      <c r="D763" s="130"/>
      <c r="E763" s="130"/>
      <c r="F763" s="130"/>
      <c r="G763" s="130"/>
      <c r="H763" s="130"/>
      <c r="I763" s="130"/>
      <c r="J763" s="130"/>
      <c r="K763" s="130"/>
      <c r="L763" s="130"/>
      <c r="M763" s="130"/>
      <c r="N763" s="130"/>
      <c r="O763" s="130"/>
      <c r="P763" s="130"/>
      <c r="Q763" s="130"/>
      <c r="R763" s="130"/>
      <c r="S763" s="130"/>
      <c r="T763" s="130"/>
      <c r="U763" s="130"/>
      <c r="V763" s="130"/>
      <c r="W763" s="130"/>
      <c r="X763" s="130"/>
      <c r="Y763" s="130"/>
      <c r="Z763" s="131"/>
      <c r="AA763" s="132">
        <v>3321</v>
      </c>
      <c r="AB763" s="133"/>
      <c r="AC763" s="133"/>
      <c r="AD763" s="133"/>
      <c r="AE763" s="133"/>
      <c r="AF763" s="133"/>
      <c r="AG763" s="133"/>
      <c r="AH763" s="133"/>
      <c r="AI763" s="134"/>
      <c r="AJ763" s="132">
        <v>373</v>
      </c>
      <c r="AK763" s="133"/>
      <c r="AL763" s="133"/>
      <c r="AM763" s="133"/>
      <c r="AN763" s="133"/>
      <c r="AO763" s="133"/>
      <c r="AP763" s="133"/>
      <c r="AQ763" s="133"/>
      <c r="AR763" s="134"/>
      <c r="AS763" s="132"/>
      <c r="AT763" s="133"/>
      <c r="AU763" s="133"/>
      <c r="AV763" s="133"/>
      <c r="AW763" s="133"/>
      <c r="AX763" s="135"/>
      <c r="AY763" s="23"/>
      <c r="AZ763" s="23"/>
      <c r="BA763" s="23"/>
      <c r="BB763" s="23"/>
      <c r="BC763" s="23"/>
      <c r="BD763" s="23"/>
      <c r="BE763" s="23"/>
      <c r="BF763" s="23"/>
      <c r="BG763" s="23"/>
      <c r="BH763" s="23"/>
      <c r="BI763" s="23"/>
      <c r="BJ763" s="23"/>
      <c r="BK763" s="23"/>
      <c r="BL763" s="23"/>
      <c r="BM763" s="23"/>
      <c r="BN763" s="23"/>
      <c r="BO763" s="23"/>
      <c r="BP763" s="23"/>
      <c r="BQ763" s="23"/>
      <c r="BR763" s="23"/>
      <c r="BS763" s="23"/>
      <c r="BT763" s="23"/>
      <c r="BU763" s="23"/>
      <c r="BV763" s="23"/>
      <c r="BW763" s="23"/>
      <c r="BX763" s="23"/>
      <c r="BY763" s="23"/>
      <c r="BZ763" s="23"/>
      <c r="CA763" s="23"/>
      <c r="CB763" s="23"/>
      <c r="CC763" s="23"/>
      <c r="CD763" s="23"/>
      <c r="CE763" s="23"/>
      <c r="CF763" s="23"/>
      <c r="CG763" s="23"/>
      <c r="CH763" s="23"/>
      <c r="CI763" s="23"/>
      <c r="CJ763" s="23"/>
      <c r="CK763" s="23"/>
      <c r="CL763" s="23"/>
      <c r="CM763" s="23"/>
      <c r="CN763" s="23"/>
      <c r="CO763" s="23"/>
      <c r="CP763" s="23"/>
      <c r="CQ763" s="23"/>
      <c r="CR763" s="23"/>
      <c r="CS763" s="23"/>
      <c r="CT763" s="23"/>
      <c r="CU763" s="23"/>
      <c r="CV763" s="23"/>
      <c r="CW763" s="23"/>
      <c r="CX763" s="23"/>
      <c r="CY763" s="23"/>
      <c r="CZ763" s="23"/>
      <c r="DA763" s="23"/>
      <c r="DB763" s="23"/>
      <c r="DC763" s="23"/>
      <c r="DD763" s="23"/>
      <c r="DE763" s="23"/>
      <c r="DF763" s="23"/>
      <c r="DG763" s="23"/>
      <c r="DH763" s="23"/>
      <c r="DI763" s="23"/>
      <c r="DJ763" s="23"/>
      <c r="DK763" s="23"/>
      <c r="DL763" s="23"/>
      <c r="DM763" s="23"/>
      <c r="DN763" s="23"/>
      <c r="DO763" s="23"/>
      <c r="DP763" s="23"/>
      <c r="DQ763" s="23"/>
      <c r="DR763" s="23"/>
      <c r="DS763" s="23"/>
      <c r="DT763" s="23"/>
      <c r="DU763" s="23"/>
      <c r="DV763" s="23"/>
      <c r="DW763" s="23"/>
      <c r="DX763" s="23"/>
      <c r="DY763" s="23"/>
      <c r="DZ763" s="23"/>
      <c r="EA763" s="23"/>
      <c r="EB763" s="23"/>
      <c r="EC763" s="23"/>
      <c r="ED763" s="23"/>
      <c r="EE763" s="23"/>
      <c r="EF763" s="23"/>
      <c r="EG763" s="23"/>
      <c r="EH763" s="23"/>
      <c r="EI763" s="23"/>
      <c r="EJ763" s="23"/>
      <c r="EK763" s="23"/>
      <c r="EL763" s="23"/>
      <c r="EM763" s="23"/>
      <c r="EN763" s="23"/>
      <c r="EO763" s="23"/>
      <c r="EP763" s="23"/>
      <c r="EQ763" s="23"/>
      <c r="ER763" s="23"/>
      <c r="ES763" s="23"/>
      <c r="ET763" s="23"/>
      <c r="EU763" s="23"/>
      <c r="EV763" s="23"/>
      <c r="EW763" s="23"/>
      <c r="EX763" s="23"/>
      <c r="EY763" s="23"/>
      <c r="EZ763" s="23"/>
      <c r="FA763" s="23"/>
      <c r="FB763" s="23"/>
      <c r="FC763" s="23"/>
      <c r="FD763" s="23"/>
      <c r="FE763" s="23"/>
      <c r="FF763" s="23"/>
      <c r="FG763" s="23"/>
      <c r="FH763" s="23"/>
      <c r="FI763" s="23"/>
      <c r="FJ763" s="23"/>
      <c r="FK763" s="23"/>
      <c r="FL763" s="23"/>
      <c r="FM763" s="23"/>
      <c r="FN763" s="23"/>
      <c r="FO763" s="23"/>
      <c r="FP763" s="23"/>
      <c r="FQ763" s="23"/>
      <c r="FR763" s="23"/>
      <c r="FS763" s="23"/>
      <c r="FT763" s="23"/>
      <c r="FU763" s="23"/>
      <c r="FV763" s="23"/>
      <c r="FW763" s="23"/>
      <c r="FX763" s="23"/>
      <c r="FY763" s="23"/>
      <c r="FZ763" s="23"/>
      <c r="GA763" s="23"/>
      <c r="GB763" s="23"/>
      <c r="GC763" s="23"/>
      <c r="GD763" s="23"/>
      <c r="GE763" s="23"/>
      <c r="GF763" s="23"/>
      <c r="GG763" s="23"/>
      <c r="GH763" s="23"/>
      <c r="GI763" s="23"/>
      <c r="GJ763" s="23"/>
      <c r="GK763" s="23"/>
      <c r="GL763" s="23"/>
      <c r="GM763" s="23"/>
      <c r="GN763" s="23"/>
      <c r="GO763" s="23"/>
      <c r="GP763" s="23"/>
      <c r="GQ763" s="23"/>
      <c r="GR763" s="23"/>
      <c r="GS763" s="23"/>
      <c r="GT763" s="23"/>
      <c r="GU763" s="23"/>
      <c r="GV763" s="23"/>
      <c r="GW763" s="23"/>
      <c r="GX763" s="23"/>
      <c r="GY763" s="23"/>
      <c r="GZ763" s="23"/>
      <c r="HA763" s="23"/>
      <c r="HB763" s="23"/>
      <c r="HC763" s="23"/>
      <c r="HD763" s="23"/>
      <c r="HE763" s="23"/>
      <c r="HF763" s="23"/>
      <c r="HG763" s="23"/>
      <c r="HH763" s="23"/>
      <c r="HI763" s="23"/>
      <c r="HJ763" s="23"/>
      <c r="HK763" s="23"/>
      <c r="HL763" s="23"/>
      <c r="HM763" s="23"/>
      <c r="HN763" s="23"/>
      <c r="HO763" s="23"/>
      <c r="HP763" s="23"/>
      <c r="HQ763" s="23"/>
      <c r="HR763" s="23"/>
      <c r="HS763" s="23"/>
      <c r="HT763" s="23"/>
      <c r="HU763" s="23"/>
      <c r="HV763" s="23"/>
      <c r="HW763" s="23"/>
      <c r="HX763" s="23"/>
      <c r="HY763" s="23"/>
      <c r="HZ763" s="23"/>
      <c r="IA763" s="23"/>
      <c r="IB763" s="23"/>
      <c r="IC763" s="23"/>
      <c r="ID763" s="23"/>
      <c r="IE763" s="23"/>
      <c r="IF763" s="23"/>
      <c r="IG763" s="23"/>
      <c r="IH763" s="23"/>
      <c r="II763" s="23"/>
      <c r="IJ763" s="23"/>
      <c r="IK763" s="23"/>
      <c r="IL763" s="23"/>
      <c r="IM763" s="23"/>
      <c r="IN763" s="23"/>
      <c r="IO763" s="23"/>
      <c r="IP763" s="23"/>
      <c r="IQ763" s="23"/>
    </row>
    <row r="764" spans="1:251" s="50" customFormat="1" ht="18.75" customHeight="1">
      <c r="A764" s="34"/>
      <c r="B764" s="47"/>
      <c r="C764" s="130"/>
      <c r="D764" s="130"/>
      <c r="E764" s="130"/>
      <c r="F764" s="130"/>
      <c r="G764" s="130"/>
      <c r="H764" s="130"/>
      <c r="I764" s="130"/>
      <c r="J764" s="130"/>
      <c r="K764" s="130"/>
      <c r="L764" s="130"/>
      <c r="M764" s="130"/>
      <c r="N764" s="130"/>
      <c r="O764" s="130"/>
      <c r="P764" s="130"/>
      <c r="Q764" s="130"/>
      <c r="R764" s="130"/>
      <c r="S764" s="130"/>
      <c r="T764" s="130"/>
      <c r="U764" s="130"/>
      <c r="V764" s="130"/>
      <c r="W764" s="130"/>
      <c r="X764" s="130"/>
      <c r="Y764" s="130"/>
      <c r="Z764" s="131"/>
      <c r="AA764" s="132"/>
      <c r="AB764" s="133"/>
      <c r="AC764" s="133"/>
      <c r="AD764" s="133"/>
      <c r="AE764" s="133"/>
      <c r="AF764" s="133"/>
      <c r="AG764" s="133"/>
      <c r="AH764" s="133"/>
      <c r="AI764" s="134"/>
      <c r="AJ764" s="132"/>
      <c r="AK764" s="133"/>
      <c r="AL764" s="133"/>
      <c r="AM764" s="133"/>
      <c r="AN764" s="133"/>
      <c r="AO764" s="133"/>
      <c r="AP764" s="133"/>
      <c r="AQ764" s="133"/>
      <c r="AR764" s="134"/>
      <c r="AS764" s="132"/>
      <c r="AT764" s="133"/>
      <c r="AU764" s="133"/>
      <c r="AV764" s="133"/>
      <c r="AW764" s="133"/>
      <c r="AX764" s="135"/>
      <c r="AY764" s="23"/>
      <c r="AZ764" s="23"/>
      <c r="BA764" s="23"/>
      <c r="BB764" s="23"/>
      <c r="BC764" s="23"/>
      <c r="BD764" s="23"/>
      <c r="BE764" s="23"/>
      <c r="BF764" s="23"/>
      <c r="BG764" s="23"/>
      <c r="BH764" s="23"/>
      <c r="BI764" s="23"/>
      <c r="BJ764" s="23"/>
      <c r="BK764" s="23"/>
      <c r="BL764" s="23"/>
      <c r="BM764" s="23"/>
      <c r="BN764" s="23"/>
      <c r="BO764" s="23"/>
      <c r="BP764" s="23"/>
      <c r="BQ764" s="23"/>
      <c r="BR764" s="23"/>
      <c r="BS764" s="23"/>
      <c r="BT764" s="23"/>
      <c r="BU764" s="23"/>
      <c r="BV764" s="23"/>
      <c r="BW764" s="23"/>
      <c r="BX764" s="23"/>
      <c r="BY764" s="23"/>
      <c r="BZ764" s="23"/>
      <c r="CA764" s="23"/>
      <c r="CB764" s="23"/>
      <c r="CC764" s="23"/>
      <c r="CD764" s="23"/>
      <c r="CE764" s="23"/>
      <c r="CF764" s="23"/>
      <c r="CG764" s="23"/>
      <c r="CH764" s="23"/>
      <c r="CI764" s="23"/>
      <c r="CJ764" s="23"/>
      <c r="CK764" s="23"/>
      <c r="CL764" s="23"/>
      <c r="CM764" s="23"/>
      <c r="CN764" s="23"/>
      <c r="CO764" s="23"/>
      <c r="CP764" s="23"/>
      <c r="CQ764" s="23"/>
      <c r="CR764" s="23"/>
      <c r="CS764" s="23"/>
      <c r="CT764" s="23"/>
      <c r="CU764" s="23"/>
      <c r="CV764" s="23"/>
      <c r="CW764" s="23"/>
      <c r="CX764" s="23"/>
      <c r="CY764" s="23"/>
      <c r="CZ764" s="23"/>
      <c r="DA764" s="23"/>
      <c r="DB764" s="23"/>
      <c r="DC764" s="23"/>
      <c r="DD764" s="23"/>
      <c r="DE764" s="23"/>
      <c r="DF764" s="23"/>
      <c r="DG764" s="23"/>
      <c r="DH764" s="23"/>
      <c r="DI764" s="23"/>
      <c r="DJ764" s="23"/>
      <c r="DK764" s="23"/>
      <c r="DL764" s="23"/>
      <c r="DM764" s="23"/>
      <c r="DN764" s="23"/>
      <c r="DO764" s="23"/>
      <c r="DP764" s="23"/>
      <c r="DQ764" s="23"/>
      <c r="DR764" s="23"/>
      <c r="DS764" s="23"/>
      <c r="DT764" s="23"/>
      <c r="DU764" s="23"/>
      <c r="DV764" s="23"/>
      <c r="DW764" s="23"/>
      <c r="DX764" s="23"/>
      <c r="DY764" s="23"/>
      <c r="DZ764" s="23"/>
      <c r="EA764" s="23"/>
      <c r="EB764" s="23"/>
      <c r="EC764" s="23"/>
      <c r="ED764" s="23"/>
      <c r="EE764" s="23"/>
      <c r="EF764" s="23"/>
      <c r="EG764" s="23"/>
      <c r="EH764" s="23"/>
      <c r="EI764" s="23"/>
      <c r="EJ764" s="23"/>
      <c r="EK764" s="23"/>
      <c r="EL764" s="23"/>
      <c r="EM764" s="23"/>
      <c r="EN764" s="23"/>
      <c r="EO764" s="23"/>
      <c r="EP764" s="23"/>
      <c r="EQ764" s="23"/>
      <c r="ER764" s="23"/>
      <c r="ES764" s="23"/>
      <c r="ET764" s="23"/>
      <c r="EU764" s="23"/>
      <c r="EV764" s="23"/>
      <c r="EW764" s="23"/>
      <c r="EX764" s="23"/>
      <c r="EY764" s="23"/>
      <c r="EZ764" s="23"/>
      <c r="FA764" s="23"/>
      <c r="FB764" s="23"/>
      <c r="FC764" s="23"/>
      <c r="FD764" s="23"/>
      <c r="FE764" s="23"/>
      <c r="FF764" s="23"/>
      <c r="FG764" s="23"/>
      <c r="FH764" s="23"/>
      <c r="FI764" s="23"/>
      <c r="FJ764" s="23"/>
      <c r="FK764" s="23"/>
      <c r="FL764" s="23"/>
      <c r="FM764" s="23"/>
      <c r="FN764" s="23"/>
      <c r="FO764" s="23"/>
      <c r="FP764" s="23"/>
      <c r="FQ764" s="23"/>
      <c r="FR764" s="23"/>
      <c r="FS764" s="23"/>
      <c r="FT764" s="23"/>
      <c r="FU764" s="23"/>
      <c r="FV764" s="23"/>
      <c r="FW764" s="23"/>
      <c r="FX764" s="23"/>
      <c r="FY764" s="23"/>
      <c r="FZ764" s="23"/>
      <c r="GA764" s="23"/>
      <c r="GB764" s="23"/>
      <c r="GC764" s="23"/>
      <c r="GD764" s="23"/>
      <c r="GE764" s="23"/>
      <c r="GF764" s="23"/>
      <c r="GG764" s="23"/>
      <c r="GH764" s="23"/>
      <c r="GI764" s="23"/>
      <c r="GJ764" s="23"/>
      <c r="GK764" s="23"/>
      <c r="GL764" s="23"/>
      <c r="GM764" s="23"/>
      <c r="GN764" s="23"/>
      <c r="GO764" s="23"/>
      <c r="GP764" s="23"/>
      <c r="GQ764" s="23"/>
      <c r="GR764" s="23"/>
      <c r="GS764" s="23"/>
      <c r="GT764" s="23"/>
      <c r="GU764" s="23"/>
      <c r="GV764" s="23"/>
      <c r="GW764" s="23"/>
      <c r="GX764" s="23"/>
      <c r="GY764" s="23"/>
      <c r="GZ764" s="23"/>
      <c r="HA764" s="23"/>
      <c r="HB764" s="23"/>
      <c r="HC764" s="23"/>
      <c r="HD764" s="23"/>
      <c r="HE764" s="23"/>
      <c r="HF764" s="23"/>
      <c r="HG764" s="23"/>
      <c r="HH764" s="23"/>
      <c r="HI764" s="23"/>
      <c r="HJ764" s="23"/>
      <c r="HK764" s="23"/>
      <c r="HL764" s="23"/>
      <c r="HM764" s="23"/>
      <c r="HN764" s="23"/>
      <c r="HO764" s="23"/>
      <c r="HP764" s="23"/>
      <c r="HQ764" s="23"/>
      <c r="HR764" s="23"/>
      <c r="HS764" s="23"/>
      <c r="HT764" s="23"/>
      <c r="HU764" s="23"/>
      <c r="HV764" s="23"/>
      <c r="HW764" s="23"/>
      <c r="HX764" s="23"/>
      <c r="HY764" s="23"/>
      <c r="HZ764" s="23"/>
      <c r="IA764" s="23"/>
      <c r="IB764" s="23"/>
      <c r="IC764" s="23"/>
      <c r="ID764" s="23"/>
      <c r="IE764" s="23"/>
      <c r="IF764" s="23"/>
      <c r="IG764" s="23"/>
      <c r="IH764" s="23"/>
      <c r="II764" s="23"/>
      <c r="IJ764" s="23"/>
      <c r="IK764" s="23"/>
      <c r="IL764" s="23"/>
      <c r="IM764" s="23"/>
      <c r="IN764" s="23"/>
      <c r="IO764" s="23"/>
      <c r="IP764" s="23"/>
      <c r="IQ764" s="23"/>
    </row>
    <row r="765" spans="1:251" s="50" customFormat="1" ht="18.75" customHeight="1">
      <c r="A765" s="34"/>
      <c r="B765" s="47"/>
      <c r="C765" s="130"/>
      <c r="D765" s="130"/>
      <c r="E765" s="130"/>
      <c r="F765" s="130"/>
      <c r="G765" s="130"/>
      <c r="H765" s="130"/>
      <c r="I765" s="130"/>
      <c r="J765" s="130"/>
      <c r="K765" s="130"/>
      <c r="L765" s="130"/>
      <c r="M765" s="130"/>
      <c r="N765" s="130"/>
      <c r="O765" s="130"/>
      <c r="P765" s="130"/>
      <c r="Q765" s="130"/>
      <c r="R765" s="130"/>
      <c r="S765" s="130"/>
      <c r="T765" s="130"/>
      <c r="U765" s="130"/>
      <c r="V765" s="130"/>
      <c r="W765" s="130"/>
      <c r="X765" s="130"/>
      <c r="Y765" s="130"/>
      <c r="Z765" s="131"/>
      <c r="AA765" s="132"/>
      <c r="AB765" s="133"/>
      <c r="AC765" s="133"/>
      <c r="AD765" s="133"/>
      <c r="AE765" s="133"/>
      <c r="AF765" s="133"/>
      <c r="AG765" s="133"/>
      <c r="AH765" s="133"/>
      <c r="AI765" s="134"/>
      <c r="AJ765" s="132"/>
      <c r="AK765" s="133"/>
      <c r="AL765" s="133"/>
      <c r="AM765" s="133"/>
      <c r="AN765" s="133"/>
      <c r="AO765" s="133"/>
      <c r="AP765" s="133"/>
      <c r="AQ765" s="133"/>
      <c r="AR765" s="134"/>
      <c r="AS765" s="132"/>
      <c r="AT765" s="133"/>
      <c r="AU765" s="133"/>
      <c r="AV765" s="133"/>
      <c r="AW765" s="133"/>
      <c r="AX765" s="135"/>
      <c r="AY765" s="23"/>
      <c r="AZ765" s="23"/>
      <c r="BA765" s="23"/>
      <c r="BB765" s="23"/>
      <c r="BC765" s="23"/>
      <c r="BD765" s="23"/>
      <c r="BE765" s="23"/>
      <c r="BF765" s="23"/>
      <c r="BG765" s="23"/>
      <c r="BH765" s="23"/>
      <c r="BI765" s="23"/>
      <c r="BJ765" s="23"/>
      <c r="BK765" s="23"/>
      <c r="BL765" s="23"/>
      <c r="BM765" s="23"/>
      <c r="BN765" s="23"/>
      <c r="BO765" s="23"/>
      <c r="BP765" s="23"/>
      <c r="BQ765" s="23"/>
      <c r="BR765" s="23"/>
      <c r="BS765" s="23"/>
      <c r="BT765" s="23"/>
      <c r="BU765" s="23"/>
      <c r="BV765" s="23"/>
      <c r="BW765" s="23"/>
      <c r="BX765" s="23"/>
      <c r="BY765" s="23"/>
      <c r="BZ765" s="23"/>
      <c r="CA765" s="23"/>
      <c r="CB765" s="23"/>
      <c r="CC765" s="23"/>
      <c r="CD765" s="23"/>
      <c r="CE765" s="23"/>
      <c r="CF765" s="23"/>
      <c r="CG765" s="23"/>
      <c r="CH765" s="23"/>
      <c r="CI765" s="23"/>
      <c r="CJ765" s="23"/>
      <c r="CK765" s="23"/>
      <c r="CL765" s="23"/>
      <c r="CM765" s="23"/>
      <c r="CN765" s="23"/>
      <c r="CO765" s="23"/>
      <c r="CP765" s="23"/>
      <c r="CQ765" s="23"/>
      <c r="CR765" s="23"/>
      <c r="CS765" s="23"/>
      <c r="CT765" s="23"/>
      <c r="CU765" s="23"/>
      <c r="CV765" s="23"/>
      <c r="CW765" s="23"/>
      <c r="CX765" s="23"/>
      <c r="CY765" s="23"/>
      <c r="CZ765" s="23"/>
      <c r="DA765" s="23"/>
      <c r="DB765" s="23"/>
      <c r="DC765" s="23"/>
      <c r="DD765" s="23"/>
      <c r="DE765" s="23"/>
      <c r="DF765" s="23"/>
      <c r="DG765" s="23"/>
      <c r="DH765" s="23"/>
      <c r="DI765" s="23"/>
      <c r="DJ765" s="23"/>
      <c r="DK765" s="23"/>
      <c r="DL765" s="23"/>
      <c r="DM765" s="23"/>
      <c r="DN765" s="23"/>
      <c r="DO765" s="23"/>
      <c r="DP765" s="23"/>
      <c r="DQ765" s="23"/>
      <c r="DR765" s="23"/>
      <c r="DS765" s="23"/>
      <c r="DT765" s="23"/>
      <c r="DU765" s="23"/>
      <c r="DV765" s="23"/>
      <c r="DW765" s="23"/>
      <c r="DX765" s="23"/>
      <c r="DY765" s="23"/>
      <c r="DZ765" s="23"/>
      <c r="EA765" s="23"/>
      <c r="EB765" s="23"/>
      <c r="EC765" s="23"/>
      <c r="ED765" s="23"/>
      <c r="EE765" s="23"/>
      <c r="EF765" s="23"/>
      <c r="EG765" s="23"/>
      <c r="EH765" s="23"/>
      <c r="EI765" s="23"/>
      <c r="EJ765" s="23"/>
      <c r="EK765" s="23"/>
      <c r="EL765" s="23"/>
      <c r="EM765" s="23"/>
      <c r="EN765" s="23"/>
      <c r="EO765" s="23"/>
      <c r="EP765" s="23"/>
      <c r="EQ765" s="23"/>
      <c r="ER765" s="23"/>
      <c r="ES765" s="23"/>
      <c r="ET765" s="23"/>
      <c r="EU765" s="23"/>
      <c r="EV765" s="23"/>
      <c r="EW765" s="23"/>
      <c r="EX765" s="23"/>
      <c r="EY765" s="23"/>
      <c r="EZ765" s="23"/>
      <c r="FA765" s="23"/>
      <c r="FB765" s="23"/>
      <c r="FC765" s="23"/>
      <c r="FD765" s="23"/>
      <c r="FE765" s="23"/>
      <c r="FF765" s="23"/>
      <c r="FG765" s="23"/>
      <c r="FH765" s="23"/>
      <c r="FI765" s="23"/>
      <c r="FJ765" s="23"/>
      <c r="FK765" s="23"/>
      <c r="FL765" s="23"/>
      <c r="FM765" s="23"/>
      <c r="FN765" s="23"/>
      <c r="FO765" s="23"/>
      <c r="FP765" s="23"/>
      <c r="FQ765" s="23"/>
      <c r="FR765" s="23"/>
      <c r="FS765" s="23"/>
      <c r="FT765" s="23"/>
      <c r="FU765" s="23"/>
      <c r="FV765" s="23"/>
      <c r="FW765" s="23"/>
      <c r="FX765" s="23"/>
      <c r="FY765" s="23"/>
      <c r="FZ765" s="23"/>
      <c r="GA765" s="23"/>
      <c r="GB765" s="23"/>
      <c r="GC765" s="23"/>
      <c r="GD765" s="23"/>
      <c r="GE765" s="23"/>
      <c r="GF765" s="23"/>
      <c r="GG765" s="23"/>
      <c r="GH765" s="23"/>
      <c r="GI765" s="23"/>
      <c r="GJ765" s="23"/>
      <c r="GK765" s="23"/>
      <c r="GL765" s="23"/>
      <c r="GM765" s="23"/>
      <c r="GN765" s="23"/>
      <c r="GO765" s="23"/>
      <c r="GP765" s="23"/>
      <c r="GQ765" s="23"/>
      <c r="GR765" s="23"/>
      <c r="GS765" s="23"/>
      <c r="GT765" s="23"/>
      <c r="GU765" s="23"/>
      <c r="GV765" s="23"/>
      <c r="GW765" s="23"/>
      <c r="GX765" s="23"/>
      <c r="GY765" s="23"/>
      <c r="GZ765" s="23"/>
      <c r="HA765" s="23"/>
      <c r="HB765" s="23"/>
      <c r="HC765" s="23"/>
      <c r="HD765" s="23"/>
      <c r="HE765" s="23"/>
      <c r="HF765" s="23"/>
      <c r="HG765" s="23"/>
      <c r="HH765" s="23"/>
      <c r="HI765" s="23"/>
      <c r="HJ765" s="23"/>
      <c r="HK765" s="23"/>
      <c r="HL765" s="23"/>
      <c r="HM765" s="23"/>
      <c r="HN765" s="23"/>
      <c r="HO765" s="23"/>
      <c r="HP765" s="23"/>
      <c r="HQ765" s="23"/>
      <c r="HR765" s="23"/>
      <c r="HS765" s="23"/>
      <c r="HT765" s="23"/>
      <c r="HU765" s="23"/>
      <c r="HV765" s="23"/>
      <c r="HW765" s="23"/>
      <c r="HX765" s="23"/>
      <c r="HY765" s="23"/>
      <c r="HZ765" s="23"/>
      <c r="IA765" s="23"/>
      <c r="IB765" s="23"/>
      <c r="IC765" s="23"/>
      <c r="ID765" s="23"/>
      <c r="IE765" s="23"/>
      <c r="IF765" s="23"/>
      <c r="IG765" s="23"/>
      <c r="IH765" s="23"/>
      <c r="II765" s="23"/>
      <c r="IJ765" s="23"/>
      <c r="IK765" s="23"/>
      <c r="IL765" s="23"/>
      <c r="IM765" s="23"/>
      <c r="IN765" s="23"/>
      <c r="IO765" s="23"/>
      <c r="IP765" s="23"/>
      <c r="IQ765" s="23"/>
    </row>
    <row r="766" spans="1:251" s="50" customFormat="1" ht="18.75" customHeight="1">
      <c r="A766" s="34"/>
      <c r="B766" s="48"/>
      <c r="C766" s="130"/>
      <c r="D766" s="130"/>
      <c r="E766" s="130"/>
      <c r="F766" s="130"/>
      <c r="G766" s="130"/>
      <c r="H766" s="130"/>
      <c r="I766" s="130"/>
      <c r="J766" s="130"/>
      <c r="K766" s="130"/>
      <c r="L766" s="130"/>
      <c r="M766" s="130"/>
      <c r="N766" s="130"/>
      <c r="O766" s="130"/>
      <c r="P766" s="130"/>
      <c r="Q766" s="130"/>
      <c r="R766" s="130"/>
      <c r="S766" s="130"/>
      <c r="T766" s="130"/>
      <c r="U766" s="130"/>
      <c r="V766" s="130"/>
      <c r="W766" s="130"/>
      <c r="X766" s="130"/>
      <c r="Y766" s="130"/>
      <c r="Z766" s="131"/>
      <c r="AA766" s="132"/>
      <c r="AB766" s="133"/>
      <c r="AC766" s="133"/>
      <c r="AD766" s="133"/>
      <c r="AE766" s="133"/>
      <c r="AF766" s="133"/>
      <c r="AG766" s="133"/>
      <c r="AH766" s="133"/>
      <c r="AI766" s="134"/>
      <c r="AJ766" s="132"/>
      <c r="AK766" s="133"/>
      <c r="AL766" s="133"/>
      <c r="AM766" s="133"/>
      <c r="AN766" s="133"/>
      <c r="AO766" s="133"/>
      <c r="AP766" s="133"/>
      <c r="AQ766" s="133"/>
      <c r="AR766" s="134"/>
      <c r="AS766" s="136"/>
      <c r="AT766" s="137"/>
      <c r="AU766" s="137"/>
      <c r="AV766" s="137"/>
      <c r="AW766" s="137"/>
      <c r="AX766" s="138"/>
      <c r="AY766" s="23"/>
      <c r="AZ766" s="23"/>
      <c r="BA766" s="23"/>
      <c r="BB766" s="23"/>
      <c r="BC766" s="23"/>
      <c r="BD766" s="23"/>
      <c r="BE766" s="23"/>
      <c r="BF766" s="23"/>
      <c r="BG766" s="23"/>
      <c r="BH766" s="23"/>
      <c r="BI766" s="23"/>
      <c r="BJ766" s="23"/>
      <c r="BK766" s="23"/>
      <c r="BL766" s="23"/>
      <c r="BM766" s="23"/>
      <c r="BN766" s="23"/>
      <c r="BO766" s="23"/>
      <c r="BP766" s="23"/>
      <c r="BQ766" s="23"/>
      <c r="BR766" s="23"/>
      <c r="BS766" s="23"/>
      <c r="BT766" s="23"/>
      <c r="BU766" s="23"/>
      <c r="BV766" s="23"/>
      <c r="BW766" s="23"/>
      <c r="BX766" s="23"/>
      <c r="BY766" s="23"/>
      <c r="BZ766" s="23"/>
      <c r="CA766" s="23"/>
      <c r="CB766" s="23"/>
      <c r="CC766" s="23"/>
      <c r="CD766" s="23"/>
      <c r="CE766" s="23"/>
      <c r="CF766" s="23"/>
      <c r="CG766" s="23"/>
      <c r="CH766" s="23"/>
      <c r="CI766" s="23"/>
      <c r="CJ766" s="23"/>
      <c r="CK766" s="23"/>
      <c r="CL766" s="23"/>
      <c r="CM766" s="23"/>
      <c r="CN766" s="23"/>
      <c r="CO766" s="23"/>
      <c r="CP766" s="23"/>
      <c r="CQ766" s="23"/>
      <c r="CR766" s="23"/>
      <c r="CS766" s="23"/>
      <c r="CT766" s="23"/>
      <c r="CU766" s="23"/>
      <c r="CV766" s="23"/>
      <c r="CW766" s="23"/>
      <c r="CX766" s="23"/>
      <c r="CY766" s="23"/>
      <c r="CZ766" s="23"/>
      <c r="DA766" s="23"/>
      <c r="DB766" s="23"/>
      <c r="DC766" s="23"/>
      <c r="DD766" s="23"/>
      <c r="DE766" s="23"/>
      <c r="DF766" s="23"/>
      <c r="DG766" s="23"/>
      <c r="DH766" s="23"/>
      <c r="DI766" s="23"/>
      <c r="DJ766" s="23"/>
      <c r="DK766" s="23"/>
      <c r="DL766" s="23"/>
      <c r="DM766" s="23"/>
      <c r="DN766" s="23"/>
      <c r="DO766" s="23"/>
      <c r="DP766" s="23"/>
      <c r="DQ766" s="23"/>
      <c r="DR766" s="23"/>
      <c r="DS766" s="23"/>
      <c r="DT766" s="23"/>
      <c r="DU766" s="23"/>
      <c r="DV766" s="23"/>
      <c r="DW766" s="23"/>
      <c r="DX766" s="23"/>
      <c r="DY766" s="23"/>
      <c r="DZ766" s="23"/>
      <c r="EA766" s="23"/>
      <c r="EB766" s="23"/>
      <c r="EC766" s="23"/>
      <c r="ED766" s="23"/>
      <c r="EE766" s="23"/>
      <c r="EF766" s="23"/>
      <c r="EG766" s="23"/>
      <c r="EH766" s="23"/>
      <c r="EI766" s="23"/>
      <c r="EJ766" s="23"/>
      <c r="EK766" s="23"/>
      <c r="EL766" s="23"/>
      <c r="EM766" s="23"/>
      <c r="EN766" s="23"/>
      <c r="EO766" s="23"/>
      <c r="EP766" s="23"/>
      <c r="EQ766" s="23"/>
      <c r="ER766" s="23"/>
      <c r="ES766" s="23"/>
      <c r="ET766" s="23"/>
      <c r="EU766" s="23"/>
      <c r="EV766" s="23"/>
      <c r="EW766" s="23"/>
      <c r="EX766" s="23"/>
      <c r="EY766" s="23"/>
      <c r="EZ766" s="23"/>
      <c r="FA766" s="23"/>
      <c r="FB766" s="23"/>
      <c r="FC766" s="23"/>
      <c r="FD766" s="23"/>
      <c r="FE766" s="23"/>
      <c r="FF766" s="23"/>
      <c r="FG766" s="23"/>
      <c r="FH766" s="23"/>
      <c r="FI766" s="23"/>
      <c r="FJ766" s="23"/>
      <c r="FK766" s="23"/>
      <c r="FL766" s="23"/>
      <c r="FM766" s="23"/>
      <c r="FN766" s="23"/>
      <c r="FO766" s="23"/>
      <c r="FP766" s="23"/>
      <c r="FQ766" s="23"/>
      <c r="FR766" s="23"/>
      <c r="FS766" s="23"/>
      <c r="FT766" s="23"/>
      <c r="FU766" s="23"/>
      <c r="FV766" s="23"/>
      <c r="FW766" s="23"/>
      <c r="FX766" s="23"/>
      <c r="FY766" s="23"/>
      <c r="FZ766" s="23"/>
      <c r="GA766" s="23"/>
      <c r="GB766" s="23"/>
      <c r="GC766" s="23"/>
      <c r="GD766" s="23"/>
      <c r="GE766" s="23"/>
      <c r="GF766" s="23"/>
      <c r="GG766" s="23"/>
      <c r="GH766" s="23"/>
      <c r="GI766" s="23"/>
      <c r="GJ766" s="23"/>
      <c r="GK766" s="23"/>
      <c r="GL766" s="23"/>
      <c r="GM766" s="23"/>
      <c r="GN766" s="23"/>
      <c r="GO766" s="23"/>
      <c r="GP766" s="23"/>
      <c r="GQ766" s="23"/>
      <c r="GR766" s="23"/>
      <c r="GS766" s="23"/>
      <c r="GT766" s="23"/>
      <c r="GU766" s="23"/>
      <c r="GV766" s="23"/>
      <c r="GW766" s="23"/>
      <c r="GX766" s="23"/>
      <c r="GY766" s="23"/>
      <c r="GZ766" s="23"/>
      <c r="HA766" s="23"/>
      <c r="HB766" s="23"/>
      <c r="HC766" s="23"/>
      <c r="HD766" s="23"/>
      <c r="HE766" s="23"/>
      <c r="HF766" s="23"/>
      <c r="HG766" s="23"/>
      <c r="HH766" s="23"/>
      <c r="HI766" s="23"/>
      <c r="HJ766" s="23"/>
      <c r="HK766" s="23"/>
      <c r="HL766" s="23"/>
      <c r="HM766" s="23"/>
      <c r="HN766" s="23"/>
      <c r="HO766" s="23"/>
      <c r="HP766" s="23"/>
      <c r="HQ766" s="23"/>
      <c r="HR766" s="23"/>
      <c r="HS766" s="23"/>
      <c r="HT766" s="23"/>
      <c r="HU766" s="23"/>
      <c r="HV766" s="23"/>
      <c r="HW766" s="23"/>
      <c r="HX766" s="23"/>
      <c r="HY766" s="23"/>
      <c r="HZ766" s="23"/>
      <c r="IA766" s="23"/>
      <c r="IB766" s="23"/>
      <c r="IC766" s="23"/>
      <c r="ID766" s="23"/>
      <c r="IE766" s="23"/>
      <c r="IF766" s="23"/>
      <c r="IG766" s="23"/>
      <c r="IH766" s="23"/>
      <c r="II766" s="23"/>
      <c r="IJ766" s="23"/>
      <c r="IK766" s="23"/>
      <c r="IL766" s="23"/>
      <c r="IM766" s="23"/>
      <c r="IN766" s="23"/>
      <c r="IO766" s="23"/>
      <c r="IP766" s="23"/>
      <c r="IQ766" s="23"/>
    </row>
    <row r="767" spans="1:251" s="50" customFormat="1" ht="18.75" customHeight="1">
      <c r="A767" s="34"/>
      <c r="B767" s="47"/>
      <c r="C767" s="130"/>
      <c r="D767" s="130"/>
      <c r="E767" s="130"/>
      <c r="F767" s="130"/>
      <c r="G767" s="130"/>
      <c r="H767" s="130"/>
      <c r="I767" s="130"/>
      <c r="J767" s="130"/>
      <c r="K767" s="130"/>
      <c r="L767" s="130"/>
      <c r="M767" s="130"/>
      <c r="N767" s="130"/>
      <c r="O767" s="130"/>
      <c r="P767" s="130"/>
      <c r="Q767" s="130"/>
      <c r="R767" s="130"/>
      <c r="S767" s="130"/>
      <c r="T767" s="130"/>
      <c r="U767" s="130"/>
      <c r="V767" s="130"/>
      <c r="W767" s="130"/>
      <c r="X767" s="130"/>
      <c r="Y767" s="130"/>
      <c r="Z767" s="131"/>
      <c r="AA767" s="132"/>
      <c r="AB767" s="133"/>
      <c r="AC767" s="133"/>
      <c r="AD767" s="133"/>
      <c r="AE767" s="133"/>
      <c r="AF767" s="133"/>
      <c r="AG767" s="133"/>
      <c r="AH767" s="133"/>
      <c r="AI767" s="134"/>
      <c r="AJ767" s="132"/>
      <c r="AK767" s="133"/>
      <c r="AL767" s="133"/>
      <c r="AM767" s="133"/>
      <c r="AN767" s="133"/>
      <c r="AO767" s="133"/>
      <c r="AP767" s="133"/>
      <c r="AQ767" s="133"/>
      <c r="AR767" s="134"/>
      <c r="AS767" s="132"/>
      <c r="AT767" s="133"/>
      <c r="AU767" s="133"/>
      <c r="AV767" s="133"/>
      <c r="AW767" s="133"/>
      <c r="AX767" s="135"/>
      <c r="AY767" s="23"/>
      <c r="AZ767" s="23"/>
      <c r="BA767" s="23"/>
      <c r="BB767" s="23"/>
      <c r="BC767" s="23"/>
      <c r="BD767" s="23"/>
      <c r="BE767" s="23"/>
      <c r="BF767" s="23"/>
      <c r="BG767" s="23"/>
      <c r="BH767" s="23"/>
      <c r="BI767" s="23"/>
      <c r="BJ767" s="23"/>
      <c r="BK767" s="23"/>
      <c r="BL767" s="23"/>
      <c r="BM767" s="23"/>
      <c r="BN767" s="23"/>
      <c r="BO767" s="23"/>
      <c r="BP767" s="23"/>
      <c r="BQ767" s="23"/>
      <c r="BR767" s="23"/>
      <c r="BS767" s="23"/>
      <c r="BT767" s="23"/>
      <c r="BU767" s="23"/>
      <c r="BV767" s="23"/>
      <c r="BW767" s="23"/>
      <c r="BX767" s="23"/>
      <c r="BY767" s="23"/>
      <c r="BZ767" s="23"/>
      <c r="CA767" s="23"/>
      <c r="CB767" s="23"/>
      <c r="CC767" s="23"/>
      <c r="CD767" s="23"/>
      <c r="CE767" s="23"/>
      <c r="CF767" s="23"/>
      <c r="CG767" s="23"/>
      <c r="CH767" s="23"/>
      <c r="CI767" s="23"/>
      <c r="CJ767" s="23"/>
      <c r="CK767" s="23"/>
      <c r="CL767" s="23"/>
      <c r="CM767" s="23"/>
      <c r="CN767" s="23"/>
      <c r="CO767" s="23"/>
      <c r="CP767" s="23"/>
      <c r="CQ767" s="23"/>
      <c r="CR767" s="23"/>
      <c r="CS767" s="23"/>
      <c r="CT767" s="23"/>
      <c r="CU767" s="23"/>
      <c r="CV767" s="23"/>
      <c r="CW767" s="23"/>
      <c r="CX767" s="23"/>
      <c r="CY767" s="23"/>
      <c r="CZ767" s="23"/>
      <c r="DA767" s="23"/>
      <c r="DB767" s="23"/>
      <c r="DC767" s="23"/>
      <c r="DD767" s="23"/>
      <c r="DE767" s="23"/>
      <c r="DF767" s="23"/>
      <c r="DG767" s="23"/>
      <c r="DH767" s="23"/>
      <c r="DI767" s="23"/>
      <c r="DJ767" s="23"/>
      <c r="DK767" s="23"/>
      <c r="DL767" s="23"/>
      <c r="DM767" s="23"/>
      <c r="DN767" s="23"/>
      <c r="DO767" s="23"/>
      <c r="DP767" s="23"/>
      <c r="DQ767" s="23"/>
      <c r="DR767" s="23"/>
      <c r="DS767" s="23"/>
      <c r="DT767" s="23"/>
      <c r="DU767" s="23"/>
      <c r="DV767" s="23"/>
      <c r="DW767" s="23"/>
      <c r="DX767" s="23"/>
      <c r="DY767" s="23"/>
      <c r="DZ767" s="23"/>
      <c r="EA767" s="23"/>
      <c r="EB767" s="23"/>
      <c r="EC767" s="23"/>
      <c r="ED767" s="23"/>
      <c r="EE767" s="23"/>
      <c r="EF767" s="23"/>
      <c r="EG767" s="23"/>
      <c r="EH767" s="23"/>
      <c r="EI767" s="23"/>
      <c r="EJ767" s="23"/>
      <c r="EK767" s="23"/>
      <c r="EL767" s="23"/>
      <c r="EM767" s="23"/>
      <c r="EN767" s="23"/>
      <c r="EO767" s="23"/>
      <c r="EP767" s="23"/>
      <c r="EQ767" s="23"/>
      <c r="ER767" s="23"/>
      <c r="ES767" s="23"/>
      <c r="ET767" s="23"/>
      <c r="EU767" s="23"/>
      <c r="EV767" s="23"/>
      <c r="EW767" s="23"/>
      <c r="EX767" s="23"/>
      <c r="EY767" s="23"/>
      <c r="EZ767" s="23"/>
      <c r="FA767" s="23"/>
      <c r="FB767" s="23"/>
      <c r="FC767" s="23"/>
      <c r="FD767" s="23"/>
      <c r="FE767" s="23"/>
      <c r="FF767" s="23"/>
      <c r="FG767" s="23"/>
      <c r="FH767" s="23"/>
      <c r="FI767" s="23"/>
      <c r="FJ767" s="23"/>
      <c r="FK767" s="23"/>
      <c r="FL767" s="23"/>
      <c r="FM767" s="23"/>
      <c r="FN767" s="23"/>
      <c r="FO767" s="23"/>
      <c r="FP767" s="23"/>
      <c r="FQ767" s="23"/>
      <c r="FR767" s="23"/>
      <c r="FS767" s="23"/>
      <c r="FT767" s="23"/>
      <c r="FU767" s="23"/>
      <c r="FV767" s="23"/>
      <c r="FW767" s="23"/>
      <c r="FX767" s="23"/>
      <c r="FY767" s="23"/>
      <c r="FZ767" s="23"/>
      <c r="GA767" s="23"/>
      <c r="GB767" s="23"/>
      <c r="GC767" s="23"/>
      <c r="GD767" s="23"/>
      <c r="GE767" s="23"/>
      <c r="GF767" s="23"/>
      <c r="GG767" s="23"/>
      <c r="GH767" s="23"/>
      <c r="GI767" s="23"/>
      <c r="GJ767" s="23"/>
      <c r="GK767" s="23"/>
      <c r="GL767" s="23"/>
      <c r="GM767" s="23"/>
      <c r="GN767" s="23"/>
      <c r="GO767" s="23"/>
      <c r="GP767" s="23"/>
      <c r="GQ767" s="23"/>
      <c r="GR767" s="23"/>
      <c r="GS767" s="23"/>
      <c r="GT767" s="23"/>
      <c r="GU767" s="23"/>
      <c r="GV767" s="23"/>
      <c r="GW767" s="23"/>
      <c r="GX767" s="23"/>
      <c r="GY767" s="23"/>
      <c r="GZ767" s="23"/>
      <c r="HA767" s="23"/>
      <c r="HB767" s="23"/>
      <c r="HC767" s="23"/>
      <c r="HD767" s="23"/>
      <c r="HE767" s="23"/>
      <c r="HF767" s="23"/>
      <c r="HG767" s="23"/>
      <c r="HH767" s="23"/>
      <c r="HI767" s="23"/>
      <c r="HJ767" s="23"/>
      <c r="HK767" s="23"/>
      <c r="HL767" s="23"/>
      <c r="HM767" s="23"/>
      <c r="HN767" s="23"/>
      <c r="HO767" s="23"/>
      <c r="HP767" s="23"/>
      <c r="HQ767" s="23"/>
      <c r="HR767" s="23"/>
      <c r="HS767" s="23"/>
      <c r="HT767" s="23"/>
      <c r="HU767" s="23"/>
      <c r="HV767" s="23"/>
      <c r="HW767" s="23"/>
      <c r="HX767" s="23"/>
      <c r="HY767" s="23"/>
      <c r="HZ767" s="23"/>
      <c r="IA767" s="23"/>
      <c r="IB767" s="23"/>
      <c r="IC767" s="23"/>
      <c r="ID767" s="23"/>
      <c r="IE767" s="23"/>
      <c r="IF767" s="23"/>
      <c r="IG767" s="23"/>
      <c r="IH767" s="23"/>
      <c r="II767" s="23"/>
      <c r="IJ767" s="23"/>
      <c r="IK767" s="23"/>
      <c r="IL767" s="23"/>
      <c r="IM767" s="23"/>
      <c r="IN767" s="23"/>
      <c r="IO767" s="23"/>
      <c r="IP767" s="23"/>
      <c r="IQ767" s="23"/>
    </row>
    <row r="768" spans="1:251" s="50" customFormat="1" ht="18.75" customHeight="1">
      <c r="A768" s="34"/>
      <c r="B768" s="48"/>
      <c r="C768" s="130"/>
      <c r="D768" s="130"/>
      <c r="E768" s="130"/>
      <c r="F768" s="130"/>
      <c r="G768" s="130"/>
      <c r="H768" s="130"/>
      <c r="I768" s="130"/>
      <c r="J768" s="130"/>
      <c r="K768" s="130"/>
      <c r="L768" s="130"/>
      <c r="M768" s="130"/>
      <c r="N768" s="130"/>
      <c r="O768" s="130"/>
      <c r="P768" s="130"/>
      <c r="Q768" s="130"/>
      <c r="R768" s="130"/>
      <c r="S768" s="130"/>
      <c r="T768" s="130"/>
      <c r="U768" s="130"/>
      <c r="V768" s="130"/>
      <c r="W768" s="130"/>
      <c r="X768" s="130"/>
      <c r="Y768" s="130"/>
      <c r="Z768" s="131"/>
      <c r="AA768" s="132"/>
      <c r="AB768" s="133"/>
      <c r="AC768" s="133"/>
      <c r="AD768" s="133"/>
      <c r="AE768" s="133"/>
      <c r="AF768" s="133"/>
      <c r="AG768" s="133"/>
      <c r="AH768" s="133"/>
      <c r="AI768" s="134"/>
      <c r="AJ768" s="132"/>
      <c r="AK768" s="133"/>
      <c r="AL768" s="133"/>
      <c r="AM768" s="133"/>
      <c r="AN768" s="133"/>
      <c r="AO768" s="133"/>
      <c r="AP768" s="133"/>
      <c r="AQ768" s="133"/>
      <c r="AR768" s="134"/>
      <c r="AS768" s="132"/>
      <c r="AT768" s="133"/>
      <c r="AU768" s="133"/>
      <c r="AV768" s="133"/>
      <c r="AW768" s="133"/>
      <c r="AX768" s="135"/>
      <c r="AY768" s="23"/>
      <c r="AZ768" s="23"/>
      <c r="BA768" s="23"/>
      <c r="BB768" s="23"/>
      <c r="BC768" s="23"/>
      <c r="BD768" s="23"/>
      <c r="BE768" s="23"/>
      <c r="BF768" s="23"/>
      <c r="BG768" s="23"/>
      <c r="BH768" s="23"/>
      <c r="BI768" s="23"/>
      <c r="BJ768" s="23"/>
      <c r="BK768" s="23"/>
      <c r="BL768" s="23"/>
      <c r="BM768" s="23"/>
      <c r="BN768" s="23"/>
      <c r="BO768" s="23"/>
      <c r="BP768" s="23"/>
      <c r="BQ768" s="23"/>
      <c r="BR768" s="23"/>
      <c r="BS768" s="23"/>
      <c r="BT768" s="23"/>
      <c r="BU768" s="23"/>
      <c r="BV768" s="23"/>
      <c r="BW768" s="23"/>
      <c r="BX768" s="23"/>
      <c r="BY768" s="23"/>
      <c r="BZ768" s="23"/>
      <c r="CA768" s="23"/>
      <c r="CB768" s="23"/>
      <c r="CC768" s="23"/>
      <c r="CD768" s="23"/>
      <c r="CE768" s="23"/>
      <c r="CF768" s="23"/>
      <c r="CG768" s="23"/>
      <c r="CH768" s="23"/>
      <c r="CI768" s="23"/>
      <c r="CJ768" s="23"/>
      <c r="CK768" s="23"/>
      <c r="CL768" s="23"/>
      <c r="CM768" s="23"/>
      <c r="CN768" s="23"/>
      <c r="CO768" s="23"/>
      <c r="CP768" s="23"/>
      <c r="CQ768" s="23"/>
      <c r="CR768" s="23"/>
      <c r="CS768" s="23"/>
      <c r="CT768" s="23"/>
      <c r="CU768" s="23"/>
      <c r="CV768" s="23"/>
      <c r="CW768" s="23"/>
      <c r="CX768" s="23"/>
      <c r="CY768" s="23"/>
      <c r="CZ768" s="23"/>
      <c r="DA768" s="23"/>
      <c r="DB768" s="23"/>
      <c r="DC768" s="23"/>
      <c r="DD768" s="23"/>
      <c r="DE768" s="23"/>
      <c r="DF768" s="23"/>
      <c r="DG768" s="23"/>
      <c r="DH768" s="23"/>
      <c r="DI768" s="23"/>
      <c r="DJ768" s="23"/>
      <c r="DK768" s="23"/>
      <c r="DL768" s="23"/>
      <c r="DM768" s="23"/>
      <c r="DN768" s="23"/>
      <c r="DO768" s="23"/>
      <c r="DP768" s="23"/>
      <c r="DQ768" s="23"/>
      <c r="DR768" s="23"/>
      <c r="DS768" s="23"/>
      <c r="DT768" s="23"/>
      <c r="DU768" s="23"/>
      <c r="DV768" s="23"/>
      <c r="DW768" s="23"/>
      <c r="DX768" s="23"/>
      <c r="DY768" s="23"/>
      <c r="DZ768" s="23"/>
      <c r="EA768" s="23"/>
      <c r="EB768" s="23"/>
      <c r="EC768" s="23"/>
      <c r="ED768" s="23"/>
      <c r="EE768" s="23"/>
      <c r="EF768" s="23"/>
      <c r="EG768" s="23"/>
      <c r="EH768" s="23"/>
      <c r="EI768" s="23"/>
      <c r="EJ768" s="23"/>
      <c r="EK768" s="23"/>
      <c r="EL768" s="23"/>
      <c r="EM768" s="23"/>
      <c r="EN768" s="23"/>
      <c r="EO768" s="23"/>
      <c r="EP768" s="23"/>
      <c r="EQ768" s="23"/>
      <c r="ER768" s="23"/>
      <c r="ES768" s="23"/>
      <c r="ET768" s="23"/>
      <c r="EU768" s="23"/>
      <c r="EV768" s="23"/>
      <c r="EW768" s="23"/>
      <c r="EX768" s="23"/>
      <c r="EY768" s="23"/>
      <c r="EZ768" s="23"/>
      <c r="FA768" s="23"/>
      <c r="FB768" s="23"/>
      <c r="FC768" s="23"/>
      <c r="FD768" s="23"/>
      <c r="FE768" s="23"/>
      <c r="FF768" s="23"/>
      <c r="FG768" s="23"/>
      <c r="FH768" s="23"/>
      <c r="FI768" s="23"/>
      <c r="FJ768" s="23"/>
      <c r="FK768" s="23"/>
      <c r="FL768" s="23"/>
      <c r="FM768" s="23"/>
      <c r="FN768" s="23"/>
      <c r="FO768" s="23"/>
      <c r="FP768" s="23"/>
      <c r="FQ768" s="23"/>
      <c r="FR768" s="23"/>
      <c r="FS768" s="23"/>
      <c r="FT768" s="23"/>
      <c r="FU768" s="23"/>
      <c r="FV768" s="23"/>
      <c r="FW768" s="23"/>
      <c r="FX768" s="23"/>
      <c r="FY768" s="23"/>
      <c r="FZ768" s="23"/>
      <c r="GA768" s="23"/>
      <c r="GB768" s="23"/>
      <c r="GC768" s="23"/>
      <c r="GD768" s="23"/>
      <c r="GE768" s="23"/>
      <c r="GF768" s="23"/>
      <c r="GG768" s="23"/>
      <c r="GH768" s="23"/>
      <c r="GI768" s="23"/>
      <c r="GJ768" s="23"/>
      <c r="GK768" s="23"/>
      <c r="GL768" s="23"/>
      <c r="GM768" s="23"/>
      <c r="GN768" s="23"/>
      <c r="GO768" s="23"/>
      <c r="GP768" s="23"/>
      <c r="GQ768" s="23"/>
      <c r="GR768" s="23"/>
      <c r="GS768" s="23"/>
      <c r="GT768" s="23"/>
      <c r="GU768" s="23"/>
      <c r="GV768" s="23"/>
      <c r="GW768" s="23"/>
      <c r="GX768" s="23"/>
      <c r="GY768" s="23"/>
      <c r="GZ768" s="23"/>
      <c r="HA768" s="23"/>
      <c r="HB768" s="23"/>
      <c r="HC768" s="23"/>
      <c r="HD768" s="23"/>
      <c r="HE768" s="23"/>
      <c r="HF768" s="23"/>
      <c r="HG768" s="23"/>
      <c r="HH768" s="23"/>
      <c r="HI768" s="23"/>
      <c r="HJ768" s="23"/>
      <c r="HK768" s="23"/>
      <c r="HL768" s="23"/>
      <c r="HM768" s="23"/>
      <c r="HN768" s="23"/>
      <c r="HO768" s="23"/>
      <c r="HP768" s="23"/>
      <c r="HQ768" s="23"/>
      <c r="HR768" s="23"/>
      <c r="HS768" s="23"/>
      <c r="HT768" s="23"/>
      <c r="HU768" s="23"/>
      <c r="HV768" s="23"/>
      <c r="HW768" s="23"/>
      <c r="HX768" s="23"/>
      <c r="HY768" s="23"/>
      <c r="HZ768" s="23"/>
      <c r="IA768" s="23"/>
      <c r="IB768" s="23"/>
      <c r="IC768" s="23"/>
      <c r="ID768" s="23"/>
      <c r="IE768" s="23"/>
      <c r="IF768" s="23"/>
      <c r="IG768" s="23"/>
      <c r="IH768" s="23"/>
      <c r="II768" s="23"/>
      <c r="IJ768" s="23"/>
      <c r="IK768" s="23"/>
      <c r="IL768" s="23"/>
      <c r="IM768" s="23"/>
      <c r="IN768" s="23"/>
      <c r="IO768" s="23"/>
      <c r="IP768" s="23"/>
      <c r="IQ768" s="23"/>
    </row>
    <row r="769" spans="1:251" s="50" customFormat="1" ht="18.75" customHeight="1" thickBot="1">
      <c r="A769" s="34"/>
      <c r="B769" s="49"/>
      <c r="C769" s="158"/>
      <c r="D769" s="158"/>
      <c r="E769" s="158"/>
      <c r="F769" s="158"/>
      <c r="G769" s="158"/>
      <c r="H769" s="158"/>
      <c r="I769" s="158"/>
      <c r="J769" s="158"/>
      <c r="K769" s="158"/>
      <c r="L769" s="158"/>
      <c r="M769" s="158"/>
      <c r="N769" s="158"/>
      <c r="O769" s="158"/>
      <c r="P769" s="158"/>
      <c r="Q769" s="158"/>
      <c r="R769" s="158"/>
      <c r="S769" s="158"/>
      <c r="T769" s="158"/>
      <c r="U769" s="158"/>
      <c r="V769" s="158"/>
      <c r="W769" s="158"/>
      <c r="X769" s="158"/>
      <c r="Y769" s="158"/>
      <c r="Z769" s="159"/>
      <c r="AA769" s="160"/>
      <c r="AB769" s="161"/>
      <c r="AC769" s="161"/>
      <c r="AD769" s="161"/>
      <c r="AE769" s="161"/>
      <c r="AF769" s="161"/>
      <c r="AG769" s="161"/>
      <c r="AH769" s="161"/>
      <c r="AI769" s="162"/>
      <c r="AJ769" s="160"/>
      <c r="AK769" s="161"/>
      <c r="AL769" s="161"/>
      <c r="AM769" s="161"/>
      <c r="AN769" s="161"/>
      <c r="AO769" s="161"/>
      <c r="AP769" s="161"/>
      <c r="AQ769" s="161"/>
      <c r="AR769" s="162"/>
      <c r="AS769" s="160"/>
      <c r="AT769" s="161"/>
      <c r="AU769" s="161"/>
      <c r="AV769" s="161"/>
      <c r="AW769" s="161"/>
      <c r="AX769" s="163"/>
      <c r="AY769" s="23"/>
      <c r="AZ769" s="23"/>
      <c r="BA769" s="23"/>
      <c r="BB769" s="23"/>
      <c r="BC769" s="23"/>
      <c r="BD769" s="23"/>
      <c r="BE769" s="23"/>
      <c r="BF769" s="23"/>
      <c r="BG769" s="23"/>
      <c r="BH769" s="23"/>
      <c r="BI769" s="23"/>
      <c r="BJ769" s="23"/>
      <c r="BK769" s="23"/>
      <c r="BL769" s="23"/>
      <c r="BM769" s="23"/>
      <c r="BN769" s="23"/>
      <c r="BO769" s="23"/>
      <c r="BP769" s="23"/>
      <c r="BQ769" s="23"/>
      <c r="BR769" s="23"/>
      <c r="BS769" s="23"/>
      <c r="BT769" s="23"/>
      <c r="BU769" s="23"/>
      <c r="BV769" s="23"/>
      <c r="BW769" s="23"/>
      <c r="BX769" s="23"/>
      <c r="BY769" s="23"/>
      <c r="BZ769" s="23"/>
      <c r="CA769" s="23"/>
      <c r="CB769" s="23"/>
      <c r="CC769" s="23"/>
      <c r="CD769" s="23"/>
      <c r="CE769" s="23"/>
      <c r="CF769" s="23"/>
      <c r="CG769" s="23"/>
      <c r="CH769" s="23"/>
      <c r="CI769" s="23"/>
      <c r="CJ769" s="23"/>
      <c r="CK769" s="23"/>
      <c r="CL769" s="23"/>
      <c r="CM769" s="23"/>
      <c r="CN769" s="23"/>
      <c r="CO769" s="23"/>
      <c r="CP769" s="23"/>
      <c r="CQ769" s="23"/>
      <c r="CR769" s="23"/>
      <c r="CS769" s="23"/>
      <c r="CT769" s="23"/>
      <c r="CU769" s="23"/>
      <c r="CV769" s="23"/>
      <c r="CW769" s="23"/>
      <c r="CX769" s="23"/>
      <c r="CY769" s="23"/>
      <c r="CZ769" s="23"/>
      <c r="DA769" s="23"/>
      <c r="DB769" s="23"/>
      <c r="DC769" s="23"/>
      <c r="DD769" s="23"/>
      <c r="DE769" s="23"/>
      <c r="DF769" s="23"/>
      <c r="DG769" s="23"/>
      <c r="DH769" s="23"/>
      <c r="DI769" s="23"/>
      <c r="DJ769" s="23"/>
      <c r="DK769" s="23"/>
      <c r="DL769" s="23"/>
      <c r="DM769" s="23"/>
      <c r="DN769" s="23"/>
      <c r="DO769" s="23"/>
      <c r="DP769" s="23"/>
      <c r="DQ769" s="23"/>
      <c r="DR769" s="23"/>
      <c r="DS769" s="23"/>
      <c r="DT769" s="23"/>
      <c r="DU769" s="23"/>
      <c r="DV769" s="23"/>
      <c r="DW769" s="23"/>
      <c r="DX769" s="23"/>
      <c r="DY769" s="23"/>
      <c r="DZ769" s="23"/>
      <c r="EA769" s="23"/>
      <c r="EB769" s="23"/>
      <c r="EC769" s="23"/>
      <c r="ED769" s="23"/>
      <c r="EE769" s="23"/>
      <c r="EF769" s="23"/>
      <c r="EG769" s="23"/>
      <c r="EH769" s="23"/>
      <c r="EI769" s="23"/>
      <c r="EJ769" s="23"/>
      <c r="EK769" s="23"/>
      <c r="EL769" s="23"/>
      <c r="EM769" s="23"/>
      <c r="EN769" s="23"/>
      <c r="EO769" s="23"/>
      <c r="EP769" s="23"/>
      <c r="EQ769" s="23"/>
      <c r="ER769" s="23"/>
      <c r="ES769" s="23"/>
      <c r="ET769" s="23"/>
      <c r="EU769" s="23"/>
      <c r="EV769" s="23"/>
      <c r="EW769" s="23"/>
      <c r="EX769" s="23"/>
      <c r="EY769" s="23"/>
      <c r="EZ769" s="23"/>
      <c r="FA769" s="23"/>
      <c r="FB769" s="23"/>
      <c r="FC769" s="23"/>
      <c r="FD769" s="23"/>
      <c r="FE769" s="23"/>
      <c r="FF769" s="23"/>
      <c r="FG769" s="23"/>
      <c r="FH769" s="23"/>
      <c r="FI769" s="23"/>
      <c r="FJ769" s="23"/>
      <c r="FK769" s="23"/>
      <c r="FL769" s="23"/>
      <c r="FM769" s="23"/>
      <c r="FN769" s="23"/>
      <c r="FO769" s="23"/>
      <c r="FP769" s="23"/>
      <c r="FQ769" s="23"/>
      <c r="FR769" s="23"/>
      <c r="FS769" s="23"/>
      <c r="FT769" s="23"/>
      <c r="FU769" s="23"/>
      <c r="FV769" s="23"/>
      <c r="FW769" s="23"/>
      <c r="FX769" s="23"/>
      <c r="FY769" s="23"/>
      <c r="FZ769" s="23"/>
      <c r="GA769" s="23"/>
      <c r="GB769" s="23"/>
      <c r="GC769" s="23"/>
      <c r="GD769" s="23"/>
      <c r="GE769" s="23"/>
      <c r="GF769" s="23"/>
      <c r="GG769" s="23"/>
      <c r="GH769" s="23"/>
      <c r="GI769" s="23"/>
      <c r="GJ769" s="23"/>
      <c r="GK769" s="23"/>
      <c r="GL769" s="23"/>
      <c r="GM769" s="23"/>
      <c r="GN769" s="23"/>
      <c r="GO769" s="23"/>
      <c r="GP769" s="23"/>
      <c r="GQ769" s="23"/>
      <c r="GR769" s="23"/>
      <c r="GS769" s="23"/>
      <c r="GT769" s="23"/>
      <c r="GU769" s="23"/>
      <c r="GV769" s="23"/>
      <c r="GW769" s="23"/>
      <c r="GX769" s="23"/>
      <c r="GY769" s="23"/>
      <c r="GZ769" s="23"/>
      <c r="HA769" s="23"/>
      <c r="HB769" s="23"/>
      <c r="HC769" s="23"/>
      <c r="HD769" s="23"/>
      <c r="HE769" s="23"/>
      <c r="HF769" s="23"/>
      <c r="HG769" s="23"/>
      <c r="HH769" s="23"/>
      <c r="HI769" s="23"/>
      <c r="HJ769" s="23"/>
      <c r="HK769" s="23"/>
      <c r="HL769" s="23"/>
      <c r="HM769" s="23"/>
      <c r="HN769" s="23"/>
      <c r="HO769" s="23"/>
      <c r="HP769" s="23"/>
      <c r="HQ769" s="23"/>
      <c r="HR769" s="23"/>
      <c r="HS769" s="23"/>
      <c r="HT769" s="23"/>
      <c r="HU769" s="23"/>
      <c r="HV769" s="23"/>
      <c r="HW769" s="23"/>
      <c r="HX769" s="23"/>
      <c r="HY769" s="23"/>
      <c r="HZ769" s="23"/>
      <c r="IA769" s="23"/>
      <c r="IB769" s="23"/>
      <c r="IC769" s="23"/>
      <c r="ID769" s="23"/>
      <c r="IE769" s="23"/>
      <c r="IF769" s="23"/>
      <c r="IG769" s="23"/>
      <c r="IH769" s="23"/>
      <c r="II769" s="23"/>
      <c r="IJ769" s="23"/>
      <c r="IK769" s="23"/>
      <c r="IL769" s="23"/>
      <c r="IM769" s="23"/>
      <c r="IN769" s="23"/>
      <c r="IO769" s="23"/>
      <c r="IP769" s="23"/>
      <c r="IQ769" s="23"/>
    </row>
    <row r="770" spans="1:251" s="50" customFormat="1" ht="18.75" customHeight="1" thickTop="1" thickBot="1">
      <c r="A770" s="38"/>
      <c r="B770" s="164" t="s">
        <v>105</v>
      </c>
      <c r="C770" s="165"/>
      <c r="D770" s="165"/>
      <c r="E770" s="165"/>
      <c r="F770" s="165"/>
      <c r="G770" s="165"/>
      <c r="H770" s="165"/>
      <c r="I770" s="165"/>
      <c r="J770" s="165"/>
      <c r="K770" s="165"/>
      <c r="L770" s="165"/>
      <c r="M770" s="165"/>
      <c r="N770" s="165"/>
      <c r="O770" s="165"/>
      <c r="P770" s="165"/>
      <c r="Q770" s="165"/>
      <c r="R770" s="165"/>
      <c r="S770" s="165"/>
      <c r="T770" s="165"/>
      <c r="U770" s="165"/>
      <c r="V770" s="165"/>
      <c r="W770" s="165"/>
      <c r="X770" s="165"/>
      <c r="Y770" s="165"/>
      <c r="Z770" s="166"/>
      <c r="AA770" s="167">
        <f>SUM(AA762:AA769)</f>
        <v>15094</v>
      </c>
      <c r="AB770" s="168"/>
      <c r="AC770" s="168"/>
      <c r="AD770" s="168"/>
      <c r="AE770" s="168"/>
      <c r="AF770" s="168"/>
      <c r="AG770" s="168"/>
      <c r="AH770" s="168"/>
      <c r="AI770" s="169"/>
      <c r="AJ770" s="167">
        <f>SUM(AJ762:AJ769)</f>
        <v>1695</v>
      </c>
      <c r="AK770" s="168"/>
      <c r="AL770" s="168"/>
      <c r="AM770" s="168"/>
      <c r="AN770" s="168"/>
      <c r="AO770" s="168"/>
      <c r="AP770" s="168"/>
      <c r="AQ770" s="168"/>
      <c r="AR770" s="169"/>
      <c r="AS770" s="167"/>
      <c r="AT770" s="168"/>
      <c r="AU770" s="168"/>
      <c r="AV770" s="168"/>
      <c r="AW770" s="168"/>
      <c r="AX770" s="170"/>
      <c r="AY770" s="23"/>
      <c r="AZ770" s="23"/>
      <c r="BA770" s="23"/>
      <c r="BB770" s="23"/>
      <c r="BC770" s="23"/>
      <c r="BD770" s="23"/>
      <c r="BE770" s="23"/>
      <c r="BF770" s="23"/>
      <c r="BG770" s="23"/>
      <c r="BH770" s="23"/>
      <c r="BI770" s="23"/>
      <c r="BJ770" s="23"/>
      <c r="BK770" s="23"/>
      <c r="BL770" s="23"/>
      <c r="BM770" s="23"/>
      <c r="BN770" s="23"/>
      <c r="BO770" s="23"/>
      <c r="BP770" s="23"/>
      <c r="BQ770" s="23"/>
      <c r="BR770" s="23"/>
      <c r="BS770" s="23"/>
      <c r="BT770" s="23"/>
      <c r="BU770" s="23"/>
      <c r="BV770" s="23"/>
      <c r="BW770" s="23"/>
      <c r="BX770" s="23"/>
      <c r="BY770" s="23"/>
      <c r="BZ770" s="23"/>
      <c r="CA770" s="23"/>
      <c r="CB770" s="23"/>
      <c r="CC770" s="23"/>
      <c r="CD770" s="23"/>
      <c r="CE770" s="23"/>
      <c r="CF770" s="23"/>
      <c r="CG770" s="23"/>
      <c r="CH770" s="23"/>
      <c r="CI770" s="23"/>
      <c r="CJ770" s="23"/>
      <c r="CK770" s="23"/>
      <c r="CL770" s="23"/>
      <c r="CM770" s="23"/>
      <c r="CN770" s="23"/>
      <c r="CO770" s="23"/>
      <c r="CP770" s="23"/>
      <c r="CQ770" s="23"/>
      <c r="CR770" s="23"/>
      <c r="CS770" s="23"/>
      <c r="CT770" s="23"/>
      <c r="CU770" s="23"/>
      <c r="CV770" s="23"/>
      <c r="CW770" s="23"/>
      <c r="CX770" s="23"/>
      <c r="CY770" s="23"/>
      <c r="CZ770" s="23"/>
      <c r="DA770" s="23"/>
      <c r="DB770" s="23"/>
      <c r="DC770" s="23"/>
      <c r="DD770" s="23"/>
      <c r="DE770" s="23"/>
      <c r="DF770" s="23"/>
      <c r="DG770" s="23"/>
      <c r="DH770" s="23"/>
      <c r="DI770" s="23"/>
      <c r="DJ770" s="23"/>
      <c r="DK770" s="23"/>
      <c r="DL770" s="23"/>
      <c r="DM770" s="23"/>
      <c r="DN770" s="23"/>
      <c r="DO770" s="23"/>
      <c r="DP770" s="23"/>
      <c r="DQ770" s="23"/>
      <c r="DR770" s="23"/>
      <c r="DS770" s="23"/>
      <c r="DT770" s="23"/>
      <c r="DU770" s="23"/>
      <c r="DV770" s="23"/>
      <c r="DW770" s="23"/>
      <c r="DX770" s="23"/>
      <c r="DY770" s="23"/>
      <c r="DZ770" s="23"/>
      <c r="EA770" s="23"/>
      <c r="EB770" s="23"/>
      <c r="EC770" s="23"/>
      <c r="ED770" s="23"/>
      <c r="EE770" s="23"/>
      <c r="EF770" s="23"/>
      <c r="EG770" s="23"/>
      <c r="EH770" s="23"/>
      <c r="EI770" s="23"/>
      <c r="EJ770" s="23"/>
      <c r="EK770" s="23"/>
      <c r="EL770" s="23"/>
      <c r="EM770" s="23"/>
      <c r="EN770" s="23"/>
      <c r="EO770" s="23"/>
      <c r="EP770" s="23"/>
      <c r="EQ770" s="23"/>
      <c r="ER770" s="23"/>
      <c r="ES770" s="23"/>
      <c r="ET770" s="23"/>
      <c r="EU770" s="23"/>
      <c r="EV770" s="23"/>
      <c r="EW770" s="23"/>
      <c r="EX770" s="23"/>
      <c r="EY770" s="23"/>
      <c r="EZ770" s="23"/>
      <c r="FA770" s="23"/>
      <c r="FB770" s="23"/>
      <c r="FC770" s="23"/>
      <c r="FD770" s="23"/>
      <c r="FE770" s="23"/>
      <c r="FF770" s="23"/>
      <c r="FG770" s="23"/>
      <c r="FH770" s="23"/>
      <c r="FI770" s="23"/>
      <c r="FJ770" s="23"/>
      <c r="FK770" s="23"/>
      <c r="FL770" s="23"/>
      <c r="FM770" s="23"/>
      <c r="FN770" s="23"/>
      <c r="FO770" s="23"/>
      <c r="FP770" s="23"/>
      <c r="FQ770" s="23"/>
      <c r="FR770" s="23"/>
      <c r="FS770" s="23"/>
      <c r="FT770" s="23"/>
      <c r="FU770" s="23"/>
      <c r="FV770" s="23"/>
      <c r="FW770" s="23"/>
      <c r="FX770" s="23"/>
      <c r="FY770" s="23"/>
      <c r="FZ770" s="23"/>
      <c r="GA770" s="23"/>
      <c r="GB770" s="23"/>
      <c r="GC770" s="23"/>
      <c r="GD770" s="23"/>
      <c r="GE770" s="23"/>
      <c r="GF770" s="23"/>
      <c r="GG770" s="23"/>
      <c r="GH770" s="23"/>
      <c r="GI770" s="23"/>
      <c r="GJ770" s="23"/>
      <c r="GK770" s="23"/>
      <c r="GL770" s="23"/>
      <c r="GM770" s="23"/>
      <c r="GN770" s="23"/>
      <c r="GO770" s="23"/>
      <c r="GP770" s="23"/>
      <c r="GQ770" s="23"/>
      <c r="GR770" s="23"/>
      <c r="GS770" s="23"/>
      <c r="GT770" s="23"/>
      <c r="GU770" s="23"/>
      <c r="GV770" s="23"/>
      <c r="GW770" s="23"/>
      <c r="GX770" s="23"/>
      <c r="GY770" s="23"/>
      <c r="GZ770" s="23"/>
      <c r="HA770" s="23"/>
      <c r="HB770" s="23"/>
      <c r="HC770" s="23"/>
      <c r="HD770" s="23"/>
      <c r="HE770" s="23"/>
      <c r="HF770" s="23"/>
      <c r="HG770" s="23"/>
      <c r="HH770" s="23"/>
      <c r="HI770" s="23"/>
      <c r="HJ770" s="23"/>
      <c r="HK770" s="23"/>
      <c r="HL770" s="23"/>
      <c r="HM770" s="23"/>
      <c r="HN770" s="23"/>
      <c r="HO770" s="23"/>
      <c r="HP770" s="23"/>
      <c r="HQ770" s="23"/>
      <c r="HR770" s="23"/>
      <c r="HS770" s="23"/>
      <c r="HT770" s="23"/>
      <c r="HU770" s="23"/>
      <c r="HV770" s="23"/>
      <c r="HW770" s="23"/>
      <c r="HX770" s="23"/>
      <c r="HY770" s="23"/>
      <c r="HZ770" s="23"/>
      <c r="IA770" s="23"/>
      <c r="IB770" s="23"/>
      <c r="IC770" s="23"/>
      <c r="ID770" s="23"/>
      <c r="IE770" s="23"/>
      <c r="IF770" s="23"/>
      <c r="IG770" s="23"/>
      <c r="IH770" s="23"/>
      <c r="II770" s="23"/>
      <c r="IJ770" s="23"/>
      <c r="IK770" s="23"/>
      <c r="IL770" s="23"/>
      <c r="IM770" s="23"/>
      <c r="IN770" s="23"/>
      <c r="IO770" s="23"/>
      <c r="IP770" s="23"/>
      <c r="IQ770" s="23"/>
    </row>
    <row r="772" spans="1:251" s="23" customFormat="1" ht="19.2">
      <c r="A772" s="22" t="s">
        <v>86</v>
      </c>
      <c r="AW772" s="24"/>
      <c r="AX772" s="25"/>
      <c r="AY772" s="24"/>
    </row>
    <row r="773" spans="1:251" s="23" customFormat="1" ht="13.2"/>
    <row r="774" spans="1:251" s="23" customFormat="1">
      <c r="A774" s="26"/>
      <c r="B774" s="115" t="s">
        <v>87</v>
      </c>
      <c r="C774" s="153"/>
      <c r="D774" s="153"/>
      <c r="E774" s="153"/>
      <c r="F774" s="153"/>
      <c r="G774" s="153"/>
      <c r="H774" s="153"/>
      <c r="I774" s="153"/>
      <c r="J774" s="153"/>
      <c r="K774" s="153"/>
      <c r="L774" s="153"/>
      <c r="M774" s="153"/>
      <c r="N774" s="153"/>
      <c r="O774" s="153"/>
      <c r="P774" s="153"/>
      <c r="Q774" s="153"/>
      <c r="R774" s="153"/>
      <c r="S774" s="153"/>
      <c r="T774" s="153"/>
      <c r="U774" s="153"/>
      <c r="V774" s="153"/>
      <c r="W774" s="153"/>
      <c r="X774" s="153"/>
      <c r="Y774" s="153"/>
      <c r="Z774" s="153"/>
      <c r="AA774" s="153"/>
      <c r="AB774" s="153"/>
      <c r="AC774" s="153"/>
      <c r="AD774" s="153"/>
      <c r="AE774" s="153"/>
      <c r="AF774" s="153"/>
      <c r="AG774" s="153"/>
      <c r="AH774" s="153"/>
      <c r="AI774" s="153"/>
      <c r="AJ774" s="153"/>
      <c r="AK774" s="153"/>
      <c r="AL774" s="153"/>
      <c r="AM774" s="153"/>
      <c r="AN774" s="153"/>
      <c r="AO774" s="153"/>
      <c r="AP774" s="153"/>
      <c r="AQ774" s="153"/>
      <c r="AR774" s="153"/>
      <c r="AS774" s="153"/>
      <c r="AT774" s="153"/>
      <c r="AU774" s="153"/>
      <c r="AV774" s="153"/>
      <c r="AW774" s="153"/>
      <c r="AX774" s="153"/>
      <c r="AY774" s="26"/>
    </row>
    <row r="775" spans="1:251" s="23" customFormat="1" ht="13.2">
      <c r="Z775" s="27"/>
      <c r="AD775" s="27"/>
      <c r="AE775" s="27"/>
      <c r="AF775" s="27"/>
      <c r="AG775" s="27"/>
      <c r="AH775" s="27"/>
      <c r="AI775" s="27"/>
      <c r="AO775" s="27"/>
    </row>
    <row r="776" spans="1:251" s="23" customFormat="1" ht="13.8" thickBot="1">
      <c r="Z776" s="27"/>
      <c r="AD776" s="27"/>
      <c r="AE776" s="27"/>
      <c r="AF776" s="27"/>
      <c r="AG776" s="27"/>
      <c r="AH776" s="27"/>
      <c r="AI776" s="27"/>
      <c r="AO776" s="27"/>
      <c r="DI776" s="28"/>
    </row>
    <row r="777" spans="1:251" s="23" customFormat="1" ht="24.6" customHeight="1" thickBot="1">
      <c r="A777" s="116" t="s">
        <v>88</v>
      </c>
      <c r="B777" s="117"/>
      <c r="C777" s="117"/>
      <c r="D777" s="117"/>
      <c r="E777" s="117"/>
      <c r="F777" s="117"/>
      <c r="G777" s="117"/>
      <c r="H777" s="117"/>
      <c r="I777" s="117"/>
      <c r="J777" s="117"/>
      <c r="K777" s="118"/>
      <c r="L777" s="154">
        <v>23</v>
      </c>
      <c r="M777" s="154"/>
      <c r="N777" s="154"/>
      <c r="O777" s="155"/>
      <c r="P777" s="122" t="s">
        <v>89</v>
      </c>
      <c r="Q777" s="120"/>
      <c r="R777" s="120"/>
      <c r="S777" s="120"/>
      <c r="T777" s="120"/>
      <c r="U777" s="123"/>
      <c r="V777" s="156" t="s">
        <v>140</v>
      </c>
      <c r="W777" s="156"/>
      <c r="X777" s="156"/>
      <c r="Y777" s="156"/>
      <c r="Z777" s="156"/>
      <c r="AA777" s="156"/>
      <c r="AB777" s="156"/>
      <c r="AC777" s="156"/>
      <c r="AD777" s="156"/>
      <c r="AE777" s="156"/>
      <c r="AF777" s="156"/>
      <c r="AG777" s="156"/>
      <c r="AH777" s="156"/>
      <c r="AI777" s="156"/>
      <c r="AJ777" s="156"/>
      <c r="AK777" s="156"/>
      <c r="AL777" s="156"/>
      <c r="AM777" s="156"/>
      <c r="AN777" s="156"/>
      <c r="AO777" s="156"/>
      <c r="AP777" s="156"/>
      <c r="AQ777" s="156"/>
      <c r="AR777" s="156"/>
      <c r="AS777" s="156"/>
      <c r="AT777" s="156"/>
      <c r="AU777" s="156"/>
      <c r="AV777" s="156"/>
      <c r="AW777" s="156"/>
      <c r="AX777" s="157"/>
      <c r="DI777" s="28"/>
    </row>
    <row r="778" spans="1:251" s="23" customFormat="1" ht="14.4">
      <c r="A778" s="29"/>
      <c r="B778" s="29"/>
      <c r="C778" s="29"/>
      <c r="D778" s="29"/>
      <c r="E778" s="29"/>
      <c r="F778" s="29"/>
      <c r="G778" s="29"/>
      <c r="H778" s="29"/>
      <c r="I778" s="29"/>
      <c r="J778" s="29"/>
      <c r="K778" s="29"/>
      <c r="L778" s="30"/>
      <c r="M778" s="30"/>
      <c r="N778" s="30"/>
      <c r="O778" s="30"/>
      <c r="P778" s="29"/>
      <c r="Q778" s="29"/>
      <c r="R778" s="29"/>
      <c r="S778" s="29"/>
      <c r="T778" s="29"/>
      <c r="U778" s="29"/>
      <c r="V778" s="31"/>
      <c r="W778" s="31"/>
      <c r="X778" s="31"/>
      <c r="Y778" s="31"/>
      <c r="Z778" s="31"/>
      <c r="AA778" s="31"/>
      <c r="AB778" s="31"/>
      <c r="AC778" s="31"/>
      <c r="AD778" s="31"/>
      <c r="AE778" s="31"/>
      <c r="AF778" s="31"/>
      <c r="AG778" s="31"/>
      <c r="AH778" s="31"/>
      <c r="AI778" s="31"/>
      <c r="AJ778" s="31"/>
      <c r="AK778" s="31"/>
      <c r="AL778" s="31"/>
      <c r="AM778" s="31"/>
      <c r="AN778" s="31"/>
      <c r="AO778" s="31"/>
      <c r="AP778" s="31"/>
      <c r="AQ778" s="31"/>
      <c r="AR778" s="31"/>
      <c r="AS778" s="31"/>
      <c r="AT778" s="31"/>
      <c r="AU778" s="31"/>
      <c r="AV778" s="31"/>
      <c r="AW778" s="31"/>
      <c r="AX778" s="31"/>
      <c r="DI778" s="28"/>
    </row>
    <row r="779" spans="1:251" s="23" customFormat="1" ht="15" thickBot="1">
      <c r="A779" s="32"/>
      <c r="B779" s="33" t="s">
        <v>91</v>
      </c>
      <c r="C779" s="34"/>
      <c r="D779" s="34"/>
      <c r="E779" s="34"/>
      <c r="F779" s="34"/>
      <c r="G779" s="34"/>
      <c r="H779" s="34"/>
      <c r="I779" s="34"/>
      <c r="J779" s="34"/>
      <c r="K779" s="34"/>
      <c r="L779" s="35"/>
      <c r="M779" s="35"/>
      <c r="N779" s="35"/>
      <c r="O779" s="35"/>
      <c r="P779" s="34"/>
      <c r="Q779" s="34"/>
      <c r="R779" s="34"/>
      <c r="S779" s="34"/>
      <c r="T779" s="34"/>
      <c r="U779" s="34"/>
      <c r="V779" s="33"/>
      <c r="W779" s="33"/>
      <c r="X779" s="33"/>
      <c r="Y779" s="33"/>
      <c r="Z779" s="33"/>
      <c r="AA779" s="33"/>
      <c r="AB779" s="33"/>
      <c r="AC779" s="33"/>
      <c r="AD779" s="33"/>
      <c r="AE779" s="33"/>
      <c r="AF779" s="33"/>
      <c r="AG779" s="33"/>
      <c r="AH779" s="33"/>
      <c r="AI779" s="33"/>
      <c r="AJ779" s="33"/>
      <c r="AK779" s="33"/>
      <c r="AL779" s="33"/>
      <c r="AM779" s="33"/>
      <c r="AN779" s="33"/>
      <c r="AO779" s="33"/>
      <c r="AP779" s="33"/>
      <c r="AQ779" s="33"/>
      <c r="AR779" s="33"/>
      <c r="AS779" s="33"/>
      <c r="AT779" s="33"/>
      <c r="AU779" s="33"/>
      <c r="AV779" s="33"/>
      <c r="AW779" s="33"/>
      <c r="AX779" s="33"/>
      <c r="DI779" s="28"/>
    </row>
    <row r="780" spans="1:251" s="23" customFormat="1" ht="14.4">
      <c r="A780" s="34"/>
      <c r="B780" s="36"/>
      <c r="C780" s="29"/>
      <c r="D780" s="29"/>
      <c r="E780" s="29"/>
      <c r="F780" s="29"/>
      <c r="G780" s="29"/>
      <c r="H780" s="29"/>
      <c r="I780" s="29"/>
      <c r="J780" s="29"/>
      <c r="K780" s="29"/>
      <c r="L780" s="30"/>
      <c r="M780" s="30"/>
      <c r="N780" s="30"/>
      <c r="O780" s="30"/>
      <c r="P780" s="29"/>
      <c r="Q780" s="29"/>
      <c r="R780" s="29"/>
      <c r="S780" s="29"/>
      <c r="T780" s="29"/>
      <c r="U780" s="29"/>
      <c r="V780" s="31"/>
      <c r="W780" s="31"/>
      <c r="X780" s="31"/>
      <c r="Y780" s="31"/>
      <c r="Z780" s="31"/>
      <c r="AA780" s="31"/>
      <c r="AB780" s="31"/>
      <c r="AC780" s="31"/>
      <c r="AD780" s="31"/>
      <c r="AE780" s="31"/>
      <c r="AF780" s="31"/>
      <c r="AG780" s="31"/>
      <c r="AH780" s="31"/>
      <c r="AI780" s="31"/>
      <c r="AJ780" s="31"/>
      <c r="AK780" s="31"/>
      <c r="AL780" s="31"/>
      <c r="AM780" s="31"/>
      <c r="AN780" s="31"/>
      <c r="AO780" s="31"/>
      <c r="AP780" s="31"/>
      <c r="AQ780" s="31"/>
      <c r="AR780" s="31"/>
      <c r="AS780" s="31"/>
      <c r="AT780" s="31"/>
      <c r="AU780" s="31"/>
      <c r="AV780" s="31"/>
      <c r="AW780" s="31"/>
      <c r="AX780" s="37"/>
    </row>
    <row r="781" spans="1:251" s="23" customFormat="1" ht="10.8" customHeight="1">
      <c r="A781" s="34"/>
      <c r="B781" s="127" t="s">
        <v>141</v>
      </c>
      <c r="C781" s="128"/>
      <c r="D781" s="128"/>
      <c r="E781" s="128"/>
      <c r="F781" s="128"/>
      <c r="G781" s="128"/>
      <c r="H781" s="128"/>
      <c r="I781" s="128"/>
      <c r="J781" s="128"/>
      <c r="K781" s="128"/>
      <c r="L781" s="128"/>
      <c r="M781" s="128"/>
      <c r="N781" s="128"/>
      <c r="O781" s="128"/>
      <c r="P781" s="128"/>
      <c r="Q781" s="128"/>
      <c r="R781" s="128"/>
      <c r="S781" s="128"/>
      <c r="T781" s="128"/>
      <c r="U781" s="128"/>
      <c r="V781" s="128"/>
      <c r="W781" s="128"/>
      <c r="X781" s="128"/>
      <c r="Y781" s="128"/>
      <c r="Z781" s="128"/>
      <c r="AA781" s="128"/>
      <c r="AB781" s="128"/>
      <c r="AC781" s="128"/>
      <c r="AD781" s="128"/>
      <c r="AE781" s="128"/>
      <c r="AF781" s="128"/>
      <c r="AG781" s="128"/>
      <c r="AH781" s="128"/>
      <c r="AI781" s="128"/>
      <c r="AJ781" s="128"/>
      <c r="AK781" s="128"/>
      <c r="AL781" s="128"/>
      <c r="AM781" s="128"/>
      <c r="AN781" s="128"/>
      <c r="AO781" s="128"/>
      <c r="AP781" s="128"/>
      <c r="AQ781" s="128"/>
      <c r="AR781" s="128"/>
      <c r="AS781" s="128"/>
      <c r="AT781" s="128"/>
      <c r="AU781" s="128"/>
      <c r="AV781" s="128"/>
      <c r="AW781" s="128"/>
      <c r="AX781" s="129"/>
    </row>
    <row r="782" spans="1:251" s="23" customFormat="1" ht="10.8" customHeight="1">
      <c r="A782" s="34"/>
      <c r="B782" s="127"/>
      <c r="C782" s="128"/>
      <c r="D782" s="128"/>
      <c r="E782" s="128"/>
      <c r="F782" s="128"/>
      <c r="G782" s="128"/>
      <c r="H782" s="128"/>
      <c r="I782" s="128"/>
      <c r="J782" s="128"/>
      <c r="K782" s="128"/>
      <c r="L782" s="128"/>
      <c r="M782" s="128"/>
      <c r="N782" s="128"/>
      <c r="O782" s="128"/>
      <c r="P782" s="128"/>
      <c r="Q782" s="128"/>
      <c r="R782" s="128"/>
      <c r="S782" s="128"/>
      <c r="T782" s="128"/>
      <c r="U782" s="128"/>
      <c r="V782" s="128"/>
      <c r="W782" s="128"/>
      <c r="X782" s="128"/>
      <c r="Y782" s="128"/>
      <c r="Z782" s="128"/>
      <c r="AA782" s="128"/>
      <c r="AB782" s="128"/>
      <c r="AC782" s="128"/>
      <c r="AD782" s="128"/>
      <c r="AE782" s="128"/>
      <c r="AF782" s="128"/>
      <c r="AG782" s="128"/>
      <c r="AH782" s="128"/>
      <c r="AI782" s="128"/>
      <c r="AJ782" s="128"/>
      <c r="AK782" s="128"/>
      <c r="AL782" s="128"/>
      <c r="AM782" s="128"/>
      <c r="AN782" s="128"/>
      <c r="AO782" s="128"/>
      <c r="AP782" s="128"/>
      <c r="AQ782" s="128"/>
      <c r="AR782" s="128"/>
      <c r="AS782" s="128"/>
      <c r="AT782" s="128"/>
      <c r="AU782" s="128"/>
      <c r="AV782" s="128"/>
      <c r="AW782" s="128"/>
      <c r="AX782" s="129"/>
      <c r="BC782" s="17"/>
    </row>
    <row r="783" spans="1:251" s="23" customFormat="1" ht="10.8" customHeight="1">
      <c r="A783" s="34"/>
      <c r="B783" s="127"/>
      <c r="C783" s="128"/>
      <c r="D783" s="128"/>
      <c r="E783" s="128"/>
      <c r="F783" s="128"/>
      <c r="G783" s="128"/>
      <c r="H783" s="128"/>
      <c r="I783" s="128"/>
      <c r="J783" s="128"/>
      <c r="K783" s="128"/>
      <c r="L783" s="128"/>
      <c r="M783" s="128"/>
      <c r="N783" s="128"/>
      <c r="O783" s="128"/>
      <c r="P783" s="128"/>
      <c r="Q783" s="128"/>
      <c r="R783" s="128"/>
      <c r="S783" s="128"/>
      <c r="T783" s="128"/>
      <c r="U783" s="128"/>
      <c r="V783" s="128"/>
      <c r="W783" s="128"/>
      <c r="X783" s="128"/>
      <c r="Y783" s="128"/>
      <c r="Z783" s="128"/>
      <c r="AA783" s="128"/>
      <c r="AB783" s="128"/>
      <c r="AC783" s="128"/>
      <c r="AD783" s="128"/>
      <c r="AE783" s="128"/>
      <c r="AF783" s="128"/>
      <c r="AG783" s="128"/>
      <c r="AH783" s="128"/>
      <c r="AI783" s="128"/>
      <c r="AJ783" s="128"/>
      <c r="AK783" s="128"/>
      <c r="AL783" s="128"/>
      <c r="AM783" s="128"/>
      <c r="AN783" s="128"/>
      <c r="AO783" s="128"/>
      <c r="AP783" s="128"/>
      <c r="AQ783" s="128"/>
      <c r="AR783" s="128"/>
      <c r="AS783" s="128"/>
      <c r="AT783" s="128"/>
      <c r="AU783" s="128"/>
      <c r="AV783" s="128"/>
      <c r="AW783" s="128"/>
      <c r="AX783" s="129"/>
    </row>
    <row r="784" spans="1:251" s="23" customFormat="1" ht="10.8" customHeight="1">
      <c r="A784" s="34"/>
      <c r="B784" s="127"/>
      <c r="C784" s="128"/>
      <c r="D784" s="128"/>
      <c r="E784" s="128"/>
      <c r="F784" s="128"/>
      <c r="G784" s="128"/>
      <c r="H784" s="128"/>
      <c r="I784" s="128"/>
      <c r="J784" s="128"/>
      <c r="K784" s="128"/>
      <c r="L784" s="128"/>
      <c r="M784" s="128"/>
      <c r="N784" s="128"/>
      <c r="O784" s="128"/>
      <c r="P784" s="128"/>
      <c r="Q784" s="128"/>
      <c r="R784" s="128"/>
      <c r="S784" s="128"/>
      <c r="T784" s="128"/>
      <c r="U784" s="128"/>
      <c r="V784" s="128"/>
      <c r="W784" s="128"/>
      <c r="X784" s="128"/>
      <c r="Y784" s="128"/>
      <c r="Z784" s="128"/>
      <c r="AA784" s="128"/>
      <c r="AB784" s="128"/>
      <c r="AC784" s="128"/>
      <c r="AD784" s="128"/>
      <c r="AE784" s="128"/>
      <c r="AF784" s="128"/>
      <c r="AG784" s="128"/>
      <c r="AH784" s="128"/>
      <c r="AI784" s="128"/>
      <c r="AJ784" s="128"/>
      <c r="AK784" s="128"/>
      <c r="AL784" s="128"/>
      <c r="AM784" s="128"/>
      <c r="AN784" s="128"/>
      <c r="AO784" s="128"/>
      <c r="AP784" s="128"/>
      <c r="AQ784" s="128"/>
      <c r="AR784" s="128"/>
      <c r="AS784" s="128"/>
      <c r="AT784" s="128"/>
      <c r="AU784" s="128"/>
      <c r="AV784" s="128"/>
      <c r="AW784" s="128"/>
      <c r="AX784" s="129"/>
    </row>
    <row r="785" spans="1:251" s="23" customFormat="1" ht="10.8" customHeight="1">
      <c r="A785" s="34"/>
      <c r="B785" s="127"/>
      <c r="C785" s="128"/>
      <c r="D785" s="128"/>
      <c r="E785" s="128"/>
      <c r="F785" s="128"/>
      <c r="G785" s="128"/>
      <c r="H785" s="128"/>
      <c r="I785" s="128"/>
      <c r="J785" s="128"/>
      <c r="K785" s="128"/>
      <c r="L785" s="128"/>
      <c r="M785" s="128"/>
      <c r="N785" s="128"/>
      <c r="O785" s="128"/>
      <c r="P785" s="128"/>
      <c r="Q785" s="128"/>
      <c r="R785" s="128"/>
      <c r="S785" s="128"/>
      <c r="T785" s="128"/>
      <c r="U785" s="128"/>
      <c r="V785" s="128"/>
      <c r="W785" s="128"/>
      <c r="X785" s="128"/>
      <c r="Y785" s="128"/>
      <c r="Z785" s="128"/>
      <c r="AA785" s="128"/>
      <c r="AB785" s="128"/>
      <c r="AC785" s="128"/>
      <c r="AD785" s="128"/>
      <c r="AE785" s="128"/>
      <c r="AF785" s="128"/>
      <c r="AG785" s="128"/>
      <c r="AH785" s="128"/>
      <c r="AI785" s="128"/>
      <c r="AJ785" s="128"/>
      <c r="AK785" s="128"/>
      <c r="AL785" s="128"/>
      <c r="AM785" s="128"/>
      <c r="AN785" s="128"/>
      <c r="AO785" s="128"/>
      <c r="AP785" s="128"/>
      <c r="AQ785" s="128"/>
      <c r="AR785" s="128"/>
      <c r="AS785" s="128"/>
      <c r="AT785" s="128"/>
      <c r="AU785" s="128"/>
      <c r="AV785" s="128"/>
      <c r="AW785" s="128"/>
      <c r="AX785" s="129"/>
    </row>
    <row r="786" spans="1:251" s="23" customFormat="1" ht="10.8" customHeight="1">
      <c r="A786" s="34"/>
      <c r="B786" s="127"/>
      <c r="C786" s="128"/>
      <c r="D786" s="128"/>
      <c r="E786" s="128"/>
      <c r="F786" s="128"/>
      <c r="G786" s="128"/>
      <c r="H786" s="128"/>
      <c r="I786" s="128"/>
      <c r="J786" s="128"/>
      <c r="K786" s="128"/>
      <c r="L786" s="128"/>
      <c r="M786" s="128"/>
      <c r="N786" s="128"/>
      <c r="O786" s="128"/>
      <c r="P786" s="128"/>
      <c r="Q786" s="128"/>
      <c r="R786" s="128"/>
      <c r="S786" s="128"/>
      <c r="T786" s="128"/>
      <c r="U786" s="128"/>
      <c r="V786" s="128"/>
      <c r="W786" s="128"/>
      <c r="X786" s="128"/>
      <c r="Y786" s="128"/>
      <c r="Z786" s="128"/>
      <c r="AA786" s="128"/>
      <c r="AB786" s="128"/>
      <c r="AC786" s="128"/>
      <c r="AD786" s="128"/>
      <c r="AE786" s="128"/>
      <c r="AF786" s="128"/>
      <c r="AG786" s="128"/>
      <c r="AH786" s="128"/>
      <c r="AI786" s="128"/>
      <c r="AJ786" s="128"/>
      <c r="AK786" s="128"/>
      <c r="AL786" s="128"/>
      <c r="AM786" s="128"/>
      <c r="AN786" s="128"/>
      <c r="AO786" s="128"/>
      <c r="AP786" s="128"/>
      <c r="AQ786" s="128"/>
      <c r="AR786" s="128"/>
      <c r="AS786" s="128"/>
      <c r="AT786" s="128"/>
      <c r="AU786" s="128"/>
      <c r="AV786" s="128"/>
      <c r="AW786" s="128"/>
      <c r="AX786" s="129"/>
    </row>
    <row r="787" spans="1:251" s="23" customFormat="1" ht="10.8" customHeight="1">
      <c r="A787" s="34"/>
      <c r="B787" s="127"/>
      <c r="C787" s="128"/>
      <c r="D787" s="128"/>
      <c r="E787" s="128"/>
      <c r="F787" s="128"/>
      <c r="G787" s="128"/>
      <c r="H787" s="128"/>
      <c r="I787" s="128"/>
      <c r="J787" s="128"/>
      <c r="K787" s="128"/>
      <c r="L787" s="128"/>
      <c r="M787" s="128"/>
      <c r="N787" s="128"/>
      <c r="O787" s="128"/>
      <c r="P787" s="128"/>
      <c r="Q787" s="128"/>
      <c r="R787" s="128"/>
      <c r="S787" s="128"/>
      <c r="T787" s="128"/>
      <c r="U787" s="128"/>
      <c r="V787" s="128"/>
      <c r="W787" s="128"/>
      <c r="X787" s="128"/>
      <c r="Y787" s="128"/>
      <c r="Z787" s="128"/>
      <c r="AA787" s="128"/>
      <c r="AB787" s="128"/>
      <c r="AC787" s="128"/>
      <c r="AD787" s="128"/>
      <c r="AE787" s="128"/>
      <c r="AF787" s="128"/>
      <c r="AG787" s="128"/>
      <c r="AH787" s="128"/>
      <c r="AI787" s="128"/>
      <c r="AJ787" s="128"/>
      <c r="AK787" s="128"/>
      <c r="AL787" s="128"/>
      <c r="AM787" s="128"/>
      <c r="AN787" s="128"/>
      <c r="AO787" s="128"/>
      <c r="AP787" s="128"/>
      <c r="AQ787" s="128"/>
      <c r="AR787" s="128"/>
      <c r="AS787" s="128"/>
      <c r="AT787" s="128"/>
      <c r="AU787" s="128"/>
      <c r="AV787" s="128"/>
      <c r="AW787" s="128"/>
      <c r="AX787" s="129"/>
    </row>
    <row r="788" spans="1:251" s="23" customFormat="1" ht="10.8" customHeight="1">
      <c r="A788" s="34"/>
      <c r="B788" s="127"/>
      <c r="C788" s="128"/>
      <c r="D788" s="128"/>
      <c r="E788" s="128"/>
      <c r="F788" s="128"/>
      <c r="G788" s="128"/>
      <c r="H788" s="128"/>
      <c r="I788" s="128"/>
      <c r="J788" s="128"/>
      <c r="K788" s="128"/>
      <c r="L788" s="128"/>
      <c r="M788" s="128"/>
      <c r="N788" s="128"/>
      <c r="O788" s="128"/>
      <c r="P788" s="128"/>
      <c r="Q788" s="128"/>
      <c r="R788" s="128"/>
      <c r="S788" s="128"/>
      <c r="T788" s="128"/>
      <c r="U788" s="128"/>
      <c r="V788" s="128"/>
      <c r="W788" s="128"/>
      <c r="X788" s="128"/>
      <c r="Y788" s="128"/>
      <c r="Z788" s="128"/>
      <c r="AA788" s="128"/>
      <c r="AB788" s="128"/>
      <c r="AC788" s="128"/>
      <c r="AD788" s="128"/>
      <c r="AE788" s="128"/>
      <c r="AF788" s="128"/>
      <c r="AG788" s="128"/>
      <c r="AH788" s="128"/>
      <c r="AI788" s="128"/>
      <c r="AJ788" s="128"/>
      <c r="AK788" s="128"/>
      <c r="AL788" s="128"/>
      <c r="AM788" s="128"/>
      <c r="AN788" s="128"/>
      <c r="AO788" s="128"/>
      <c r="AP788" s="128"/>
      <c r="AQ788" s="128"/>
      <c r="AR788" s="128"/>
      <c r="AS788" s="128"/>
      <c r="AT788" s="128"/>
      <c r="AU788" s="128"/>
      <c r="AV788" s="128"/>
      <c r="AW788" s="128"/>
      <c r="AX788" s="129"/>
    </row>
    <row r="789" spans="1:251" s="23" customFormat="1" ht="10.8" customHeight="1">
      <c r="A789" s="34"/>
      <c r="B789" s="127"/>
      <c r="C789" s="128"/>
      <c r="D789" s="128"/>
      <c r="E789" s="128"/>
      <c r="F789" s="128"/>
      <c r="G789" s="128"/>
      <c r="H789" s="128"/>
      <c r="I789" s="128"/>
      <c r="J789" s="128"/>
      <c r="K789" s="128"/>
      <c r="L789" s="128"/>
      <c r="M789" s="128"/>
      <c r="N789" s="128"/>
      <c r="O789" s="128"/>
      <c r="P789" s="128"/>
      <c r="Q789" s="128"/>
      <c r="R789" s="128"/>
      <c r="S789" s="128"/>
      <c r="T789" s="128"/>
      <c r="U789" s="128"/>
      <c r="V789" s="128"/>
      <c r="W789" s="128"/>
      <c r="X789" s="128"/>
      <c r="Y789" s="128"/>
      <c r="Z789" s="128"/>
      <c r="AA789" s="128"/>
      <c r="AB789" s="128"/>
      <c r="AC789" s="128"/>
      <c r="AD789" s="128"/>
      <c r="AE789" s="128"/>
      <c r="AF789" s="128"/>
      <c r="AG789" s="128"/>
      <c r="AH789" s="128"/>
      <c r="AI789" s="128"/>
      <c r="AJ789" s="128"/>
      <c r="AK789" s="128"/>
      <c r="AL789" s="128"/>
      <c r="AM789" s="128"/>
      <c r="AN789" s="128"/>
      <c r="AO789" s="128"/>
      <c r="AP789" s="128"/>
      <c r="AQ789" s="128"/>
      <c r="AR789" s="128"/>
      <c r="AS789" s="128"/>
      <c r="AT789" s="128"/>
      <c r="AU789" s="128"/>
      <c r="AV789" s="128"/>
      <c r="AW789" s="128"/>
      <c r="AX789" s="129"/>
    </row>
    <row r="790" spans="1:251" s="23" customFormat="1" ht="10.8" customHeight="1">
      <c r="A790" s="34"/>
      <c r="B790" s="127"/>
      <c r="C790" s="128"/>
      <c r="D790" s="128"/>
      <c r="E790" s="128"/>
      <c r="F790" s="128"/>
      <c r="G790" s="128"/>
      <c r="H790" s="128"/>
      <c r="I790" s="128"/>
      <c r="J790" s="128"/>
      <c r="K790" s="128"/>
      <c r="L790" s="128"/>
      <c r="M790" s="128"/>
      <c r="N790" s="128"/>
      <c r="O790" s="128"/>
      <c r="P790" s="128"/>
      <c r="Q790" s="128"/>
      <c r="R790" s="128"/>
      <c r="S790" s="128"/>
      <c r="T790" s="128"/>
      <c r="U790" s="128"/>
      <c r="V790" s="128"/>
      <c r="W790" s="128"/>
      <c r="X790" s="128"/>
      <c r="Y790" s="128"/>
      <c r="Z790" s="128"/>
      <c r="AA790" s="128"/>
      <c r="AB790" s="128"/>
      <c r="AC790" s="128"/>
      <c r="AD790" s="128"/>
      <c r="AE790" s="128"/>
      <c r="AF790" s="128"/>
      <c r="AG790" s="128"/>
      <c r="AH790" s="128"/>
      <c r="AI790" s="128"/>
      <c r="AJ790" s="128"/>
      <c r="AK790" s="128"/>
      <c r="AL790" s="128"/>
      <c r="AM790" s="128"/>
      <c r="AN790" s="128"/>
      <c r="AO790" s="128"/>
      <c r="AP790" s="128"/>
      <c r="AQ790" s="128"/>
      <c r="AR790" s="128"/>
      <c r="AS790" s="128"/>
      <c r="AT790" s="128"/>
      <c r="AU790" s="128"/>
      <c r="AV790" s="128"/>
      <c r="AW790" s="128"/>
      <c r="AX790" s="129"/>
    </row>
    <row r="791" spans="1:251" s="23" customFormat="1" ht="15" thickBot="1">
      <c r="A791" s="38"/>
      <c r="B791" s="39"/>
      <c r="C791" s="40"/>
      <c r="D791" s="40"/>
      <c r="E791" s="40"/>
      <c r="F791" s="40"/>
      <c r="G791" s="40"/>
      <c r="H791" s="40"/>
      <c r="I791" s="40"/>
      <c r="J791" s="40"/>
      <c r="K791" s="40"/>
      <c r="L791" s="40"/>
      <c r="M791" s="40"/>
      <c r="N791" s="40"/>
      <c r="O791" s="40"/>
      <c r="P791" s="40"/>
      <c r="Q791" s="40"/>
      <c r="R791" s="40"/>
      <c r="S791" s="40"/>
      <c r="T791" s="40"/>
      <c r="U791" s="40"/>
      <c r="V791" s="40"/>
      <c r="W791" s="40"/>
      <c r="X791" s="40"/>
      <c r="Y791" s="40"/>
      <c r="Z791" s="40"/>
      <c r="AA791" s="40"/>
      <c r="AB791" s="40"/>
      <c r="AC791" s="40"/>
      <c r="AD791" s="40"/>
      <c r="AE791" s="40"/>
      <c r="AF791" s="40"/>
      <c r="AG791" s="40"/>
      <c r="AH791" s="40"/>
      <c r="AI791" s="40"/>
      <c r="AJ791" s="40"/>
      <c r="AK791" s="40"/>
      <c r="AL791" s="40"/>
      <c r="AM791" s="40"/>
      <c r="AN791" s="40"/>
      <c r="AO791" s="40"/>
      <c r="AP791" s="40"/>
      <c r="AQ791" s="40"/>
      <c r="AR791" s="40"/>
      <c r="AS791" s="40"/>
      <c r="AT791" s="40"/>
      <c r="AU791" s="40"/>
      <c r="AV791" s="40"/>
      <c r="AW791" s="40"/>
      <c r="AX791" s="41"/>
    </row>
    <row r="792" spans="1:251" s="23" customFormat="1" ht="13.2">
      <c r="B792" s="42"/>
    </row>
    <row r="793" spans="1:251" s="23" customFormat="1" ht="14.4">
      <c r="B793" s="33" t="s">
        <v>93</v>
      </c>
      <c r="C793" s="34"/>
      <c r="D793" s="34"/>
      <c r="E793" s="34"/>
      <c r="F793" s="34"/>
      <c r="G793" s="34"/>
      <c r="H793" s="34"/>
      <c r="I793" s="34"/>
      <c r="J793" s="34"/>
      <c r="K793" s="34"/>
      <c r="L793" s="35"/>
      <c r="M793" s="35"/>
      <c r="N793" s="35"/>
      <c r="O793" s="35"/>
      <c r="P793" s="34"/>
      <c r="Q793" s="34"/>
      <c r="R793" s="34"/>
      <c r="S793" s="34"/>
      <c r="T793" s="34"/>
      <c r="U793" s="34"/>
      <c r="V793" s="33"/>
      <c r="W793" s="33"/>
      <c r="X793" s="33"/>
      <c r="Y793" s="33"/>
      <c r="Z793" s="33"/>
      <c r="AA793" s="33"/>
      <c r="AB793" s="33"/>
      <c r="AC793" s="33"/>
      <c r="AD793" s="33"/>
      <c r="AE793" s="33"/>
      <c r="AF793" s="33"/>
      <c r="AG793" s="33"/>
      <c r="AH793" s="33"/>
      <c r="AI793" s="33"/>
      <c r="AJ793" s="33"/>
      <c r="AK793" s="33"/>
      <c r="AL793" s="33"/>
      <c r="AM793" s="33"/>
      <c r="AN793" s="33"/>
      <c r="AO793" s="33"/>
      <c r="AP793" s="33"/>
      <c r="AQ793" s="33"/>
      <c r="AR793" s="33"/>
      <c r="AS793" s="33"/>
      <c r="AT793" s="33"/>
      <c r="AU793" s="33"/>
      <c r="AV793" s="33"/>
      <c r="AW793" s="33"/>
      <c r="AX793" s="33"/>
    </row>
    <row r="794" spans="1:251" s="23" customFormat="1" ht="15" thickBot="1">
      <c r="B794" s="33"/>
      <c r="C794" s="34"/>
      <c r="D794" s="34"/>
      <c r="E794" s="34"/>
      <c r="F794" s="34"/>
      <c r="G794" s="34"/>
      <c r="H794" s="34"/>
      <c r="I794" s="34"/>
      <c r="J794" s="34"/>
      <c r="K794" s="34"/>
      <c r="L794" s="35"/>
      <c r="M794" s="35"/>
      <c r="N794" s="35"/>
      <c r="O794" s="35"/>
      <c r="P794" s="34"/>
      <c r="Q794" s="34"/>
      <c r="R794" s="34"/>
      <c r="S794" s="34"/>
      <c r="T794" s="34"/>
      <c r="U794" s="34"/>
      <c r="V794" s="33"/>
      <c r="W794" s="33"/>
      <c r="X794" s="33"/>
      <c r="Y794" s="33"/>
      <c r="Z794" s="33"/>
      <c r="AA794" s="33"/>
      <c r="AB794" s="33"/>
      <c r="AC794" s="33"/>
      <c r="AD794" s="33"/>
      <c r="AE794" s="33"/>
      <c r="AF794" s="33"/>
      <c r="AG794" s="33"/>
      <c r="AH794" s="33"/>
      <c r="AI794" s="33"/>
      <c r="AJ794" s="33"/>
      <c r="AK794" s="33"/>
      <c r="AL794" s="33"/>
      <c r="AM794" s="33"/>
      <c r="AN794" s="33"/>
      <c r="AO794" s="33"/>
      <c r="AP794" s="33"/>
      <c r="AQ794" s="33"/>
      <c r="AR794" s="33"/>
      <c r="AS794" s="33"/>
      <c r="AT794" s="33"/>
      <c r="AU794" s="33"/>
      <c r="AV794" s="33"/>
      <c r="AW794" s="33"/>
      <c r="AX794" s="43" t="s">
        <v>94</v>
      </c>
    </row>
    <row r="795" spans="1:251" s="50" customFormat="1" ht="13.5" customHeight="1">
      <c r="A795" s="34"/>
      <c r="B795" s="139" t="s">
        <v>95</v>
      </c>
      <c r="C795" s="203"/>
      <c r="D795" s="203"/>
      <c r="E795" s="203"/>
      <c r="F795" s="203"/>
      <c r="G795" s="203"/>
      <c r="H795" s="203"/>
      <c r="I795" s="203"/>
      <c r="J795" s="203"/>
      <c r="K795" s="203"/>
      <c r="L795" s="203"/>
      <c r="M795" s="203"/>
      <c r="N795" s="203"/>
      <c r="O795" s="203"/>
      <c r="P795" s="203"/>
      <c r="Q795" s="203"/>
      <c r="R795" s="203"/>
      <c r="S795" s="203"/>
      <c r="T795" s="203"/>
      <c r="U795" s="203"/>
      <c r="V795" s="203"/>
      <c r="W795" s="203"/>
      <c r="X795" s="203"/>
      <c r="Y795" s="203"/>
      <c r="Z795" s="204"/>
      <c r="AA795" s="145" t="s">
        <v>116</v>
      </c>
      <c r="AB795" s="203"/>
      <c r="AC795" s="203"/>
      <c r="AD795" s="203"/>
      <c r="AE795" s="203"/>
      <c r="AF795" s="203"/>
      <c r="AG795" s="203"/>
      <c r="AH795" s="203"/>
      <c r="AI795" s="204"/>
      <c r="AJ795" s="145" t="s">
        <v>117</v>
      </c>
      <c r="AK795" s="203"/>
      <c r="AL795" s="203"/>
      <c r="AM795" s="203"/>
      <c r="AN795" s="203"/>
      <c r="AO795" s="203"/>
      <c r="AP795" s="203"/>
      <c r="AQ795" s="203"/>
      <c r="AR795" s="204"/>
      <c r="AS795" s="145" t="s">
        <v>98</v>
      </c>
      <c r="AT795" s="203"/>
      <c r="AU795" s="203"/>
      <c r="AV795" s="203"/>
      <c r="AW795" s="203"/>
      <c r="AX795" s="209"/>
      <c r="AY795" s="23"/>
      <c r="AZ795" s="23"/>
      <c r="BA795" s="23"/>
      <c r="BB795" s="23"/>
      <c r="BC795" s="23"/>
      <c r="BD795" s="23"/>
      <c r="BE795" s="23"/>
      <c r="BF795" s="23"/>
      <c r="BG795" s="23"/>
      <c r="BH795" s="23"/>
      <c r="BI795" s="23"/>
      <c r="BJ795" s="23"/>
      <c r="BK795" s="23"/>
      <c r="BL795" s="23"/>
      <c r="BM795" s="23"/>
      <c r="BN795" s="23"/>
      <c r="BO795" s="23"/>
      <c r="BP795" s="23"/>
      <c r="BQ795" s="23"/>
      <c r="BR795" s="23"/>
      <c r="BS795" s="23"/>
      <c r="BT795" s="23"/>
      <c r="BU795" s="23"/>
      <c r="BV795" s="23"/>
      <c r="BW795" s="23"/>
      <c r="BX795" s="23"/>
      <c r="BY795" s="23"/>
      <c r="BZ795" s="23"/>
      <c r="CA795" s="23"/>
      <c r="CB795" s="23"/>
      <c r="CC795" s="23"/>
      <c r="CD795" s="23"/>
      <c r="CE795" s="23"/>
      <c r="CF795" s="23"/>
      <c r="CG795" s="23"/>
      <c r="CH795" s="23"/>
      <c r="CI795" s="23"/>
      <c r="CJ795" s="23"/>
      <c r="CK795" s="23"/>
      <c r="CL795" s="23"/>
      <c r="CM795" s="23"/>
      <c r="CN795" s="23"/>
      <c r="CO795" s="23"/>
      <c r="CP795" s="23"/>
      <c r="CQ795" s="23"/>
      <c r="CR795" s="23"/>
      <c r="CS795" s="23"/>
      <c r="CT795" s="23"/>
      <c r="CU795" s="23"/>
      <c r="CV795" s="23"/>
      <c r="CW795" s="23"/>
      <c r="CX795" s="23"/>
      <c r="CY795" s="23"/>
      <c r="CZ795" s="23"/>
      <c r="DA795" s="23"/>
      <c r="DB795" s="23"/>
      <c r="DC795" s="23"/>
      <c r="DD795" s="23"/>
      <c r="DE795" s="23"/>
      <c r="DF795" s="23"/>
      <c r="DG795" s="23"/>
      <c r="DH795" s="23"/>
      <c r="DI795" s="23"/>
      <c r="DJ795" s="23"/>
      <c r="DK795" s="23"/>
      <c r="DL795" s="23"/>
      <c r="DM795" s="23"/>
      <c r="DN795" s="23"/>
      <c r="DO795" s="23"/>
      <c r="DP795" s="23"/>
      <c r="DQ795" s="23"/>
      <c r="DR795" s="23"/>
      <c r="DS795" s="23"/>
      <c r="DT795" s="23"/>
      <c r="DU795" s="23"/>
      <c r="DV795" s="23"/>
      <c r="DW795" s="23"/>
      <c r="DX795" s="23"/>
      <c r="DY795" s="23"/>
      <c r="DZ795" s="23"/>
      <c r="EA795" s="23"/>
      <c r="EB795" s="23"/>
      <c r="EC795" s="23"/>
      <c r="ED795" s="23"/>
      <c r="EE795" s="23"/>
      <c r="EF795" s="23"/>
      <c r="EG795" s="23"/>
      <c r="EH795" s="23"/>
      <c r="EI795" s="23"/>
      <c r="EJ795" s="23"/>
      <c r="EK795" s="23"/>
      <c r="EL795" s="23"/>
      <c r="EM795" s="23"/>
      <c r="EN795" s="23"/>
      <c r="EO795" s="23"/>
      <c r="EP795" s="23"/>
      <c r="EQ795" s="23"/>
      <c r="ER795" s="23"/>
      <c r="ES795" s="23"/>
      <c r="ET795" s="23"/>
      <c r="EU795" s="23"/>
      <c r="EV795" s="23"/>
      <c r="EW795" s="23"/>
      <c r="EX795" s="23"/>
      <c r="EY795" s="23"/>
      <c r="EZ795" s="23"/>
      <c r="FA795" s="23"/>
      <c r="FB795" s="23"/>
      <c r="FC795" s="23"/>
      <c r="FD795" s="23"/>
      <c r="FE795" s="23"/>
      <c r="FF795" s="23"/>
      <c r="FG795" s="23"/>
      <c r="FH795" s="23"/>
      <c r="FI795" s="23"/>
      <c r="FJ795" s="23"/>
      <c r="FK795" s="23"/>
      <c r="FL795" s="23"/>
      <c r="FM795" s="23"/>
      <c r="FN795" s="23"/>
      <c r="FO795" s="23"/>
      <c r="FP795" s="23"/>
      <c r="FQ795" s="23"/>
      <c r="FR795" s="23"/>
      <c r="FS795" s="23"/>
      <c r="FT795" s="23"/>
      <c r="FU795" s="23"/>
      <c r="FV795" s="23"/>
      <c r="FW795" s="23"/>
      <c r="FX795" s="23"/>
      <c r="FY795" s="23"/>
      <c r="FZ795" s="23"/>
      <c r="GA795" s="23"/>
      <c r="GB795" s="23"/>
      <c r="GC795" s="23"/>
      <c r="GD795" s="23"/>
      <c r="GE795" s="23"/>
      <c r="GF795" s="23"/>
      <c r="GG795" s="23"/>
      <c r="GH795" s="23"/>
      <c r="GI795" s="23"/>
      <c r="GJ795" s="23"/>
      <c r="GK795" s="23"/>
      <c r="GL795" s="23"/>
      <c r="GM795" s="23"/>
      <c r="GN795" s="23"/>
      <c r="GO795" s="23"/>
      <c r="GP795" s="23"/>
      <c r="GQ795" s="23"/>
      <c r="GR795" s="23"/>
      <c r="GS795" s="23"/>
      <c r="GT795" s="23"/>
      <c r="GU795" s="23"/>
      <c r="GV795" s="23"/>
      <c r="GW795" s="23"/>
      <c r="GX795" s="23"/>
      <c r="GY795" s="23"/>
      <c r="GZ795" s="23"/>
      <c r="HA795" s="23"/>
      <c r="HB795" s="23"/>
      <c r="HC795" s="23"/>
      <c r="HD795" s="23"/>
      <c r="HE795" s="23"/>
      <c r="HF795" s="23"/>
      <c r="HG795" s="23"/>
      <c r="HH795" s="23"/>
      <c r="HI795" s="23"/>
      <c r="HJ795" s="23"/>
      <c r="HK795" s="23"/>
      <c r="HL795" s="23"/>
      <c r="HM795" s="23"/>
      <c r="HN795" s="23"/>
      <c r="HO795" s="23"/>
      <c r="HP795" s="23"/>
      <c r="HQ795" s="23"/>
      <c r="HR795" s="23"/>
      <c r="HS795" s="23"/>
      <c r="HT795" s="23"/>
      <c r="HU795" s="23"/>
      <c r="HV795" s="23"/>
      <c r="HW795" s="23"/>
      <c r="HX795" s="23"/>
      <c r="HY795" s="23"/>
      <c r="HZ795" s="23"/>
      <c r="IA795" s="23"/>
      <c r="IB795" s="23"/>
      <c r="IC795" s="23"/>
      <c r="ID795" s="23"/>
      <c r="IE795" s="23"/>
      <c r="IF795" s="23"/>
      <c r="IG795" s="23"/>
      <c r="IH795" s="23"/>
      <c r="II795" s="23"/>
      <c r="IJ795" s="23"/>
      <c r="IK795" s="23"/>
      <c r="IL795" s="23"/>
      <c r="IM795" s="23"/>
      <c r="IN795" s="23"/>
      <c r="IO795" s="23"/>
      <c r="IP795" s="23"/>
      <c r="IQ795" s="23"/>
    </row>
    <row r="796" spans="1:251" s="50" customFormat="1">
      <c r="A796" s="34"/>
      <c r="B796" s="205"/>
      <c r="C796" s="206"/>
      <c r="D796" s="206"/>
      <c r="E796" s="206"/>
      <c r="F796" s="206"/>
      <c r="G796" s="206"/>
      <c r="H796" s="206"/>
      <c r="I796" s="206"/>
      <c r="J796" s="206"/>
      <c r="K796" s="206"/>
      <c r="L796" s="206"/>
      <c r="M796" s="206"/>
      <c r="N796" s="206"/>
      <c r="O796" s="206"/>
      <c r="P796" s="206"/>
      <c r="Q796" s="206"/>
      <c r="R796" s="206"/>
      <c r="S796" s="206"/>
      <c r="T796" s="206"/>
      <c r="U796" s="206"/>
      <c r="V796" s="206"/>
      <c r="W796" s="206"/>
      <c r="X796" s="206"/>
      <c r="Y796" s="206"/>
      <c r="Z796" s="207"/>
      <c r="AA796" s="208"/>
      <c r="AB796" s="206"/>
      <c r="AC796" s="206"/>
      <c r="AD796" s="206"/>
      <c r="AE796" s="206"/>
      <c r="AF796" s="206"/>
      <c r="AG796" s="206"/>
      <c r="AH796" s="206"/>
      <c r="AI796" s="207"/>
      <c r="AJ796" s="208"/>
      <c r="AK796" s="206"/>
      <c r="AL796" s="206"/>
      <c r="AM796" s="206"/>
      <c r="AN796" s="206"/>
      <c r="AO796" s="206"/>
      <c r="AP796" s="206"/>
      <c r="AQ796" s="206"/>
      <c r="AR796" s="207"/>
      <c r="AS796" s="208"/>
      <c r="AT796" s="206"/>
      <c r="AU796" s="206"/>
      <c r="AV796" s="206"/>
      <c r="AW796" s="206"/>
      <c r="AX796" s="210"/>
      <c r="AY796" s="23"/>
      <c r="AZ796" s="23"/>
      <c r="BA796" s="23"/>
      <c r="BB796"/>
      <c r="BC796" s="45"/>
      <c r="BE796" s="23"/>
      <c r="BF796" s="23"/>
      <c r="BG796" s="23"/>
      <c r="BH796" s="23"/>
      <c r="BI796" s="23"/>
      <c r="BJ796" s="23"/>
      <c r="BK796" s="23"/>
      <c r="BL796" s="23"/>
      <c r="BM796" s="23"/>
      <c r="BN796" s="23"/>
      <c r="BO796" s="23"/>
      <c r="BP796" s="23"/>
      <c r="BQ796" s="23"/>
      <c r="BR796" s="23"/>
      <c r="BS796" s="23"/>
      <c r="BT796" s="23"/>
      <c r="BU796" s="23"/>
      <c r="BV796" s="23"/>
      <c r="BW796" s="23"/>
      <c r="BX796" s="23"/>
      <c r="BY796" s="23"/>
      <c r="BZ796" s="23"/>
      <c r="CA796" s="23"/>
      <c r="CB796" s="23"/>
      <c r="CC796" s="23"/>
      <c r="CD796" s="23"/>
      <c r="CE796" s="23"/>
      <c r="CF796" s="23"/>
      <c r="CG796" s="23"/>
      <c r="CH796" s="23"/>
      <c r="CI796" s="23"/>
      <c r="CJ796" s="23"/>
      <c r="CK796" s="23"/>
      <c r="CL796" s="23"/>
      <c r="CM796" s="23"/>
      <c r="CN796" s="23"/>
      <c r="CO796" s="23"/>
      <c r="CP796" s="23"/>
      <c r="CQ796" s="23"/>
      <c r="CR796" s="23"/>
      <c r="CS796" s="23"/>
      <c r="CT796" s="23"/>
      <c r="CU796" s="23"/>
      <c r="CV796" s="23"/>
      <c r="CW796" s="23"/>
      <c r="CX796" s="23"/>
      <c r="CY796" s="23"/>
      <c r="CZ796" s="23"/>
      <c r="DA796" s="23"/>
      <c r="DB796" s="23"/>
      <c r="DC796" s="23"/>
      <c r="DD796" s="23"/>
      <c r="DE796" s="23"/>
      <c r="DF796" s="23"/>
      <c r="DG796" s="23"/>
      <c r="DH796" s="23"/>
      <c r="DI796" s="23"/>
      <c r="DJ796" s="23"/>
      <c r="DK796" s="23"/>
      <c r="DL796" s="23"/>
      <c r="DM796" s="23"/>
      <c r="DN796" s="23"/>
      <c r="DO796" s="23"/>
      <c r="DP796" s="23"/>
      <c r="DQ796" s="23"/>
      <c r="DR796" s="23"/>
      <c r="DS796" s="23"/>
      <c r="DT796" s="23"/>
      <c r="DU796" s="23"/>
      <c r="DV796" s="23"/>
      <c r="DW796" s="23"/>
      <c r="DX796" s="23"/>
      <c r="DY796" s="23"/>
      <c r="DZ796" s="23"/>
      <c r="EA796" s="23"/>
      <c r="EB796" s="23"/>
      <c r="EC796" s="23"/>
      <c r="ED796" s="23"/>
      <c r="EE796" s="23"/>
      <c r="EF796" s="23"/>
      <c r="EG796" s="23"/>
      <c r="EH796" s="23"/>
      <c r="EI796" s="23"/>
      <c r="EJ796" s="23"/>
      <c r="EK796" s="23"/>
      <c r="EL796" s="23"/>
      <c r="EM796" s="23"/>
      <c r="EN796" s="23"/>
      <c r="EO796" s="23"/>
      <c r="EP796" s="23"/>
      <c r="EQ796" s="23"/>
      <c r="ER796" s="23"/>
      <c r="ES796" s="23"/>
      <c r="ET796" s="23"/>
      <c r="EU796" s="23"/>
      <c r="EV796" s="23"/>
      <c r="EW796" s="23"/>
      <c r="EX796" s="23"/>
      <c r="EY796" s="23"/>
      <c r="EZ796" s="23"/>
      <c r="FA796" s="23"/>
      <c r="FB796" s="23"/>
      <c r="FC796" s="23"/>
      <c r="FD796" s="23"/>
      <c r="FE796" s="23"/>
      <c r="FF796" s="23"/>
      <c r="FG796" s="23"/>
      <c r="FH796" s="23"/>
      <c r="FI796" s="23"/>
      <c r="FJ796" s="23"/>
      <c r="FK796" s="23"/>
      <c r="FL796" s="23"/>
      <c r="FM796" s="23"/>
      <c r="FN796" s="23"/>
      <c r="FO796" s="23"/>
      <c r="FP796" s="23"/>
      <c r="FQ796" s="23"/>
      <c r="FR796" s="23"/>
      <c r="FS796" s="23"/>
      <c r="FT796" s="23"/>
      <c r="FU796" s="23"/>
      <c r="FV796" s="23"/>
      <c r="FW796" s="23"/>
      <c r="FX796" s="23"/>
      <c r="FY796" s="23"/>
      <c r="FZ796" s="23"/>
      <c r="GA796" s="23"/>
      <c r="GB796" s="23"/>
      <c r="GC796" s="23"/>
      <c r="GD796" s="23"/>
      <c r="GE796" s="23"/>
      <c r="GF796" s="23"/>
      <c r="GG796" s="23"/>
      <c r="GH796" s="23"/>
      <c r="GI796" s="23"/>
      <c r="GJ796" s="23"/>
      <c r="GK796" s="23"/>
      <c r="GL796" s="23"/>
      <c r="GM796" s="23"/>
      <c r="GN796" s="23"/>
      <c r="GO796" s="23"/>
      <c r="GP796" s="23"/>
      <c r="GQ796" s="23"/>
      <c r="GR796" s="23"/>
      <c r="GS796" s="23"/>
      <c r="GT796" s="23"/>
      <c r="GU796" s="23"/>
      <c r="GV796" s="23"/>
      <c r="GW796" s="23"/>
      <c r="GX796" s="23"/>
      <c r="GY796" s="23"/>
      <c r="GZ796" s="23"/>
      <c r="HA796" s="23"/>
      <c r="HB796" s="23"/>
      <c r="HC796" s="23"/>
      <c r="HD796" s="23"/>
      <c r="HE796" s="23"/>
      <c r="HF796" s="23"/>
      <c r="HG796" s="23"/>
      <c r="HH796" s="23"/>
      <c r="HI796" s="23"/>
      <c r="HJ796" s="23"/>
      <c r="HK796" s="23"/>
      <c r="HL796" s="23"/>
      <c r="HM796" s="23"/>
      <c r="HN796" s="23"/>
      <c r="HO796" s="23"/>
      <c r="HP796" s="23"/>
      <c r="HQ796" s="23"/>
      <c r="HR796" s="23"/>
      <c r="HS796" s="23"/>
      <c r="HT796" s="23"/>
      <c r="HU796" s="23"/>
      <c r="HV796" s="23"/>
      <c r="HW796" s="23"/>
      <c r="HX796" s="23"/>
      <c r="HY796" s="23"/>
      <c r="HZ796" s="23"/>
      <c r="IA796" s="23"/>
      <c r="IB796" s="23"/>
      <c r="IC796" s="23"/>
      <c r="ID796" s="23"/>
      <c r="IE796" s="23"/>
      <c r="IF796" s="23"/>
      <c r="IG796" s="23"/>
      <c r="IH796" s="23"/>
      <c r="II796" s="23"/>
      <c r="IJ796" s="23"/>
      <c r="IK796" s="23"/>
      <c r="IL796" s="23"/>
      <c r="IM796" s="23"/>
      <c r="IN796" s="23"/>
      <c r="IO796" s="23"/>
      <c r="IP796" s="23"/>
      <c r="IQ796" s="23"/>
    </row>
    <row r="797" spans="1:251" s="50" customFormat="1" ht="18.75" customHeight="1">
      <c r="A797" s="34"/>
      <c r="B797" s="46"/>
      <c r="C797" s="130" t="s">
        <v>142</v>
      </c>
      <c r="D797" s="130"/>
      <c r="E797" s="130"/>
      <c r="F797" s="130"/>
      <c r="G797" s="130"/>
      <c r="H797" s="130"/>
      <c r="I797" s="130"/>
      <c r="J797" s="130"/>
      <c r="K797" s="130"/>
      <c r="L797" s="130"/>
      <c r="M797" s="130"/>
      <c r="N797" s="130"/>
      <c r="O797" s="130"/>
      <c r="P797" s="130"/>
      <c r="Q797" s="130"/>
      <c r="R797" s="130"/>
      <c r="S797" s="130"/>
      <c r="T797" s="130"/>
      <c r="U797" s="130"/>
      <c r="V797" s="130"/>
      <c r="W797" s="130"/>
      <c r="X797" s="130"/>
      <c r="Y797" s="130"/>
      <c r="Z797" s="51"/>
      <c r="AA797" s="132">
        <v>1000</v>
      </c>
      <c r="AB797" s="196"/>
      <c r="AC797" s="196"/>
      <c r="AD797" s="196"/>
      <c r="AE797" s="196"/>
      <c r="AF797" s="196"/>
      <c r="AG797" s="196"/>
      <c r="AH797" s="196"/>
      <c r="AI797" s="197"/>
      <c r="AJ797" s="132">
        <v>1000</v>
      </c>
      <c r="AK797" s="196"/>
      <c r="AL797" s="196"/>
      <c r="AM797" s="196"/>
      <c r="AN797" s="196"/>
      <c r="AO797" s="196"/>
      <c r="AP797" s="196"/>
      <c r="AQ797" s="196"/>
      <c r="AR797" s="197"/>
      <c r="AS797" s="132"/>
      <c r="AT797" s="196"/>
      <c r="AU797" s="196"/>
      <c r="AV797" s="196"/>
      <c r="AW797" s="196"/>
      <c r="AX797" s="202"/>
      <c r="AY797" s="23"/>
      <c r="AZ797" s="23"/>
      <c r="BA797" s="23"/>
      <c r="BB797" s="23"/>
      <c r="BC797" s="23"/>
      <c r="BD797" s="23"/>
      <c r="BE797" s="23"/>
      <c r="BF797" s="23"/>
      <c r="BG797" s="23"/>
      <c r="BH797" s="23"/>
      <c r="BI797" s="23"/>
      <c r="BJ797" s="23"/>
      <c r="BK797" s="23"/>
      <c r="BL797" s="23"/>
      <c r="BM797" s="23"/>
      <c r="BN797" s="23"/>
      <c r="BO797" s="23"/>
      <c r="BP797" s="23"/>
      <c r="BQ797" s="23"/>
      <c r="BR797" s="23"/>
      <c r="BS797" s="23"/>
      <c r="BT797" s="23"/>
      <c r="BU797" s="23"/>
      <c r="BV797" s="23"/>
      <c r="BW797" s="23"/>
      <c r="BX797" s="23"/>
      <c r="BY797" s="23"/>
      <c r="BZ797" s="23"/>
      <c r="CA797" s="23"/>
      <c r="CB797" s="23"/>
      <c r="CC797" s="23"/>
      <c r="CD797" s="23"/>
      <c r="CE797" s="23"/>
      <c r="CF797" s="23"/>
      <c r="CG797" s="23"/>
      <c r="CH797" s="23"/>
      <c r="CI797" s="23"/>
      <c r="CJ797" s="23"/>
      <c r="CK797" s="23"/>
      <c r="CL797" s="23"/>
      <c r="CM797" s="23"/>
      <c r="CN797" s="23"/>
      <c r="CO797" s="23"/>
      <c r="CP797" s="23"/>
      <c r="CQ797" s="23"/>
      <c r="CR797" s="23"/>
      <c r="CS797" s="23"/>
      <c r="CT797" s="23"/>
      <c r="CU797" s="23"/>
      <c r="CV797" s="23"/>
      <c r="CW797" s="23"/>
      <c r="CX797" s="23"/>
      <c r="CY797" s="23"/>
      <c r="CZ797" s="23"/>
      <c r="DA797" s="23"/>
      <c r="DB797" s="23"/>
      <c r="DC797" s="23"/>
      <c r="DD797" s="23"/>
      <c r="DE797" s="23"/>
      <c r="DF797" s="23"/>
      <c r="DG797" s="23"/>
      <c r="DH797" s="23"/>
      <c r="DI797" s="23"/>
      <c r="DJ797" s="23"/>
      <c r="DK797" s="23"/>
      <c r="DL797" s="23"/>
      <c r="DM797" s="23"/>
      <c r="DN797" s="23"/>
      <c r="DO797" s="23"/>
      <c r="DP797" s="23"/>
      <c r="DQ797" s="23"/>
      <c r="DR797" s="23"/>
      <c r="DS797" s="23"/>
      <c r="DT797" s="23"/>
      <c r="DU797" s="23"/>
      <c r="DV797" s="23"/>
      <c r="DW797" s="23"/>
      <c r="DX797" s="23"/>
      <c r="DY797" s="23"/>
      <c r="DZ797" s="23"/>
      <c r="EA797" s="23"/>
      <c r="EB797" s="23"/>
      <c r="EC797" s="23"/>
      <c r="ED797" s="23"/>
      <c r="EE797" s="23"/>
      <c r="EF797" s="23"/>
      <c r="EG797" s="23"/>
      <c r="EH797" s="23"/>
      <c r="EI797" s="23"/>
      <c r="EJ797" s="23"/>
      <c r="EK797" s="23"/>
      <c r="EL797" s="23"/>
      <c r="EM797" s="23"/>
      <c r="EN797" s="23"/>
      <c r="EO797" s="23"/>
      <c r="EP797" s="23"/>
      <c r="EQ797" s="23"/>
      <c r="ER797" s="23"/>
      <c r="ES797" s="23"/>
      <c r="ET797" s="23"/>
      <c r="EU797" s="23"/>
      <c r="EV797" s="23"/>
      <c r="EW797" s="23"/>
      <c r="EX797" s="23"/>
      <c r="EY797" s="23"/>
      <c r="EZ797" s="23"/>
      <c r="FA797" s="23"/>
      <c r="FB797" s="23"/>
      <c r="FC797" s="23"/>
      <c r="FD797" s="23"/>
      <c r="FE797" s="23"/>
      <c r="FF797" s="23"/>
      <c r="FG797" s="23"/>
      <c r="FH797" s="23"/>
      <c r="FI797" s="23"/>
      <c r="FJ797" s="23"/>
      <c r="FK797" s="23"/>
      <c r="FL797" s="23"/>
      <c r="FM797" s="23"/>
      <c r="FN797" s="23"/>
      <c r="FO797" s="23"/>
      <c r="FP797" s="23"/>
      <c r="FQ797" s="23"/>
      <c r="FR797" s="23"/>
      <c r="FS797" s="23"/>
      <c r="FT797" s="23"/>
      <c r="FU797" s="23"/>
      <c r="FV797" s="23"/>
      <c r="FW797" s="23"/>
      <c r="FX797" s="23"/>
      <c r="FY797" s="23"/>
      <c r="FZ797" s="23"/>
      <c r="GA797" s="23"/>
      <c r="GB797" s="23"/>
      <c r="GC797" s="23"/>
      <c r="GD797" s="23"/>
      <c r="GE797" s="23"/>
      <c r="GF797" s="23"/>
      <c r="GG797" s="23"/>
      <c r="GH797" s="23"/>
      <c r="GI797" s="23"/>
      <c r="GJ797" s="23"/>
      <c r="GK797" s="23"/>
      <c r="GL797" s="23"/>
      <c r="GM797" s="23"/>
      <c r="GN797" s="23"/>
      <c r="GO797" s="23"/>
      <c r="GP797" s="23"/>
      <c r="GQ797" s="23"/>
      <c r="GR797" s="23"/>
      <c r="GS797" s="23"/>
      <c r="GT797" s="23"/>
      <c r="GU797" s="23"/>
      <c r="GV797" s="23"/>
      <c r="GW797" s="23"/>
      <c r="GX797" s="23"/>
      <c r="GY797" s="23"/>
      <c r="GZ797" s="23"/>
      <c r="HA797" s="23"/>
      <c r="HB797" s="23"/>
      <c r="HC797" s="23"/>
      <c r="HD797" s="23"/>
      <c r="HE797" s="23"/>
      <c r="HF797" s="23"/>
      <c r="HG797" s="23"/>
      <c r="HH797" s="23"/>
      <c r="HI797" s="23"/>
      <c r="HJ797" s="23"/>
      <c r="HK797" s="23"/>
      <c r="HL797" s="23"/>
      <c r="HM797" s="23"/>
      <c r="HN797" s="23"/>
      <c r="HO797" s="23"/>
      <c r="HP797" s="23"/>
      <c r="HQ797" s="23"/>
      <c r="HR797" s="23"/>
      <c r="HS797" s="23"/>
      <c r="HT797" s="23"/>
      <c r="HU797" s="23"/>
      <c r="HV797" s="23"/>
      <c r="HW797" s="23"/>
      <c r="HX797" s="23"/>
      <c r="HY797" s="23"/>
      <c r="HZ797" s="23"/>
      <c r="IA797" s="23"/>
      <c r="IB797" s="23"/>
      <c r="IC797" s="23"/>
      <c r="ID797" s="23"/>
      <c r="IE797" s="23"/>
      <c r="IF797" s="23"/>
      <c r="IG797" s="23"/>
      <c r="IH797" s="23"/>
      <c r="II797" s="23"/>
      <c r="IJ797" s="23"/>
      <c r="IK797" s="23"/>
      <c r="IL797" s="23"/>
      <c r="IM797" s="23"/>
      <c r="IN797" s="23"/>
      <c r="IO797" s="23"/>
      <c r="IP797" s="23"/>
      <c r="IQ797" s="23"/>
    </row>
    <row r="798" spans="1:251" s="50" customFormat="1" ht="18.75" customHeight="1">
      <c r="A798" s="34"/>
      <c r="B798" s="47"/>
      <c r="C798" s="130"/>
      <c r="D798" s="130"/>
      <c r="E798" s="130"/>
      <c r="F798" s="130"/>
      <c r="G798" s="130"/>
      <c r="H798" s="130"/>
      <c r="I798" s="130"/>
      <c r="J798" s="130"/>
      <c r="K798" s="130"/>
      <c r="L798" s="130"/>
      <c r="M798" s="130"/>
      <c r="N798" s="130"/>
      <c r="O798" s="130"/>
      <c r="P798" s="130"/>
      <c r="Q798" s="130"/>
      <c r="R798" s="130"/>
      <c r="S798" s="130"/>
      <c r="T798" s="130"/>
      <c r="U798" s="130"/>
      <c r="V798" s="130"/>
      <c r="W798" s="130"/>
      <c r="X798" s="130"/>
      <c r="Y798" s="130"/>
      <c r="Z798" s="52"/>
      <c r="AA798" s="132"/>
      <c r="AB798" s="200"/>
      <c r="AC798" s="200"/>
      <c r="AD798" s="200"/>
      <c r="AE798" s="200"/>
      <c r="AF798" s="200"/>
      <c r="AG798" s="200"/>
      <c r="AH798" s="200"/>
      <c r="AI798" s="201"/>
      <c r="AJ798" s="132"/>
      <c r="AK798" s="196"/>
      <c r="AL798" s="196"/>
      <c r="AM798" s="196"/>
      <c r="AN798" s="196"/>
      <c r="AO798" s="196"/>
      <c r="AP798" s="196"/>
      <c r="AQ798" s="196"/>
      <c r="AR798" s="197"/>
      <c r="AS798" s="132"/>
      <c r="AT798" s="196"/>
      <c r="AU798" s="196"/>
      <c r="AV798" s="196"/>
      <c r="AW798" s="196"/>
      <c r="AX798" s="202"/>
      <c r="AY798" s="23"/>
      <c r="AZ798" s="23"/>
      <c r="BA798" s="23"/>
      <c r="BB798" s="23"/>
      <c r="BC798" s="23"/>
      <c r="BD798" s="23"/>
      <c r="BE798" s="23"/>
      <c r="BF798" s="23"/>
      <c r="BG798" s="23"/>
      <c r="BH798" s="23"/>
      <c r="BI798" s="23"/>
      <c r="BJ798" s="23"/>
      <c r="BK798" s="23"/>
      <c r="BL798" s="23"/>
      <c r="BM798" s="23"/>
      <c r="BN798" s="23"/>
      <c r="BO798" s="23"/>
      <c r="BP798" s="23"/>
      <c r="BQ798" s="23"/>
      <c r="BR798" s="23"/>
      <c r="BS798" s="23"/>
      <c r="BT798" s="23"/>
      <c r="BU798" s="23"/>
      <c r="BV798" s="23"/>
      <c r="BW798" s="23"/>
      <c r="BX798" s="23"/>
      <c r="BY798" s="23"/>
      <c r="BZ798" s="23"/>
      <c r="CA798" s="23"/>
      <c r="CB798" s="23"/>
      <c r="CC798" s="23"/>
      <c r="CD798" s="23"/>
      <c r="CE798" s="23"/>
      <c r="CF798" s="23"/>
      <c r="CG798" s="23"/>
      <c r="CH798" s="23"/>
      <c r="CI798" s="23"/>
      <c r="CJ798" s="23"/>
      <c r="CK798" s="23"/>
      <c r="CL798" s="23"/>
      <c r="CM798" s="23"/>
      <c r="CN798" s="23"/>
      <c r="CO798" s="23"/>
      <c r="CP798" s="23"/>
      <c r="CQ798" s="23"/>
      <c r="CR798" s="23"/>
      <c r="CS798" s="23"/>
      <c r="CT798" s="23"/>
      <c r="CU798" s="23"/>
      <c r="CV798" s="23"/>
      <c r="CW798" s="23"/>
      <c r="CX798" s="23"/>
      <c r="CY798" s="23"/>
      <c r="CZ798" s="23"/>
      <c r="DA798" s="23"/>
      <c r="DB798" s="23"/>
      <c r="DC798" s="23"/>
      <c r="DD798" s="23"/>
      <c r="DE798" s="23"/>
      <c r="DF798" s="23"/>
      <c r="DG798" s="23"/>
      <c r="DH798" s="23"/>
      <c r="DI798" s="23"/>
      <c r="DJ798" s="23"/>
      <c r="DK798" s="23"/>
      <c r="DL798" s="23"/>
      <c r="DM798" s="23"/>
      <c r="DN798" s="23"/>
      <c r="DO798" s="23"/>
      <c r="DP798" s="23"/>
      <c r="DQ798" s="23"/>
      <c r="DR798" s="23"/>
      <c r="DS798" s="23"/>
      <c r="DT798" s="23"/>
      <c r="DU798" s="23"/>
      <c r="DV798" s="23"/>
      <c r="DW798" s="23"/>
      <c r="DX798" s="23"/>
      <c r="DY798" s="23"/>
      <c r="DZ798" s="23"/>
      <c r="EA798" s="23"/>
      <c r="EB798" s="23"/>
      <c r="EC798" s="23"/>
      <c r="ED798" s="23"/>
      <c r="EE798" s="23"/>
      <c r="EF798" s="23"/>
      <c r="EG798" s="23"/>
      <c r="EH798" s="23"/>
      <c r="EI798" s="23"/>
      <c r="EJ798" s="23"/>
      <c r="EK798" s="23"/>
      <c r="EL798" s="23"/>
      <c r="EM798" s="23"/>
      <c r="EN798" s="23"/>
      <c r="EO798" s="23"/>
      <c r="EP798" s="23"/>
      <c r="EQ798" s="23"/>
      <c r="ER798" s="23"/>
      <c r="ES798" s="23"/>
      <c r="ET798" s="23"/>
      <c r="EU798" s="23"/>
      <c r="EV798" s="23"/>
      <c r="EW798" s="23"/>
      <c r="EX798" s="23"/>
      <c r="EY798" s="23"/>
      <c r="EZ798" s="23"/>
      <c r="FA798" s="23"/>
      <c r="FB798" s="23"/>
      <c r="FC798" s="23"/>
      <c r="FD798" s="23"/>
      <c r="FE798" s="23"/>
      <c r="FF798" s="23"/>
      <c r="FG798" s="23"/>
      <c r="FH798" s="23"/>
      <c r="FI798" s="23"/>
      <c r="FJ798" s="23"/>
      <c r="FK798" s="23"/>
      <c r="FL798" s="23"/>
      <c r="FM798" s="23"/>
      <c r="FN798" s="23"/>
      <c r="FO798" s="23"/>
      <c r="FP798" s="23"/>
      <c r="FQ798" s="23"/>
      <c r="FR798" s="23"/>
      <c r="FS798" s="23"/>
      <c r="FT798" s="23"/>
      <c r="FU798" s="23"/>
      <c r="FV798" s="23"/>
      <c r="FW798" s="23"/>
      <c r="FX798" s="23"/>
      <c r="FY798" s="23"/>
      <c r="FZ798" s="23"/>
      <c r="GA798" s="23"/>
      <c r="GB798" s="23"/>
      <c r="GC798" s="23"/>
      <c r="GD798" s="23"/>
      <c r="GE798" s="23"/>
      <c r="GF798" s="23"/>
      <c r="GG798" s="23"/>
      <c r="GH798" s="23"/>
      <c r="GI798" s="23"/>
      <c r="GJ798" s="23"/>
      <c r="GK798" s="23"/>
      <c r="GL798" s="23"/>
      <c r="GM798" s="23"/>
      <c r="GN798" s="23"/>
      <c r="GO798" s="23"/>
      <c r="GP798" s="23"/>
      <c r="GQ798" s="23"/>
      <c r="GR798" s="23"/>
      <c r="GS798" s="23"/>
      <c r="GT798" s="23"/>
      <c r="GU798" s="23"/>
      <c r="GV798" s="23"/>
      <c r="GW798" s="23"/>
      <c r="GX798" s="23"/>
      <c r="GY798" s="23"/>
      <c r="GZ798" s="23"/>
      <c r="HA798" s="23"/>
      <c r="HB798" s="23"/>
      <c r="HC798" s="23"/>
      <c r="HD798" s="23"/>
      <c r="HE798" s="23"/>
      <c r="HF798" s="23"/>
      <c r="HG798" s="23"/>
      <c r="HH798" s="23"/>
      <c r="HI798" s="23"/>
      <c r="HJ798" s="23"/>
      <c r="HK798" s="23"/>
      <c r="HL798" s="23"/>
      <c r="HM798" s="23"/>
      <c r="HN798" s="23"/>
      <c r="HO798" s="23"/>
      <c r="HP798" s="23"/>
      <c r="HQ798" s="23"/>
      <c r="HR798" s="23"/>
      <c r="HS798" s="23"/>
      <c r="HT798" s="23"/>
      <c r="HU798" s="23"/>
      <c r="HV798" s="23"/>
      <c r="HW798" s="23"/>
      <c r="HX798" s="23"/>
      <c r="HY798" s="23"/>
      <c r="HZ798" s="23"/>
      <c r="IA798" s="23"/>
      <c r="IB798" s="23"/>
      <c r="IC798" s="23"/>
      <c r="ID798" s="23"/>
      <c r="IE798" s="23"/>
      <c r="IF798" s="23"/>
      <c r="IG798" s="23"/>
      <c r="IH798" s="23"/>
      <c r="II798" s="23"/>
      <c r="IJ798" s="23"/>
      <c r="IK798" s="23"/>
      <c r="IL798" s="23"/>
      <c r="IM798" s="23"/>
      <c r="IN798" s="23"/>
      <c r="IO798" s="23"/>
      <c r="IP798" s="23"/>
      <c r="IQ798" s="23"/>
    </row>
    <row r="799" spans="1:251" s="50" customFormat="1" ht="18.75" customHeight="1">
      <c r="A799" s="34"/>
      <c r="B799" s="47"/>
      <c r="C799" s="130"/>
      <c r="D799" s="130"/>
      <c r="E799" s="130"/>
      <c r="F799" s="130"/>
      <c r="G799" s="130"/>
      <c r="H799" s="130"/>
      <c r="I799" s="130"/>
      <c r="J799" s="130"/>
      <c r="K799" s="130"/>
      <c r="L799" s="130"/>
      <c r="M799" s="130"/>
      <c r="N799" s="130"/>
      <c r="O799" s="130"/>
      <c r="P799" s="130"/>
      <c r="Q799" s="130"/>
      <c r="R799" s="130"/>
      <c r="S799" s="130"/>
      <c r="T799" s="130"/>
      <c r="U799" s="130"/>
      <c r="V799" s="130"/>
      <c r="W799" s="130"/>
      <c r="X799" s="130"/>
      <c r="Y799" s="130"/>
      <c r="Z799" s="52"/>
      <c r="AA799" s="132"/>
      <c r="AB799" s="200"/>
      <c r="AC799" s="200"/>
      <c r="AD799" s="200"/>
      <c r="AE799" s="200"/>
      <c r="AF799" s="200"/>
      <c r="AG799" s="200"/>
      <c r="AH799" s="200"/>
      <c r="AI799" s="201"/>
      <c r="AJ799" s="132"/>
      <c r="AK799" s="196"/>
      <c r="AL799" s="196"/>
      <c r="AM799" s="196"/>
      <c r="AN799" s="196"/>
      <c r="AO799" s="196"/>
      <c r="AP799" s="196"/>
      <c r="AQ799" s="196"/>
      <c r="AR799" s="197"/>
      <c r="AS799" s="132"/>
      <c r="AT799" s="196"/>
      <c r="AU799" s="196"/>
      <c r="AV799" s="196"/>
      <c r="AW799" s="196"/>
      <c r="AX799" s="202"/>
      <c r="AY799" s="23"/>
      <c r="AZ799" s="23"/>
      <c r="BA799" s="23"/>
      <c r="BB799" s="23"/>
      <c r="BC799" s="23"/>
      <c r="BD799" s="23"/>
      <c r="BE799" s="23"/>
      <c r="BF799" s="23"/>
      <c r="BG799" s="23"/>
      <c r="BH799" s="23"/>
      <c r="BI799" s="23"/>
      <c r="BJ799" s="23"/>
      <c r="BK799" s="23"/>
      <c r="BL799" s="23"/>
      <c r="BM799" s="23"/>
      <c r="BN799" s="23"/>
      <c r="BO799" s="23"/>
      <c r="BP799" s="23"/>
      <c r="BQ799" s="23"/>
      <c r="BR799" s="23"/>
      <c r="BS799" s="23"/>
      <c r="BT799" s="23"/>
      <c r="BU799" s="23"/>
      <c r="BV799" s="23"/>
      <c r="BW799" s="23"/>
      <c r="BX799" s="23"/>
      <c r="BY799" s="23"/>
      <c r="BZ799" s="23"/>
      <c r="CA799" s="23"/>
      <c r="CB799" s="23"/>
      <c r="CC799" s="23"/>
      <c r="CD799" s="23"/>
      <c r="CE799" s="23"/>
      <c r="CF799" s="23"/>
      <c r="CG799" s="23"/>
      <c r="CH799" s="23"/>
      <c r="CI799" s="23"/>
      <c r="CJ799" s="23"/>
      <c r="CK799" s="23"/>
      <c r="CL799" s="23"/>
      <c r="CM799" s="23"/>
      <c r="CN799" s="23"/>
      <c r="CO799" s="23"/>
      <c r="CP799" s="23"/>
      <c r="CQ799" s="23"/>
      <c r="CR799" s="23"/>
      <c r="CS799" s="23"/>
      <c r="CT799" s="23"/>
      <c r="CU799" s="23"/>
      <c r="CV799" s="23"/>
      <c r="CW799" s="23"/>
      <c r="CX799" s="23"/>
      <c r="CY799" s="23"/>
      <c r="CZ799" s="23"/>
      <c r="DA799" s="23"/>
      <c r="DB799" s="23"/>
      <c r="DC799" s="23"/>
      <c r="DD799" s="23"/>
      <c r="DE799" s="23"/>
      <c r="DF799" s="23"/>
      <c r="DG799" s="23"/>
      <c r="DH799" s="23"/>
      <c r="DI799" s="23"/>
      <c r="DJ799" s="23"/>
      <c r="DK799" s="23"/>
      <c r="DL799" s="23"/>
      <c r="DM799" s="23"/>
      <c r="DN799" s="23"/>
      <c r="DO799" s="23"/>
      <c r="DP799" s="23"/>
      <c r="DQ799" s="23"/>
      <c r="DR799" s="23"/>
      <c r="DS799" s="23"/>
      <c r="DT799" s="23"/>
      <c r="DU799" s="23"/>
      <c r="DV799" s="23"/>
      <c r="DW799" s="23"/>
      <c r="DX799" s="23"/>
      <c r="DY799" s="23"/>
      <c r="DZ799" s="23"/>
      <c r="EA799" s="23"/>
      <c r="EB799" s="23"/>
      <c r="EC799" s="23"/>
      <c r="ED799" s="23"/>
      <c r="EE799" s="23"/>
      <c r="EF799" s="23"/>
      <c r="EG799" s="23"/>
      <c r="EH799" s="23"/>
      <c r="EI799" s="23"/>
      <c r="EJ799" s="23"/>
      <c r="EK799" s="23"/>
      <c r="EL799" s="23"/>
      <c r="EM799" s="23"/>
      <c r="EN799" s="23"/>
      <c r="EO799" s="23"/>
      <c r="EP799" s="23"/>
      <c r="EQ799" s="23"/>
      <c r="ER799" s="23"/>
      <c r="ES799" s="23"/>
      <c r="ET799" s="23"/>
      <c r="EU799" s="23"/>
      <c r="EV799" s="23"/>
      <c r="EW799" s="23"/>
      <c r="EX799" s="23"/>
      <c r="EY799" s="23"/>
      <c r="EZ799" s="23"/>
      <c r="FA799" s="23"/>
      <c r="FB799" s="23"/>
      <c r="FC799" s="23"/>
      <c r="FD799" s="23"/>
      <c r="FE799" s="23"/>
      <c r="FF799" s="23"/>
      <c r="FG799" s="23"/>
      <c r="FH799" s="23"/>
      <c r="FI799" s="23"/>
      <c r="FJ799" s="23"/>
      <c r="FK799" s="23"/>
      <c r="FL799" s="23"/>
      <c r="FM799" s="23"/>
      <c r="FN799" s="23"/>
      <c r="FO799" s="23"/>
      <c r="FP799" s="23"/>
      <c r="FQ799" s="23"/>
      <c r="FR799" s="23"/>
      <c r="FS799" s="23"/>
      <c r="FT799" s="23"/>
      <c r="FU799" s="23"/>
      <c r="FV799" s="23"/>
      <c r="FW799" s="23"/>
      <c r="FX799" s="23"/>
      <c r="FY799" s="23"/>
      <c r="FZ799" s="23"/>
      <c r="GA799" s="23"/>
      <c r="GB799" s="23"/>
      <c r="GC799" s="23"/>
      <c r="GD799" s="23"/>
      <c r="GE799" s="23"/>
      <c r="GF799" s="23"/>
      <c r="GG799" s="23"/>
      <c r="GH799" s="23"/>
      <c r="GI799" s="23"/>
      <c r="GJ799" s="23"/>
      <c r="GK799" s="23"/>
      <c r="GL799" s="23"/>
      <c r="GM799" s="23"/>
      <c r="GN799" s="23"/>
      <c r="GO799" s="23"/>
      <c r="GP799" s="23"/>
      <c r="GQ799" s="23"/>
      <c r="GR799" s="23"/>
      <c r="GS799" s="23"/>
      <c r="GT799" s="23"/>
      <c r="GU799" s="23"/>
      <c r="GV799" s="23"/>
      <c r="GW799" s="23"/>
      <c r="GX799" s="23"/>
      <c r="GY799" s="23"/>
      <c r="GZ799" s="23"/>
      <c r="HA799" s="23"/>
      <c r="HB799" s="23"/>
      <c r="HC799" s="23"/>
      <c r="HD799" s="23"/>
      <c r="HE799" s="23"/>
      <c r="HF799" s="23"/>
      <c r="HG799" s="23"/>
      <c r="HH799" s="23"/>
      <c r="HI799" s="23"/>
      <c r="HJ799" s="23"/>
      <c r="HK799" s="23"/>
      <c r="HL799" s="23"/>
      <c r="HM799" s="23"/>
      <c r="HN799" s="23"/>
      <c r="HO799" s="23"/>
      <c r="HP799" s="23"/>
      <c r="HQ799" s="23"/>
      <c r="HR799" s="23"/>
      <c r="HS799" s="23"/>
      <c r="HT799" s="23"/>
      <c r="HU799" s="23"/>
      <c r="HV799" s="23"/>
      <c r="HW799" s="23"/>
      <c r="HX799" s="23"/>
      <c r="HY799" s="23"/>
      <c r="HZ799" s="23"/>
      <c r="IA799" s="23"/>
      <c r="IB799" s="23"/>
      <c r="IC799" s="23"/>
      <c r="ID799" s="23"/>
      <c r="IE799" s="23"/>
      <c r="IF799" s="23"/>
      <c r="IG799" s="23"/>
      <c r="IH799" s="23"/>
      <c r="II799" s="23"/>
      <c r="IJ799" s="23"/>
      <c r="IK799" s="23"/>
      <c r="IL799" s="23"/>
      <c r="IM799" s="23"/>
      <c r="IN799" s="23"/>
      <c r="IO799" s="23"/>
      <c r="IP799" s="23"/>
      <c r="IQ799" s="23"/>
    </row>
    <row r="800" spans="1:251" s="50" customFormat="1" ht="18.75" customHeight="1">
      <c r="A800" s="34"/>
      <c r="B800" s="47"/>
      <c r="C800" s="130"/>
      <c r="D800" s="130"/>
      <c r="E800" s="130"/>
      <c r="F800" s="130"/>
      <c r="G800" s="130"/>
      <c r="H800" s="130"/>
      <c r="I800" s="130"/>
      <c r="J800" s="130"/>
      <c r="K800" s="130"/>
      <c r="L800" s="130"/>
      <c r="M800" s="130"/>
      <c r="N800" s="130"/>
      <c r="O800" s="130"/>
      <c r="P800" s="130"/>
      <c r="Q800" s="130"/>
      <c r="R800" s="130"/>
      <c r="S800" s="130"/>
      <c r="T800" s="130"/>
      <c r="U800" s="130"/>
      <c r="V800" s="130"/>
      <c r="W800" s="130"/>
      <c r="X800" s="130"/>
      <c r="Y800" s="130"/>
      <c r="Z800" s="52"/>
      <c r="AA800" s="132"/>
      <c r="AB800" s="200"/>
      <c r="AC800" s="200"/>
      <c r="AD800" s="200"/>
      <c r="AE800" s="200"/>
      <c r="AF800" s="200"/>
      <c r="AG800" s="200"/>
      <c r="AH800" s="200"/>
      <c r="AI800" s="201"/>
      <c r="AJ800" s="132"/>
      <c r="AK800" s="196"/>
      <c r="AL800" s="196"/>
      <c r="AM800" s="196"/>
      <c r="AN800" s="196"/>
      <c r="AO800" s="196"/>
      <c r="AP800" s="196"/>
      <c r="AQ800" s="196"/>
      <c r="AR800" s="197"/>
      <c r="AS800" s="132"/>
      <c r="AT800" s="196"/>
      <c r="AU800" s="196"/>
      <c r="AV800" s="196"/>
      <c r="AW800" s="196"/>
      <c r="AX800" s="202"/>
      <c r="AY800" s="23"/>
      <c r="AZ800" s="23"/>
      <c r="BA800" s="23"/>
      <c r="BB800" s="23"/>
      <c r="BC800" s="23"/>
      <c r="BD800" s="23"/>
      <c r="BE800" s="23"/>
      <c r="BF800" s="23"/>
      <c r="BG800" s="23"/>
      <c r="BH800" s="23"/>
      <c r="BI800" s="23"/>
      <c r="BJ800" s="23"/>
      <c r="BK800" s="23"/>
      <c r="BL800" s="23"/>
      <c r="BM800" s="23"/>
      <c r="BN800" s="23"/>
      <c r="BO800" s="23"/>
      <c r="BP800" s="23"/>
      <c r="BQ800" s="23"/>
      <c r="BR800" s="23"/>
      <c r="BS800" s="23"/>
      <c r="BT800" s="23"/>
      <c r="BU800" s="23"/>
      <c r="BV800" s="23"/>
      <c r="BW800" s="23"/>
      <c r="BX800" s="23"/>
      <c r="BY800" s="23"/>
      <c r="BZ800" s="23"/>
      <c r="CA800" s="23"/>
      <c r="CB800" s="23"/>
      <c r="CC800" s="23"/>
      <c r="CD800" s="23"/>
      <c r="CE800" s="23"/>
      <c r="CF800" s="23"/>
      <c r="CG800" s="23"/>
      <c r="CH800" s="23"/>
      <c r="CI800" s="23"/>
      <c r="CJ800" s="23"/>
      <c r="CK800" s="23"/>
      <c r="CL800" s="23"/>
      <c r="CM800" s="23"/>
      <c r="CN800" s="23"/>
      <c r="CO800" s="23"/>
      <c r="CP800" s="23"/>
      <c r="CQ800" s="23"/>
      <c r="CR800" s="23"/>
      <c r="CS800" s="23"/>
      <c r="CT800" s="23"/>
      <c r="CU800" s="23"/>
      <c r="CV800" s="23"/>
      <c r="CW800" s="23"/>
      <c r="CX800" s="23"/>
      <c r="CY800" s="23"/>
      <c r="CZ800" s="23"/>
      <c r="DA800" s="23"/>
      <c r="DB800" s="23"/>
      <c r="DC800" s="23"/>
      <c r="DD800" s="23"/>
      <c r="DE800" s="23"/>
      <c r="DF800" s="23"/>
      <c r="DG800" s="23"/>
      <c r="DH800" s="23"/>
      <c r="DI800" s="23"/>
      <c r="DJ800" s="23"/>
      <c r="DK800" s="23"/>
      <c r="DL800" s="23"/>
      <c r="DM800" s="23"/>
      <c r="DN800" s="23"/>
      <c r="DO800" s="23"/>
      <c r="DP800" s="23"/>
      <c r="DQ800" s="23"/>
      <c r="DR800" s="23"/>
      <c r="DS800" s="23"/>
      <c r="DT800" s="23"/>
      <c r="DU800" s="23"/>
      <c r="DV800" s="23"/>
      <c r="DW800" s="23"/>
      <c r="DX800" s="23"/>
      <c r="DY800" s="23"/>
      <c r="DZ800" s="23"/>
      <c r="EA800" s="23"/>
      <c r="EB800" s="23"/>
      <c r="EC800" s="23"/>
      <c r="ED800" s="23"/>
      <c r="EE800" s="23"/>
      <c r="EF800" s="23"/>
      <c r="EG800" s="23"/>
      <c r="EH800" s="23"/>
      <c r="EI800" s="23"/>
      <c r="EJ800" s="23"/>
      <c r="EK800" s="23"/>
      <c r="EL800" s="23"/>
      <c r="EM800" s="23"/>
      <c r="EN800" s="23"/>
      <c r="EO800" s="23"/>
      <c r="EP800" s="23"/>
      <c r="EQ800" s="23"/>
      <c r="ER800" s="23"/>
      <c r="ES800" s="23"/>
      <c r="ET800" s="23"/>
      <c r="EU800" s="23"/>
      <c r="EV800" s="23"/>
      <c r="EW800" s="23"/>
      <c r="EX800" s="23"/>
      <c r="EY800" s="23"/>
      <c r="EZ800" s="23"/>
      <c r="FA800" s="23"/>
      <c r="FB800" s="23"/>
      <c r="FC800" s="23"/>
      <c r="FD800" s="23"/>
      <c r="FE800" s="23"/>
      <c r="FF800" s="23"/>
      <c r="FG800" s="23"/>
      <c r="FH800" s="23"/>
      <c r="FI800" s="23"/>
      <c r="FJ800" s="23"/>
      <c r="FK800" s="23"/>
      <c r="FL800" s="23"/>
      <c r="FM800" s="23"/>
      <c r="FN800" s="23"/>
      <c r="FO800" s="23"/>
      <c r="FP800" s="23"/>
      <c r="FQ800" s="23"/>
      <c r="FR800" s="23"/>
      <c r="FS800" s="23"/>
      <c r="FT800" s="23"/>
      <c r="FU800" s="23"/>
      <c r="FV800" s="23"/>
      <c r="FW800" s="23"/>
      <c r="FX800" s="23"/>
      <c r="FY800" s="23"/>
      <c r="FZ800" s="23"/>
      <c r="GA800" s="23"/>
      <c r="GB800" s="23"/>
      <c r="GC800" s="23"/>
      <c r="GD800" s="23"/>
      <c r="GE800" s="23"/>
      <c r="GF800" s="23"/>
      <c r="GG800" s="23"/>
      <c r="GH800" s="23"/>
      <c r="GI800" s="23"/>
      <c r="GJ800" s="23"/>
      <c r="GK800" s="23"/>
      <c r="GL800" s="23"/>
      <c r="GM800" s="23"/>
      <c r="GN800" s="23"/>
      <c r="GO800" s="23"/>
      <c r="GP800" s="23"/>
      <c r="GQ800" s="23"/>
      <c r="GR800" s="23"/>
      <c r="GS800" s="23"/>
      <c r="GT800" s="23"/>
      <c r="GU800" s="23"/>
      <c r="GV800" s="23"/>
      <c r="GW800" s="23"/>
      <c r="GX800" s="23"/>
      <c r="GY800" s="23"/>
      <c r="GZ800" s="23"/>
      <c r="HA800" s="23"/>
      <c r="HB800" s="23"/>
      <c r="HC800" s="23"/>
      <c r="HD800" s="23"/>
      <c r="HE800" s="23"/>
      <c r="HF800" s="23"/>
      <c r="HG800" s="23"/>
      <c r="HH800" s="23"/>
      <c r="HI800" s="23"/>
      <c r="HJ800" s="23"/>
      <c r="HK800" s="23"/>
      <c r="HL800" s="23"/>
      <c r="HM800" s="23"/>
      <c r="HN800" s="23"/>
      <c r="HO800" s="23"/>
      <c r="HP800" s="23"/>
      <c r="HQ800" s="23"/>
      <c r="HR800" s="23"/>
      <c r="HS800" s="23"/>
      <c r="HT800" s="23"/>
      <c r="HU800" s="23"/>
      <c r="HV800" s="23"/>
      <c r="HW800" s="23"/>
      <c r="HX800" s="23"/>
      <c r="HY800" s="23"/>
      <c r="HZ800" s="23"/>
      <c r="IA800" s="23"/>
      <c r="IB800" s="23"/>
      <c r="IC800" s="23"/>
      <c r="ID800" s="23"/>
      <c r="IE800" s="23"/>
      <c r="IF800" s="23"/>
      <c r="IG800" s="23"/>
      <c r="IH800" s="23"/>
      <c r="II800" s="23"/>
      <c r="IJ800" s="23"/>
      <c r="IK800" s="23"/>
      <c r="IL800" s="23"/>
      <c r="IM800" s="23"/>
      <c r="IN800" s="23"/>
      <c r="IO800" s="23"/>
      <c r="IP800" s="23"/>
      <c r="IQ800" s="23"/>
    </row>
    <row r="801" spans="1:251" s="50" customFormat="1" ht="18.75" customHeight="1">
      <c r="A801" s="34"/>
      <c r="B801" s="48"/>
      <c r="C801" s="130"/>
      <c r="D801" s="130"/>
      <c r="E801" s="130"/>
      <c r="F801" s="130"/>
      <c r="G801" s="130"/>
      <c r="H801" s="130"/>
      <c r="I801" s="130"/>
      <c r="J801" s="130"/>
      <c r="K801" s="130"/>
      <c r="L801" s="130"/>
      <c r="M801" s="130"/>
      <c r="N801" s="130"/>
      <c r="O801" s="130"/>
      <c r="P801" s="130"/>
      <c r="Q801" s="130"/>
      <c r="R801" s="130"/>
      <c r="S801" s="130"/>
      <c r="T801" s="130"/>
      <c r="U801" s="130"/>
      <c r="V801" s="130"/>
      <c r="W801" s="130"/>
      <c r="X801" s="130"/>
      <c r="Y801" s="130"/>
      <c r="Z801" s="53"/>
      <c r="AA801" s="132"/>
      <c r="AB801" s="200"/>
      <c r="AC801" s="200"/>
      <c r="AD801" s="200"/>
      <c r="AE801" s="200"/>
      <c r="AF801" s="200"/>
      <c r="AG801" s="200"/>
      <c r="AH801" s="200"/>
      <c r="AI801" s="201"/>
      <c r="AJ801" s="132"/>
      <c r="AK801" s="196"/>
      <c r="AL801" s="196"/>
      <c r="AM801" s="196"/>
      <c r="AN801" s="196"/>
      <c r="AO801" s="196"/>
      <c r="AP801" s="196"/>
      <c r="AQ801" s="196"/>
      <c r="AR801" s="197"/>
      <c r="AS801" s="136"/>
      <c r="AT801" s="198"/>
      <c r="AU801" s="198"/>
      <c r="AV801" s="198"/>
      <c r="AW801" s="198"/>
      <c r="AX801" s="199"/>
      <c r="AY801" s="23"/>
      <c r="AZ801" s="23"/>
      <c r="BA801" s="23"/>
      <c r="BB801" s="23"/>
      <c r="BC801" s="23"/>
      <c r="BD801" s="23"/>
      <c r="BE801" s="23"/>
      <c r="BF801" s="23"/>
      <c r="BG801" s="23"/>
      <c r="BH801" s="23"/>
      <c r="BI801" s="23"/>
      <c r="BJ801" s="23"/>
      <c r="BK801" s="23"/>
      <c r="BL801" s="23"/>
      <c r="BM801" s="23"/>
      <c r="BN801" s="23"/>
      <c r="BO801" s="23"/>
      <c r="BP801" s="23"/>
      <c r="BQ801" s="23"/>
      <c r="BR801" s="23"/>
      <c r="BS801" s="23"/>
      <c r="BT801" s="23"/>
      <c r="BU801" s="23"/>
      <c r="BV801" s="23"/>
      <c r="BW801" s="23"/>
      <c r="BX801" s="23"/>
      <c r="BY801" s="23"/>
      <c r="BZ801" s="23"/>
      <c r="CA801" s="23"/>
      <c r="CB801" s="23"/>
      <c r="CC801" s="23"/>
      <c r="CD801" s="23"/>
      <c r="CE801" s="23"/>
      <c r="CF801" s="23"/>
      <c r="CG801" s="23"/>
      <c r="CH801" s="23"/>
      <c r="CI801" s="23"/>
      <c r="CJ801" s="23"/>
      <c r="CK801" s="23"/>
      <c r="CL801" s="23"/>
      <c r="CM801" s="23"/>
      <c r="CN801" s="23"/>
      <c r="CO801" s="23"/>
      <c r="CP801" s="23"/>
      <c r="CQ801" s="23"/>
      <c r="CR801" s="23"/>
      <c r="CS801" s="23"/>
      <c r="CT801" s="23"/>
      <c r="CU801" s="23"/>
      <c r="CV801" s="23"/>
      <c r="CW801" s="23"/>
      <c r="CX801" s="23"/>
      <c r="CY801" s="23"/>
      <c r="CZ801" s="23"/>
      <c r="DA801" s="23"/>
      <c r="DB801" s="23"/>
      <c r="DC801" s="23"/>
      <c r="DD801" s="23"/>
      <c r="DE801" s="23"/>
      <c r="DF801" s="23"/>
      <c r="DG801" s="23"/>
      <c r="DH801" s="23"/>
      <c r="DI801" s="23"/>
      <c r="DJ801" s="23"/>
      <c r="DK801" s="23"/>
      <c r="DL801" s="23"/>
      <c r="DM801" s="23"/>
      <c r="DN801" s="23"/>
      <c r="DO801" s="23"/>
      <c r="DP801" s="23"/>
      <c r="DQ801" s="23"/>
      <c r="DR801" s="23"/>
      <c r="DS801" s="23"/>
      <c r="DT801" s="23"/>
      <c r="DU801" s="23"/>
      <c r="DV801" s="23"/>
      <c r="DW801" s="23"/>
      <c r="DX801" s="23"/>
      <c r="DY801" s="23"/>
      <c r="DZ801" s="23"/>
      <c r="EA801" s="23"/>
      <c r="EB801" s="23"/>
      <c r="EC801" s="23"/>
      <c r="ED801" s="23"/>
      <c r="EE801" s="23"/>
      <c r="EF801" s="23"/>
      <c r="EG801" s="23"/>
      <c r="EH801" s="23"/>
      <c r="EI801" s="23"/>
      <c r="EJ801" s="23"/>
      <c r="EK801" s="23"/>
      <c r="EL801" s="23"/>
      <c r="EM801" s="23"/>
      <c r="EN801" s="23"/>
      <c r="EO801" s="23"/>
      <c r="EP801" s="23"/>
      <c r="EQ801" s="23"/>
      <c r="ER801" s="23"/>
      <c r="ES801" s="23"/>
      <c r="ET801" s="23"/>
      <c r="EU801" s="23"/>
      <c r="EV801" s="23"/>
      <c r="EW801" s="23"/>
      <c r="EX801" s="23"/>
      <c r="EY801" s="23"/>
      <c r="EZ801" s="23"/>
      <c r="FA801" s="23"/>
      <c r="FB801" s="23"/>
      <c r="FC801" s="23"/>
      <c r="FD801" s="23"/>
      <c r="FE801" s="23"/>
      <c r="FF801" s="23"/>
      <c r="FG801" s="23"/>
      <c r="FH801" s="23"/>
      <c r="FI801" s="23"/>
      <c r="FJ801" s="23"/>
      <c r="FK801" s="23"/>
      <c r="FL801" s="23"/>
      <c r="FM801" s="23"/>
      <c r="FN801" s="23"/>
      <c r="FO801" s="23"/>
      <c r="FP801" s="23"/>
      <c r="FQ801" s="23"/>
      <c r="FR801" s="23"/>
      <c r="FS801" s="23"/>
      <c r="FT801" s="23"/>
      <c r="FU801" s="23"/>
      <c r="FV801" s="23"/>
      <c r="FW801" s="23"/>
      <c r="FX801" s="23"/>
      <c r="FY801" s="23"/>
      <c r="FZ801" s="23"/>
      <c r="GA801" s="23"/>
      <c r="GB801" s="23"/>
      <c r="GC801" s="23"/>
      <c r="GD801" s="23"/>
      <c r="GE801" s="23"/>
      <c r="GF801" s="23"/>
      <c r="GG801" s="23"/>
      <c r="GH801" s="23"/>
      <c r="GI801" s="23"/>
      <c r="GJ801" s="23"/>
      <c r="GK801" s="23"/>
      <c r="GL801" s="23"/>
      <c r="GM801" s="23"/>
      <c r="GN801" s="23"/>
      <c r="GO801" s="23"/>
      <c r="GP801" s="23"/>
      <c r="GQ801" s="23"/>
      <c r="GR801" s="23"/>
      <c r="GS801" s="23"/>
      <c r="GT801" s="23"/>
      <c r="GU801" s="23"/>
      <c r="GV801" s="23"/>
      <c r="GW801" s="23"/>
      <c r="GX801" s="23"/>
      <c r="GY801" s="23"/>
      <c r="GZ801" s="23"/>
      <c r="HA801" s="23"/>
      <c r="HB801" s="23"/>
      <c r="HC801" s="23"/>
      <c r="HD801" s="23"/>
      <c r="HE801" s="23"/>
      <c r="HF801" s="23"/>
      <c r="HG801" s="23"/>
      <c r="HH801" s="23"/>
      <c r="HI801" s="23"/>
      <c r="HJ801" s="23"/>
      <c r="HK801" s="23"/>
      <c r="HL801" s="23"/>
      <c r="HM801" s="23"/>
      <c r="HN801" s="23"/>
      <c r="HO801" s="23"/>
      <c r="HP801" s="23"/>
      <c r="HQ801" s="23"/>
      <c r="HR801" s="23"/>
      <c r="HS801" s="23"/>
      <c r="HT801" s="23"/>
      <c r="HU801" s="23"/>
      <c r="HV801" s="23"/>
      <c r="HW801" s="23"/>
      <c r="HX801" s="23"/>
      <c r="HY801" s="23"/>
      <c r="HZ801" s="23"/>
      <c r="IA801" s="23"/>
      <c r="IB801" s="23"/>
      <c r="IC801" s="23"/>
      <c r="ID801" s="23"/>
      <c r="IE801" s="23"/>
      <c r="IF801" s="23"/>
      <c r="IG801" s="23"/>
      <c r="IH801" s="23"/>
      <c r="II801" s="23"/>
      <c r="IJ801" s="23"/>
      <c r="IK801" s="23"/>
      <c r="IL801" s="23"/>
      <c r="IM801" s="23"/>
      <c r="IN801" s="23"/>
      <c r="IO801" s="23"/>
      <c r="IP801" s="23"/>
      <c r="IQ801" s="23"/>
    </row>
    <row r="802" spans="1:251" s="50" customFormat="1" ht="18.75" customHeight="1">
      <c r="A802" s="34"/>
      <c r="B802" s="47"/>
      <c r="C802" s="130"/>
      <c r="D802" s="130"/>
      <c r="E802" s="130"/>
      <c r="F802" s="130"/>
      <c r="G802" s="130"/>
      <c r="H802" s="130"/>
      <c r="I802" s="130"/>
      <c r="J802" s="130"/>
      <c r="K802" s="130"/>
      <c r="L802" s="130"/>
      <c r="M802" s="130"/>
      <c r="N802" s="130"/>
      <c r="O802" s="130"/>
      <c r="P802" s="130"/>
      <c r="Q802" s="130"/>
      <c r="R802" s="130"/>
      <c r="S802" s="130"/>
      <c r="T802" s="130"/>
      <c r="U802" s="130"/>
      <c r="V802" s="130"/>
      <c r="W802" s="130"/>
      <c r="X802" s="130"/>
      <c r="Y802" s="130"/>
      <c r="Z802" s="52"/>
      <c r="AA802" s="132"/>
      <c r="AB802" s="200"/>
      <c r="AC802" s="200"/>
      <c r="AD802" s="200"/>
      <c r="AE802" s="200"/>
      <c r="AF802" s="200"/>
      <c r="AG802" s="200"/>
      <c r="AH802" s="200"/>
      <c r="AI802" s="201"/>
      <c r="AJ802" s="132"/>
      <c r="AK802" s="196"/>
      <c r="AL802" s="196"/>
      <c r="AM802" s="196"/>
      <c r="AN802" s="196"/>
      <c r="AO802" s="196"/>
      <c r="AP802" s="196"/>
      <c r="AQ802" s="196"/>
      <c r="AR802" s="197"/>
      <c r="AS802" s="132"/>
      <c r="AT802" s="196"/>
      <c r="AU802" s="196"/>
      <c r="AV802" s="196"/>
      <c r="AW802" s="196"/>
      <c r="AX802" s="202"/>
      <c r="AY802" s="23"/>
      <c r="AZ802" s="23"/>
      <c r="BA802" s="23"/>
      <c r="BB802" s="23"/>
      <c r="BC802" s="23"/>
      <c r="BD802" s="23"/>
      <c r="BE802" s="23"/>
      <c r="BF802" s="23"/>
      <c r="BG802" s="23"/>
      <c r="BH802" s="23"/>
      <c r="BI802" s="23"/>
      <c r="BJ802" s="23"/>
      <c r="BK802" s="23"/>
      <c r="BL802" s="23"/>
      <c r="BM802" s="23"/>
      <c r="BN802" s="23"/>
      <c r="BO802" s="23"/>
      <c r="BP802" s="23"/>
      <c r="BQ802" s="23"/>
      <c r="BR802" s="23"/>
      <c r="BS802" s="23"/>
      <c r="BT802" s="23"/>
      <c r="BU802" s="23"/>
      <c r="BV802" s="23"/>
      <c r="BW802" s="23"/>
      <c r="BX802" s="23"/>
      <c r="BY802" s="23"/>
      <c r="BZ802" s="23"/>
      <c r="CA802" s="23"/>
      <c r="CB802" s="23"/>
      <c r="CC802" s="23"/>
      <c r="CD802" s="23"/>
      <c r="CE802" s="23"/>
      <c r="CF802" s="23"/>
      <c r="CG802" s="23"/>
      <c r="CH802" s="23"/>
      <c r="CI802" s="23"/>
      <c r="CJ802" s="23"/>
      <c r="CK802" s="23"/>
      <c r="CL802" s="23"/>
      <c r="CM802" s="23"/>
      <c r="CN802" s="23"/>
      <c r="CO802" s="23"/>
      <c r="CP802" s="23"/>
      <c r="CQ802" s="23"/>
      <c r="CR802" s="23"/>
      <c r="CS802" s="23"/>
      <c r="CT802" s="23"/>
      <c r="CU802" s="23"/>
      <c r="CV802" s="23"/>
      <c r="CW802" s="23"/>
      <c r="CX802" s="23"/>
      <c r="CY802" s="23"/>
      <c r="CZ802" s="23"/>
      <c r="DA802" s="23"/>
      <c r="DB802" s="23"/>
      <c r="DC802" s="23"/>
      <c r="DD802" s="23"/>
      <c r="DE802" s="23"/>
      <c r="DF802" s="23"/>
      <c r="DG802" s="23"/>
      <c r="DH802" s="23"/>
      <c r="DI802" s="23"/>
      <c r="DJ802" s="23"/>
      <c r="DK802" s="23"/>
      <c r="DL802" s="23"/>
      <c r="DM802" s="23"/>
      <c r="DN802" s="23"/>
      <c r="DO802" s="23"/>
      <c r="DP802" s="23"/>
      <c r="DQ802" s="23"/>
      <c r="DR802" s="23"/>
      <c r="DS802" s="23"/>
      <c r="DT802" s="23"/>
      <c r="DU802" s="23"/>
      <c r="DV802" s="23"/>
      <c r="DW802" s="23"/>
      <c r="DX802" s="23"/>
      <c r="DY802" s="23"/>
      <c r="DZ802" s="23"/>
      <c r="EA802" s="23"/>
      <c r="EB802" s="23"/>
      <c r="EC802" s="23"/>
      <c r="ED802" s="23"/>
      <c r="EE802" s="23"/>
      <c r="EF802" s="23"/>
      <c r="EG802" s="23"/>
      <c r="EH802" s="23"/>
      <c r="EI802" s="23"/>
      <c r="EJ802" s="23"/>
      <c r="EK802" s="23"/>
      <c r="EL802" s="23"/>
      <c r="EM802" s="23"/>
      <c r="EN802" s="23"/>
      <c r="EO802" s="23"/>
      <c r="EP802" s="23"/>
      <c r="EQ802" s="23"/>
      <c r="ER802" s="23"/>
      <c r="ES802" s="23"/>
      <c r="ET802" s="23"/>
      <c r="EU802" s="23"/>
      <c r="EV802" s="23"/>
      <c r="EW802" s="23"/>
      <c r="EX802" s="23"/>
      <c r="EY802" s="23"/>
      <c r="EZ802" s="23"/>
      <c r="FA802" s="23"/>
      <c r="FB802" s="23"/>
      <c r="FC802" s="23"/>
      <c r="FD802" s="23"/>
      <c r="FE802" s="23"/>
      <c r="FF802" s="23"/>
      <c r="FG802" s="23"/>
      <c r="FH802" s="23"/>
      <c r="FI802" s="23"/>
      <c r="FJ802" s="23"/>
      <c r="FK802" s="23"/>
      <c r="FL802" s="23"/>
      <c r="FM802" s="23"/>
      <c r="FN802" s="23"/>
      <c r="FO802" s="23"/>
      <c r="FP802" s="23"/>
      <c r="FQ802" s="23"/>
      <c r="FR802" s="23"/>
      <c r="FS802" s="23"/>
      <c r="FT802" s="23"/>
      <c r="FU802" s="23"/>
      <c r="FV802" s="23"/>
      <c r="FW802" s="23"/>
      <c r="FX802" s="23"/>
      <c r="FY802" s="23"/>
      <c r="FZ802" s="23"/>
      <c r="GA802" s="23"/>
      <c r="GB802" s="23"/>
      <c r="GC802" s="23"/>
      <c r="GD802" s="23"/>
      <c r="GE802" s="23"/>
      <c r="GF802" s="23"/>
      <c r="GG802" s="23"/>
      <c r="GH802" s="23"/>
      <c r="GI802" s="23"/>
      <c r="GJ802" s="23"/>
      <c r="GK802" s="23"/>
      <c r="GL802" s="23"/>
      <c r="GM802" s="23"/>
      <c r="GN802" s="23"/>
      <c r="GO802" s="23"/>
      <c r="GP802" s="23"/>
      <c r="GQ802" s="23"/>
      <c r="GR802" s="23"/>
      <c r="GS802" s="23"/>
      <c r="GT802" s="23"/>
      <c r="GU802" s="23"/>
      <c r="GV802" s="23"/>
      <c r="GW802" s="23"/>
      <c r="GX802" s="23"/>
      <c r="GY802" s="23"/>
      <c r="GZ802" s="23"/>
      <c r="HA802" s="23"/>
      <c r="HB802" s="23"/>
      <c r="HC802" s="23"/>
      <c r="HD802" s="23"/>
      <c r="HE802" s="23"/>
      <c r="HF802" s="23"/>
      <c r="HG802" s="23"/>
      <c r="HH802" s="23"/>
      <c r="HI802" s="23"/>
      <c r="HJ802" s="23"/>
      <c r="HK802" s="23"/>
      <c r="HL802" s="23"/>
      <c r="HM802" s="23"/>
      <c r="HN802" s="23"/>
      <c r="HO802" s="23"/>
      <c r="HP802" s="23"/>
      <c r="HQ802" s="23"/>
      <c r="HR802" s="23"/>
      <c r="HS802" s="23"/>
      <c r="HT802" s="23"/>
      <c r="HU802" s="23"/>
      <c r="HV802" s="23"/>
      <c r="HW802" s="23"/>
      <c r="HX802" s="23"/>
      <c r="HY802" s="23"/>
      <c r="HZ802" s="23"/>
      <c r="IA802" s="23"/>
      <c r="IB802" s="23"/>
      <c r="IC802" s="23"/>
      <c r="ID802" s="23"/>
      <c r="IE802" s="23"/>
      <c r="IF802" s="23"/>
      <c r="IG802" s="23"/>
      <c r="IH802" s="23"/>
      <c r="II802" s="23"/>
      <c r="IJ802" s="23"/>
      <c r="IK802" s="23"/>
      <c r="IL802" s="23"/>
      <c r="IM802" s="23"/>
      <c r="IN802" s="23"/>
      <c r="IO802" s="23"/>
      <c r="IP802" s="23"/>
      <c r="IQ802" s="23"/>
    </row>
    <row r="803" spans="1:251" s="50" customFormat="1" ht="18.75" customHeight="1">
      <c r="A803" s="34"/>
      <c r="B803" s="48"/>
      <c r="C803" s="130"/>
      <c r="D803" s="130"/>
      <c r="E803" s="130"/>
      <c r="F803" s="130"/>
      <c r="G803" s="130"/>
      <c r="H803" s="130"/>
      <c r="I803" s="130"/>
      <c r="J803" s="130"/>
      <c r="K803" s="130"/>
      <c r="L803" s="130"/>
      <c r="M803" s="130"/>
      <c r="N803" s="130"/>
      <c r="O803" s="130"/>
      <c r="P803" s="130"/>
      <c r="Q803" s="130"/>
      <c r="R803" s="130"/>
      <c r="S803" s="130"/>
      <c r="T803" s="130"/>
      <c r="U803" s="130"/>
      <c r="V803" s="130"/>
      <c r="W803" s="130"/>
      <c r="X803" s="130"/>
      <c r="Y803" s="130"/>
      <c r="Z803" s="54"/>
      <c r="AA803" s="132"/>
      <c r="AB803" s="200"/>
      <c r="AC803" s="200"/>
      <c r="AD803" s="200"/>
      <c r="AE803" s="200"/>
      <c r="AF803" s="200"/>
      <c r="AG803" s="200"/>
      <c r="AH803" s="200"/>
      <c r="AI803" s="201"/>
      <c r="AJ803" s="132"/>
      <c r="AK803" s="133"/>
      <c r="AL803" s="133"/>
      <c r="AM803" s="133"/>
      <c r="AN803" s="133"/>
      <c r="AO803" s="133"/>
      <c r="AP803" s="133"/>
      <c r="AQ803" s="133"/>
      <c r="AR803" s="134"/>
      <c r="AS803" s="132"/>
      <c r="AT803" s="196"/>
      <c r="AU803" s="196"/>
      <c r="AV803" s="196"/>
      <c r="AW803" s="196"/>
      <c r="AX803" s="202"/>
      <c r="AY803" s="23"/>
      <c r="AZ803" s="23"/>
      <c r="BA803" s="23"/>
      <c r="BB803" s="23"/>
      <c r="BC803" s="23"/>
      <c r="BD803" s="23"/>
      <c r="BE803" s="23"/>
      <c r="BF803" s="23"/>
      <c r="BG803" s="23"/>
      <c r="BH803" s="23"/>
      <c r="BI803" s="23"/>
      <c r="BJ803" s="23"/>
      <c r="BK803" s="23"/>
      <c r="BL803" s="23"/>
      <c r="BM803" s="23"/>
      <c r="BN803" s="23"/>
      <c r="BO803" s="23"/>
      <c r="BP803" s="23"/>
      <c r="BQ803" s="23"/>
      <c r="BR803" s="23"/>
      <c r="BS803" s="23"/>
      <c r="BT803" s="23"/>
      <c r="BU803" s="23"/>
      <c r="BV803" s="23"/>
      <c r="BW803" s="23"/>
      <c r="BX803" s="23"/>
      <c r="BY803" s="23"/>
      <c r="BZ803" s="23"/>
      <c r="CA803" s="23"/>
      <c r="CB803" s="23"/>
      <c r="CC803" s="23"/>
      <c r="CD803" s="23"/>
      <c r="CE803" s="23"/>
      <c r="CF803" s="23"/>
      <c r="CG803" s="23"/>
      <c r="CH803" s="23"/>
      <c r="CI803" s="23"/>
      <c r="CJ803" s="23"/>
      <c r="CK803" s="23"/>
      <c r="CL803" s="23"/>
      <c r="CM803" s="23"/>
      <c r="CN803" s="23"/>
      <c r="CO803" s="23"/>
      <c r="CP803" s="23"/>
      <c r="CQ803" s="23"/>
      <c r="CR803" s="23"/>
      <c r="CS803" s="23"/>
      <c r="CT803" s="23"/>
      <c r="CU803" s="23"/>
      <c r="CV803" s="23"/>
      <c r="CW803" s="23"/>
      <c r="CX803" s="23"/>
      <c r="CY803" s="23"/>
      <c r="CZ803" s="23"/>
      <c r="DA803" s="23"/>
      <c r="DB803" s="23"/>
      <c r="DC803" s="23"/>
      <c r="DD803" s="23"/>
      <c r="DE803" s="23"/>
      <c r="DF803" s="23"/>
      <c r="DG803" s="23"/>
      <c r="DH803" s="23"/>
      <c r="DI803" s="23"/>
      <c r="DJ803" s="23"/>
      <c r="DK803" s="23"/>
      <c r="DL803" s="23"/>
      <c r="DM803" s="23"/>
      <c r="DN803" s="23"/>
      <c r="DO803" s="23"/>
      <c r="DP803" s="23"/>
      <c r="DQ803" s="23"/>
      <c r="DR803" s="23"/>
      <c r="DS803" s="23"/>
      <c r="DT803" s="23"/>
      <c r="DU803" s="23"/>
      <c r="DV803" s="23"/>
      <c r="DW803" s="23"/>
      <c r="DX803" s="23"/>
      <c r="DY803" s="23"/>
      <c r="DZ803" s="23"/>
      <c r="EA803" s="23"/>
      <c r="EB803" s="23"/>
      <c r="EC803" s="23"/>
      <c r="ED803" s="23"/>
      <c r="EE803" s="23"/>
      <c r="EF803" s="23"/>
      <c r="EG803" s="23"/>
      <c r="EH803" s="23"/>
      <c r="EI803" s="23"/>
      <c r="EJ803" s="23"/>
      <c r="EK803" s="23"/>
      <c r="EL803" s="23"/>
      <c r="EM803" s="23"/>
      <c r="EN803" s="23"/>
      <c r="EO803" s="23"/>
      <c r="EP803" s="23"/>
      <c r="EQ803" s="23"/>
      <c r="ER803" s="23"/>
      <c r="ES803" s="23"/>
      <c r="ET803" s="23"/>
      <c r="EU803" s="23"/>
      <c r="EV803" s="23"/>
      <c r="EW803" s="23"/>
      <c r="EX803" s="23"/>
      <c r="EY803" s="23"/>
      <c r="EZ803" s="23"/>
      <c r="FA803" s="23"/>
      <c r="FB803" s="23"/>
      <c r="FC803" s="23"/>
      <c r="FD803" s="23"/>
      <c r="FE803" s="23"/>
      <c r="FF803" s="23"/>
      <c r="FG803" s="23"/>
      <c r="FH803" s="23"/>
      <c r="FI803" s="23"/>
      <c r="FJ803" s="23"/>
      <c r="FK803" s="23"/>
      <c r="FL803" s="23"/>
      <c r="FM803" s="23"/>
      <c r="FN803" s="23"/>
      <c r="FO803" s="23"/>
      <c r="FP803" s="23"/>
      <c r="FQ803" s="23"/>
      <c r="FR803" s="23"/>
      <c r="FS803" s="23"/>
      <c r="FT803" s="23"/>
      <c r="FU803" s="23"/>
      <c r="FV803" s="23"/>
      <c r="FW803" s="23"/>
      <c r="FX803" s="23"/>
      <c r="FY803" s="23"/>
      <c r="FZ803" s="23"/>
      <c r="GA803" s="23"/>
      <c r="GB803" s="23"/>
      <c r="GC803" s="23"/>
      <c r="GD803" s="23"/>
      <c r="GE803" s="23"/>
      <c r="GF803" s="23"/>
      <c r="GG803" s="23"/>
      <c r="GH803" s="23"/>
      <c r="GI803" s="23"/>
      <c r="GJ803" s="23"/>
      <c r="GK803" s="23"/>
      <c r="GL803" s="23"/>
      <c r="GM803" s="23"/>
      <c r="GN803" s="23"/>
      <c r="GO803" s="23"/>
      <c r="GP803" s="23"/>
      <c r="GQ803" s="23"/>
      <c r="GR803" s="23"/>
      <c r="GS803" s="23"/>
      <c r="GT803" s="23"/>
      <c r="GU803" s="23"/>
      <c r="GV803" s="23"/>
      <c r="GW803" s="23"/>
      <c r="GX803" s="23"/>
      <c r="GY803" s="23"/>
      <c r="GZ803" s="23"/>
      <c r="HA803" s="23"/>
      <c r="HB803" s="23"/>
      <c r="HC803" s="23"/>
      <c r="HD803" s="23"/>
      <c r="HE803" s="23"/>
      <c r="HF803" s="23"/>
      <c r="HG803" s="23"/>
      <c r="HH803" s="23"/>
      <c r="HI803" s="23"/>
      <c r="HJ803" s="23"/>
      <c r="HK803" s="23"/>
      <c r="HL803" s="23"/>
      <c r="HM803" s="23"/>
      <c r="HN803" s="23"/>
      <c r="HO803" s="23"/>
      <c r="HP803" s="23"/>
      <c r="HQ803" s="23"/>
      <c r="HR803" s="23"/>
      <c r="HS803" s="23"/>
      <c r="HT803" s="23"/>
      <c r="HU803" s="23"/>
      <c r="HV803" s="23"/>
      <c r="HW803" s="23"/>
      <c r="HX803" s="23"/>
      <c r="HY803" s="23"/>
      <c r="HZ803" s="23"/>
      <c r="IA803" s="23"/>
      <c r="IB803" s="23"/>
      <c r="IC803" s="23"/>
      <c r="ID803" s="23"/>
      <c r="IE803" s="23"/>
      <c r="IF803" s="23"/>
      <c r="IG803" s="23"/>
      <c r="IH803" s="23"/>
      <c r="II803" s="23"/>
      <c r="IJ803" s="23"/>
      <c r="IK803" s="23"/>
      <c r="IL803" s="23"/>
      <c r="IM803" s="23"/>
      <c r="IN803" s="23"/>
      <c r="IO803" s="23"/>
      <c r="IP803" s="23"/>
      <c r="IQ803" s="23"/>
    </row>
    <row r="804" spans="1:251" s="50" customFormat="1" ht="18.75" customHeight="1" thickBot="1">
      <c r="A804" s="34"/>
      <c r="B804" s="49"/>
      <c r="C804" s="158"/>
      <c r="D804" s="158"/>
      <c r="E804" s="158"/>
      <c r="F804" s="158"/>
      <c r="G804" s="158"/>
      <c r="H804" s="158"/>
      <c r="I804" s="158"/>
      <c r="J804" s="158"/>
      <c r="K804" s="158"/>
      <c r="L804" s="158"/>
      <c r="M804" s="158"/>
      <c r="N804" s="158"/>
      <c r="O804" s="158"/>
      <c r="P804" s="158"/>
      <c r="Q804" s="158"/>
      <c r="R804" s="158"/>
      <c r="S804" s="158"/>
      <c r="T804" s="158"/>
      <c r="U804" s="158"/>
      <c r="V804" s="158"/>
      <c r="W804" s="158"/>
      <c r="X804" s="158"/>
      <c r="Y804" s="158"/>
      <c r="Z804" s="55"/>
      <c r="AA804" s="160"/>
      <c r="AB804" s="211"/>
      <c r="AC804" s="211"/>
      <c r="AD804" s="211"/>
      <c r="AE804" s="211"/>
      <c r="AF804" s="211"/>
      <c r="AG804" s="211"/>
      <c r="AH804" s="211"/>
      <c r="AI804" s="212"/>
      <c r="AJ804" s="160"/>
      <c r="AK804" s="161"/>
      <c r="AL804" s="161"/>
      <c r="AM804" s="161"/>
      <c r="AN804" s="161"/>
      <c r="AO804" s="161"/>
      <c r="AP804" s="161"/>
      <c r="AQ804" s="161"/>
      <c r="AR804" s="162"/>
      <c r="AS804" s="188"/>
      <c r="AT804" s="213"/>
      <c r="AU804" s="213"/>
      <c r="AV804" s="213"/>
      <c r="AW804" s="213"/>
      <c r="AX804" s="214"/>
      <c r="AY804" s="23"/>
      <c r="AZ804" s="23"/>
      <c r="BA804" s="23"/>
      <c r="BB804" s="23"/>
      <c r="BC804" s="23"/>
      <c r="BD804" s="23"/>
      <c r="BE804" s="23"/>
      <c r="BF804" s="23"/>
      <c r="BG804" s="23"/>
      <c r="BH804" s="23"/>
      <c r="BI804" s="23"/>
      <c r="BJ804" s="23"/>
      <c r="BK804" s="23"/>
      <c r="BL804" s="23"/>
      <c r="BM804" s="23"/>
      <c r="BN804" s="23"/>
      <c r="BO804" s="23"/>
      <c r="BP804" s="23"/>
      <c r="BQ804" s="23"/>
      <c r="BR804" s="23"/>
      <c r="BS804" s="23"/>
      <c r="BT804" s="23"/>
      <c r="BU804" s="23"/>
      <c r="BV804" s="23"/>
      <c r="BW804" s="23"/>
      <c r="BX804" s="23"/>
      <c r="BY804" s="23"/>
      <c r="BZ804" s="23"/>
      <c r="CA804" s="23"/>
      <c r="CB804" s="23"/>
      <c r="CC804" s="23"/>
      <c r="CD804" s="23"/>
      <c r="CE804" s="23"/>
      <c r="CF804" s="23"/>
      <c r="CG804" s="23"/>
      <c r="CH804" s="23"/>
      <c r="CI804" s="23"/>
      <c r="CJ804" s="23"/>
      <c r="CK804" s="23"/>
      <c r="CL804" s="23"/>
      <c r="CM804" s="23"/>
      <c r="CN804" s="23"/>
      <c r="CO804" s="23"/>
      <c r="CP804" s="23"/>
      <c r="CQ804" s="23"/>
      <c r="CR804" s="23"/>
      <c r="CS804" s="23"/>
      <c r="CT804" s="23"/>
      <c r="CU804" s="23"/>
      <c r="CV804" s="23"/>
      <c r="CW804" s="23"/>
      <c r="CX804" s="23"/>
      <c r="CY804" s="23"/>
      <c r="CZ804" s="23"/>
      <c r="DA804" s="23"/>
      <c r="DB804" s="23"/>
      <c r="DC804" s="23"/>
      <c r="DD804" s="23"/>
      <c r="DE804" s="23"/>
      <c r="DF804" s="23"/>
      <c r="DG804" s="23"/>
      <c r="DH804" s="23"/>
      <c r="DI804" s="23"/>
      <c r="DJ804" s="23"/>
      <c r="DK804" s="23"/>
      <c r="DL804" s="23"/>
      <c r="DM804" s="23"/>
      <c r="DN804" s="23"/>
      <c r="DO804" s="23"/>
      <c r="DP804" s="23"/>
      <c r="DQ804" s="23"/>
      <c r="DR804" s="23"/>
      <c r="DS804" s="23"/>
      <c r="DT804" s="23"/>
      <c r="DU804" s="23"/>
      <c r="DV804" s="23"/>
      <c r="DW804" s="23"/>
      <c r="DX804" s="23"/>
      <c r="DY804" s="23"/>
      <c r="DZ804" s="23"/>
      <c r="EA804" s="23"/>
      <c r="EB804" s="23"/>
      <c r="EC804" s="23"/>
      <c r="ED804" s="23"/>
      <c r="EE804" s="23"/>
      <c r="EF804" s="23"/>
      <c r="EG804" s="23"/>
      <c r="EH804" s="23"/>
      <c r="EI804" s="23"/>
      <c r="EJ804" s="23"/>
      <c r="EK804" s="23"/>
      <c r="EL804" s="23"/>
      <c r="EM804" s="23"/>
      <c r="EN804" s="23"/>
      <c r="EO804" s="23"/>
      <c r="EP804" s="23"/>
      <c r="EQ804" s="23"/>
      <c r="ER804" s="23"/>
      <c r="ES804" s="23"/>
      <c r="ET804" s="23"/>
      <c r="EU804" s="23"/>
      <c r="EV804" s="23"/>
      <c r="EW804" s="23"/>
      <c r="EX804" s="23"/>
      <c r="EY804" s="23"/>
      <c r="EZ804" s="23"/>
      <c r="FA804" s="23"/>
      <c r="FB804" s="23"/>
      <c r="FC804" s="23"/>
      <c r="FD804" s="23"/>
      <c r="FE804" s="23"/>
      <c r="FF804" s="23"/>
      <c r="FG804" s="23"/>
      <c r="FH804" s="23"/>
      <c r="FI804" s="23"/>
      <c r="FJ804" s="23"/>
      <c r="FK804" s="23"/>
      <c r="FL804" s="23"/>
      <c r="FM804" s="23"/>
      <c r="FN804" s="23"/>
      <c r="FO804" s="23"/>
      <c r="FP804" s="23"/>
      <c r="FQ804" s="23"/>
      <c r="FR804" s="23"/>
      <c r="FS804" s="23"/>
      <c r="FT804" s="23"/>
      <c r="FU804" s="23"/>
      <c r="FV804" s="23"/>
      <c r="FW804" s="23"/>
      <c r="FX804" s="23"/>
      <c r="FY804" s="23"/>
      <c r="FZ804" s="23"/>
      <c r="GA804" s="23"/>
      <c r="GB804" s="23"/>
      <c r="GC804" s="23"/>
      <c r="GD804" s="23"/>
      <c r="GE804" s="23"/>
      <c r="GF804" s="23"/>
      <c r="GG804" s="23"/>
      <c r="GH804" s="23"/>
      <c r="GI804" s="23"/>
      <c r="GJ804" s="23"/>
      <c r="GK804" s="23"/>
      <c r="GL804" s="23"/>
      <c r="GM804" s="23"/>
      <c r="GN804" s="23"/>
      <c r="GO804" s="23"/>
      <c r="GP804" s="23"/>
      <c r="GQ804" s="23"/>
      <c r="GR804" s="23"/>
      <c r="GS804" s="23"/>
      <c r="GT804" s="23"/>
      <c r="GU804" s="23"/>
      <c r="GV804" s="23"/>
      <c r="GW804" s="23"/>
      <c r="GX804" s="23"/>
      <c r="GY804" s="23"/>
      <c r="GZ804" s="23"/>
      <c r="HA804" s="23"/>
      <c r="HB804" s="23"/>
      <c r="HC804" s="23"/>
      <c r="HD804" s="23"/>
      <c r="HE804" s="23"/>
      <c r="HF804" s="23"/>
      <c r="HG804" s="23"/>
      <c r="HH804" s="23"/>
      <c r="HI804" s="23"/>
      <c r="HJ804" s="23"/>
      <c r="HK804" s="23"/>
      <c r="HL804" s="23"/>
      <c r="HM804" s="23"/>
      <c r="HN804" s="23"/>
      <c r="HO804" s="23"/>
      <c r="HP804" s="23"/>
      <c r="HQ804" s="23"/>
      <c r="HR804" s="23"/>
      <c r="HS804" s="23"/>
      <c r="HT804" s="23"/>
      <c r="HU804" s="23"/>
      <c r="HV804" s="23"/>
      <c r="HW804" s="23"/>
      <c r="HX804" s="23"/>
      <c r="HY804" s="23"/>
      <c r="HZ804" s="23"/>
      <c r="IA804" s="23"/>
      <c r="IB804" s="23"/>
      <c r="IC804" s="23"/>
      <c r="ID804" s="23"/>
      <c r="IE804" s="23"/>
      <c r="IF804" s="23"/>
      <c r="IG804" s="23"/>
      <c r="IH804" s="23"/>
      <c r="II804" s="23"/>
      <c r="IJ804" s="23"/>
      <c r="IK804" s="23"/>
      <c r="IL804" s="23"/>
      <c r="IM804" s="23"/>
      <c r="IN804" s="23"/>
      <c r="IO804" s="23"/>
      <c r="IP804" s="23"/>
      <c r="IQ804" s="23"/>
    </row>
    <row r="805" spans="1:251" s="50" customFormat="1" ht="18.75" customHeight="1" thickTop="1" thickBot="1">
      <c r="A805" s="38"/>
      <c r="B805" s="164" t="s">
        <v>105</v>
      </c>
      <c r="C805" s="191"/>
      <c r="D805" s="191"/>
      <c r="E805" s="191"/>
      <c r="F805" s="191"/>
      <c r="G805" s="191"/>
      <c r="H805" s="191"/>
      <c r="I805" s="191"/>
      <c r="J805" s="191"/>
      <c r="K805" s="191"/>
      <c r="L805" s="191"/>
      <c r="M805" s="191"/>
      <c r="N805" s="191"/>
      <c r="O805" s="191"/>
      <c r="P805" s="191"/>
      <c r="Q805" s="191"/>
      <c r="R805" s="191"/>
      <c r="S805" s="191"/>
      <c r="T805" s="191"/>
      <c r="U805" s="191"/>
      <c r="V805" s="191"/>
      <c r="W805" s="191"/>
      <c r="X805" s="191"/>
      <c r="Y805" s="191"/>
      <c r="Z805" s="192"/>
      <c r="AA805" s="167">
        <f>SUM(AA797:AA804)</f>
        <v>1000</v>
      </c>
      <c r="AB805" s="215"/>
      <c r="AC805" s="215"/>
      <c r="AD805" s="215"/>
      <c r="AE805" s="215"/>
      <c r="AF805" s="215"/>
      <c r="AG805" s="215"/>
      <c r="AH805" s="215"/>
      <c r="AI805" s="216"/>
      <c r="AJ805" s="167">
        <f>SUM(AJ797:AJ804)</f>
        <v>1000</v>
      </c>
      <c r="AK805" s="215"/>
      <c r="AL805" s="215"/>
      <c r="AM805" s="215"/>
      <c r="AN805" s="215"/>
      <c r="AO805" s="215"/>
      <c r="AP805" s="215"/>
      <c r="AQ805" s="215"/>
      <c r="AR805" s="216"/>
      <c r="AS805" s="167"/>
      <c r="AT805" s="215"/>
      <c r="AU805" s="215"/>
      <c r="AV805" s="215"/>
      <c r="AW805" s="215"/>
      <c r="AX805" s="217"/>
      <c r="AY805" s="23"/>
      <c r="AZ805" s="23"/>
      <c r="BA805" s="23"/>
      <c r="BB805" s="23"/>
      <c r="BC805" s="23"/>
      <c r="BD805" s="23"/>
      <c r="BE805" s="23"/>
      <c r="BF805" s="23"/>
      <c r="BG805" s="23"/>
      <c r="BH805" s="23"/>
      <c r="BI805" s="23"/>
      <c r="BJ805" s="23"/>
      <c r="BK805" s="23"/>
      <c r="BL805" s="23"/>
      <c r="BM805" s="23"/>
      <c r="BN805" s="23"/>
      <c r="BO805" s="23"/>
      <c r="BP805" s="23"/>
      <c r="BQ805" s="23"/>
      <c r="BR805" s="23"/>
      <c r="BS805" s="23"/>
      <c r="BT805" s="23"/>
      <c r="BU805" s="23"/>
      <c r="BV805" s="23"/>
      <c r="BW805" s="23"/>
      <c r="BX805" s="23"/>
      <c r="BY805" s="23"/>
      <c r="BZ805" s="23"/>
      <c r="CA805" s="23"/>
      <c r="CB805" s="23"/>
      <c r="CC805" s="23"/>
      <c r="CD805" s="23"/>
      <c r="CE805" s="23"/>
      <c r="CF805" s="23"/>
      <c r="CG805" s="23"/>
      <c r="CH805" s="23"/>
      <c r="CI805" s="23"/>
      <c r="CJ805" s="23"/>
      <c r="CK805" s="23"/>
      <c r="CL805" s="23"/>
      <c r="CM805" s="23"/>
      <c r="CN805" s="23"/>
      <c r="CO805" s="23"/>
      <c r="CP805" s="23"/>
      <c r="CQ805" s="23"/>
      <c r="CR805" s="23"/>
      <c r="CS805" s="23"/>
      <c r="CT805" s="23"/>
      <c r="CU805" s="23"/>
      <c r="CV805" s="23"/>
      <c r="CW805" s="23"/>
      <c r="CX805" s="23"/>
      <c r="CY805" s="23"/>
      <c r="CZ805" s="23"/>
      <c r="DA805" s="23"/>
      <c r="DB805" s="23"/>
      <c r="DC805" s="23"/>
      <c r="DD805" s="23"/>
      <c r="DE805" s="23"/>
      <c r="DF805" s="23"/>
      <c r="DG805" s="23"/>
      <c r="DH805" s="23"/>
      <c r="DI805" s="23"/>
      <c r="DJ805" s="23"/>
      <c r="DK805" s="23"/>
      <c r="DL805" s="23"/>
      <c r="DM805" s="23"/>
      <c r="DN805" s="23"/>
      <c r="DO805" s="23"/>
      <c r="DP805" s="23"/>
      <c r="DQ805" s="23"/>
      <c r="DR805" s="23"/>
      <c r="DS805" s="23"/>
      <c r="DT805" s="23"/>
      <c r="DU805" s="23"/>
      <c r="DV805" s="23"/>
      <c r="DW805" s="23"/>
      <c r="DX805" s="23"/>
      <c r="DY805" s="23"/>
      <c r="DZ805" s="23"/>
      <c r="EA805" s="23"/>
      <c r="EB805" s="23"/>
      <c r="EC805" s="23"/>
      <c r="ED805" s="23"/>
      <c r="EE805" s="23"/>
      <c r="EF805" s="23"/>
      <c r="EG805" s="23"/>
      <c r="EH805" s="23"/>
      <c r="EI805" s="23"/>
      <c r="EJ805" s="23"/>
      <c r="EK805" s="23"/>
      <c r="EL805" s="23"/>
      <c r="EM805" s="23"/>
      <c r="EN805" s="23"/>
      <c r="EO805" s="23"/>
      <c r="EP805" s="23"/>
      <c r="EQ805" s="23"/>
      <c r="ER805" s="23"/>
      <c r="ES805" s="23"/>
      <c r="ET805" s="23"/>
      <c r="EU805" s="23"/>
      <c r="EV805" s="23"/>
      <c r="EW805" s="23"/>
      <c r="EX805" s="23"/>
      <c r="EY805" s="23"/>
      <c r="EZ805" s="23"/>
      <c r="FA805" s="23"/>
      <c r="FB805" s="23"/>
      <c r="FC805" s="23"/>
      <c r="FD805" s="23"/>
      <c r="FE805" s="23"/>
      <c r="FF805" s="23"/>
      <c r="FG805" s="23"/>
      <c r="FH805" s="23"/>
      <c r="FI805" s="23"/>
      <c r="FJ805" s="23"/>
      <c r="FK805" s="23"/>
      <c r="FL805" s="23"/>
      <c r="FM805" s="23"/>
      <c r="FN805" s="23"/>
      <c r="FO805" s="23"/>
      <c r="FP805" s="23"/>
      <c r="FQ805" s="23"/>
      <c r="FR805" s="23"/>
      <c r="FS805" s="23"/>
      <c r="FT805" s="23"/>
      <c r="FU805" s="23"/>
      <c r="FV805" s="23"/>
      <c r="FW805" s="23"/>
      <c r="FX805" s="23"/>
      <c r="FY805" s="23"/>
      <c r="FZ805" s="23"/>
      <c r="GA805" s="23"/>
      <c r="GB805" s="23"/>
      <c r="GC805" s="23"/>
      <c r="GD805" s="23"/>
      <c r="GE805" s="23"/>
      <c r="GF805" s="23"/>
      <c r="GG805" s="23"/>
      <c r="GH805" s="23"/>
      <c r="GI805" s="23"/>
      <c r="GJ805" s="23"/>
      <c r="GK805" s="23"/>
      <c r="GL805" s="23"/>
      <c r="GM805" s="23"/>
      <c r="GN805" s="23"/>
      <c r="GO805" s="23"/>
      <c r="GP805" s="23"/>
      <c r="GQ805" s="23"/>
      <c r="GR805" s="23"/>
      <c r="GS805" s="23"/>
      <c r="GT805" s="23"/>
      <c r="GU805" s="23"/>
      <c r="GV805" s="23"/>
      <c r="GW805" s="23"/>
      <c r="GX805" s="23"/>
      <c r="GY805" s="23"/>
      <c r="GZ805" s="23"/>
      <c r="HA805" s="23"/>
      <c r="HB805" s="23"/>
      <c r="HC805" s="23"/>
      <c r="HD805" s="23"/>
      <c r="HE805" s="23"/>
      <c r="HF805" s="23"/>
      <c r="HG805" s="23"/>
      <c r="HH805" s="23"/>
      <c r="HI805" s="23"/>
      <c r="HJ805" s="23"/>
      <c r="HK805" s="23"/>
      <c r="HL805" s="23"/>
      <c r="HM805" s="23"/>
      <c r="HN805" s="23"/>
      <c r="HO805" s="23"/>
      <c r="HP805" s="23"/>
      <c r="HQ805" s="23"/>
      <c r="HR805" s="23"/>
      <c r="HS805" s="23"/>
      <c r="HT805" s="23"/>
      <c r="HU805" s="23"/>
      <c r="HV805" s="23"/>
      <c r="HW805" s="23"/>
      <c r="HX805" s="23"/>
      <c r="HY805" s="23"/>
      <c r="HZ805" s="23"/>
      <c r="IA805" s="23"/>
      <c r="IB805" s="23"/>
      <c r="IC805" s="23"/>
      <c r="ID805" s="23"/>
      <c r="IE805" s="23"/>
      <c r="IF805" s="23"/>
      <c r="IG805" s="23"/>
      <c r="IH805" s="23"/>
      <c r="II805" s="23"/>
      <c r="IJ805" s="23"/>
      <c r="IK805" s="23"/>
      <c r="IL805" s="23"/>
      <c r="IM805" s="23"/>
      <c r="IN805" s="23"/>
      <c r="IO805" s="23"/>
      <c r="IP805" s="23"/>
      <c r="IQ805" s="23"/>
    </row>
    <row r="807" spans="1:251" s="23" customFormat="1" ht="19.2">
      <c r="A807" s="22" t="s">
        <v>86</v>
      </c>
      <c r="AW807" s="24"/>
      <c r="AX807" s="25"/>
      <c r="AY807" s="24"/>
    </row>
    <row r="808" spans="1:251" s="23" customFormat="1" ht="13.2"/>
    <row r="809" spans="1:251" s="23" customFormat="1">
      <c r="A809" s="26"/>
      <c r="B809" s="115" t="s">
        <v>87</v>
      </c>
      <c r="C809" s="153"/>
      <c r="D809" s="153"/>
      <c r="E809" s="153"/>
      <c r="F809" s="153"/>
      <c r="G809" s="153"/>
      <c r="H809" s="153"/>
      <c r="I809" s="153"/>
      <c r="J809" s="153"/>
      <c r="K809" s="153"/>
      <c r="L809" s="153"/>
      <c r="M809" s="153"/>
      <c r="N809" s="153"/>
      <c r="O809" s="153"/>
      <c r="P809" s="153"/>
      <c r="Q809" s="153"/>
      <c r="R809" s="153"/>
      <c r="S809" s="153"/>
      <c r="T809" s="153"/>
      <c r="U809" s="153"/>
      <c r="V809" s="153"/>
      <c r="W809" s="153"/>
      <c r="X809" s="153"/>
      <c r="Y809" s="153"/>
      <c r="Z809" s="153"/>
      <c r="AA809" s="153"/>
      <c r="AB809" s="153"/>
      <c r="AC809" s="153"/>
      <c r="AD809" s="153"/>
      <c r="AE809" s="153"/>
      <c r="AF809" s="153"/>
      <c r="AG809" s="153"/>
      <c r="AH809" s="153"/>
      <c r="AI809" s="153"/>
      <c r="AJ809" s="153"/>
      <c r="AK809" s="153"/>
      <c r="AL809" s="153"/>
      <c r="AM809" s="153"/>
      <c r="AN809" s="153"/>
      <c r="AO809" s="153"/>
      <c r="AP809" s="153"/>
      <c r="AQ809" s="153"/>
      <c r="AR809" s="153"/>
      <c r="AS809" s="153"/>
      <c r="AT809" s="153"/>
      <c r="AU809" s="153"/>
      <c r="AV809" s="153"/>
      <c r="AW809" s="153"/>
      <c r="AX809" s="153"/>
      <c r="AY809" s="26"/>
    </row>
    <row r="810" spans="1:251" s="23" customFormat="1" ht="13.2">
      <c r="Z810" s="27"/>
      <c r="AD810" s="27"/>
      <c r="AE810" s="27"/>
      <c r="AF810" s="27"/>
      <c r="AG810" s="27"/>
      <c r="AH810" s="27"/>
      <c r="AI810" s="27"/>
      <c r="AO810" s="27"/>
    </row>
    <row r="811" spans="1:251" s="23" customFormat="1" ht="13.8" thickBot="1">
      <c r="Z811" s="27"/>
      <c r="AD811" s="27"/>
      <c r="AE811" s="27"/>
      <c r="AF811" s="27"/>
      <c r="AG811" s="27"/>
      <c r="AH811" s="27"/>
      <c r="AI811" s="27"/>
      <c r="AO811" s="27"/>
      <c r="DI811" s="28"/>
    </row>
    <row r="812" spans="1:251" s="23" customFormat="1" ht="24.6" customHeight="1" thickBot="1">
      <c r="A812" s="116" t="s">
        <v>88</v>
      </c>
      <c r="B812" s="117"/>
      <c r="C812" s="117"/>
      <c r="D812" s="117"/>
      <c r="E812" s="117"/>
      <c r="F812" s="117"/>
      <c r="G812" s="117"/>
      <c r="H812" s="117"/>
      <c r="I812" s="117"/>
      <c r="J812" s="117"/>
      <c r="K812" s="118"/>
      <c r="L812" s="154">
        <v>24</v>
      </c>
      <c r="M812" s="154"/>
      <c r="N812" s="154"/>
      <c r="O812" s="155"/>
      <c r="P812" s="122" t="s">
        <v>89</v>
      </c>
      <c r="Q812" s="120"/>
      <c r="R812" s="120"/>
      <c r="S812" s="120"/>
      <c r="T812" s="120"/>
      <c r="U812" s="123"/>
      <c r="V812" s="156" t="s">
        <v>170</v>
      </c>
      <c r="W812" s="156"/>
      <c r="X812" s="156"/>
      <c r="Y812" s="156"/>
      <c r="Z812" s="156"/>
      <c r="AA812" s="156"/>
      <c r="AB812" s="156"/>
      <c r="AC812" s="156"/>
      <c r="AD812" s="156"/>
      <c r="AE812" s="156"/>
      <c r="AF812" s="156"/>
      <c r="AG812" s="156"/>
      <c r="AH812" s="156"/>
      <c r="AI812" s="156"/>
      <c r="AJ812" s="156"/>
      <c r="AK812" s="156"/>
      <c r="AL812" s="156"/>
      <c r="AM812" s="156"/>
      <c r="AN812" s="156"/>
      <c r="AO812" s="156"/>
      <c r="AP812" s="156"/>
      <c r="AQ812" s="156"/>
      <c r="AR812" s="156"/>
      <c r="AS812" s="156"/>
      <c r="AT812" s="156"/>
      <c r="AU812" s="156"/>
      <c r="AV812" s="156"/>
      <c r="AW812" s="156"/>
      <c r="AX812" s="157"/>
      <c r="DI812" s="28"/>
    </row>
    <row r="813" spans="1:251" s="23" customFormat="1" ht="14.4">
      <c r="A813" s="29"/>
      <c r="B813" s="29"/>
      <c r="C813" s="29"/>
      <c r="D813" s="29"/>
      <c r="E813" s="29"/>
      <c r="F813" s="29"/>
      <c r="G813" s="29"/>
      <c r="H813" s="29"/>
      <c r="I813" s="29"/>
      <c r="J813" s="29"/>
      <c r="K813" s="29"/>
      <c r="L813" s="30"/>
      <c r="M813" s="30"/>
      <c r="N813" s="30"/>
      <c r="O813" s="30"/>
      <c r="P813" s="29"/>
      <c r="Q813" s="29"/>
      <c r="R813" s="29"/>
      <c r="S813" s="29"/>
      <c r="T813" s="29"/>
      <c r="U813" s="29"/>
      <c r="V813" s="31"/>
      <c r="W813" s="31"/>
      <c r="X813" s="31"/>
      <c r="Y813" s="31"/>
      <c r="Z813" s="31"/>
      <c r="AA813" s="31"/>
      <c r="AB813" s="31"/>
      <c r="AC813" s="31"/>
      <c r="AD813" s="31"/>
      <c r="AE813" s="31"/>
      <c r="AF813" s="31"/>
      <c r="AG813" s="31"/>
      <c r="AH813" s="31"/>
      <c r="AI813" s="31"/>
      <c r="AJ813" s="31"/>
      <c r="AK813" s="31"/>
      <c r="AL813" s="31"/>
      <c r="AM813" s="31"/>
      <c r="AN813" s="31"/>
      <c r="AO813" s="31"/>
      <c r="AP813" s="31"/>
      <c r="AQ813" s="31"/>
      <c r="AR813" s="31"/>
      <c r="AS813" s="31"/>
      <c r="AT813" s="31"/>
      <c r="AU813" s="31"/>
      <c r="AV813" s="31"/>
      <c r="AW813" s="31"/>
      <c r="AX813" s="31"/>
      <c r="DI813" s="28"/>
    </row>
    <row r="814" spans="1:251" s="23" customFormat="1" ht="15" thickBot="1">
      <c r="A814" s="32"/>
      <c r="B814" s="33" t="s">
        <v>91</v>
      </c>
      <c r="C814" s="34"/>
      <c r="D814" s="34"/>
      <c r="E814" s="34"/>
      <c r="F814" s="34"/>
      <c r="G814" s="34"/>
      <c r="H814" s="34"/>
      <c r="I814" s="34"/>
      <c r="J814" s="34"/>
      <c r="K814" s="34"/>
      <c r="L814" s="35"/>
      <c r="M814" s="35"/>
      <c r="N814" s="35"/>
      <c r="O814" s="35"/>
      <c r="P814" s="34"/>
      <c r="Q814" s="34"/>
      <c r="R814" s="34"/>
      <c r="S814" s="34"/>
      <c r="T814" s="34"/>
      <c r="U814" s="34"/>
      <c r="V814" s="33"/>
      <c r="W814" s="33"/>
      <c r="X814" s="33"/>
      <c r="Y814" s="33"/>
      <c r="Z814" s="33"/>
      <c r="AA814" s="33"/>
      <c r="AB814" s="33"/>
      <c r="AC814" s="33"/>
      <c r="AD814" s="33"/>
      <c r="AE814" s="33"/>
      <c r="AF814" s="33"/>
      <c r="AG814" s="33"/>
      <c r="AH814" s="33"/>
      <c r="AI814" s="33"/>
      <c r="AJ814" s="33"/>
      <c r="AK814" s="33"/>
      <c r="AL814" s="33"/>
      <c r="AM814" s="33"/>
      <c r="AN814" s="33"/>
      <c r="AO814" s="33"/>
      <c r="AP814" s="33"/>
      <c r="AQ814" s="33"/>
      <c r="AR814" s="33"/>
      <c r="AS814" s="33"/>
      <c r="AT814" s="33"/>
      <c r="AU814" s="33"/>
      <c r="AV814" s="33"/>
      <c r="AW814" s="33"/>
      <c r="AX814" s="33"/>
      <c r="DI814" s="28"/>
    </row>
    <row r="815" spans="1:251" s="23" customFormat="1" ht="14.4">
      <c r="A815" s="34"/>
      <c r="B815" s="36"/>
      <c r="C815" s="29"/>
      <c r="D815" s="29"/>
      <c r="E815" s="29"/>
      <c r="F815" s="29"/>
      <c r="G815" s="29"/>
      <c r="H815" s="29"/>
      <c r="I815" s="29"/>
      <c r="J815" s="29"/>
      <c r="K815" s="29"/>
      <c r="L815" s="30"/>
      <c r="M815" s="30"/>
      <c r="N815" s="30"/>
      <c r="O815" s="30"/>
      <c r="P815" s="29"/>
      <c r="Q815" s="29"/>
      <c r="R815" s="29"/>
      <c r="S815" s="29"/>
      <c r="T815" s="29"/>
      <c r="U815" s="29"/>
      <c r="V815" s="31"/>
      <c r="W815" s="31"/>
      <c r="X815" s="31"/>
      <c r="Y815" s="31"/>
      <c r="Z815" s="31"/>
      <c r="AA815" s="31"/>
      <c r="AB815" s="31"/>
      <c r="AC815" s="31"/>
      <c r="AD815" s="31"/>
      <c r="AE815" s="31"/>
      <c r="AF815" s="31"/>
      <c r="AG815" s="31"/>
      <c r="AH815" s="31"/>
      <c r="AI815" s="31"/>
      <c r="AJ815" s="31"/>
      <c r="AK815" s="31"/>
      <c r="AL815" s="31"/>
      <c r="AM815" s="31"/>
      <c r="AN815" s="31"/>
      <c r="AO815" s="31"/>
      <c r="AP815" s="31"/>
      <c r="AQ815" s="31"/>
      <c r="AR815" s="31"/>
      <c r="AS815" s="31"/>
      <c r="AT815" s="31"/>
      <c r="AU815" s="31"/>
      <c r="AV815" s="31"/>
      <c r="AW815" s="31"/>
      <c r="AX815" s="37"/>
    </row>
    <row r="816" spans="1:251" s="23" customFormat="1" ht="10.8" customHeight="1">
      <c r="A816" s="34"/>
      <c r="B816" s="127" t="s">
        <v>171</v>
      </c>
      <c r="C816" s="128"/>
      <c r="D816" s="128"/>
      <c r="E816" s="128"/>
      <c r="F816" s="128"/>
      <c r="G816" s="128"/>
      <c r="H816" s="128"/>
      <c r="I816" s="128"/>
      <c r="J816" s="128"/>
      <c r="K816" s="128"/>
      <c r="L816" s="128"/>
      <c r="M816" s="128"/>
      <c r="N816" s="128"/>
      <c r="O816" s="128"/>
      <c r="P816" s="128"/>
      <c r="Q816" s="128"/>
      <c r="R816" s="128"/>
      <c r="S816" s="128"/>
      <c r="T816" s="128"/>
      <c r="U816" s="128"/>
      <c r="V816" s="128"/>
      <c r="W816" s="128"/>
      <c r="X816" s="128"/>
      <c r="Y816" s="128"/>
      <c r="Z816" s="128"/>
      <c r="AA816" s="128"/>
      <c r="AB816" s="128"/>
      <c r="AC816" s="128"/>
      <c r="AD816" s="128"/>
      <c r="AE816" s="128"/>
      <c r="AF816" s="128"/>
      <c r="AG816" s="128"/>
      <c r="AH816" s="128"/>
      <c r="AI816" s="128"/>
      <c r="AJ816" s="128"/>
      <c r="AK816" s="128"/>
      <c r="AL816" s="128"/>
      <c r="AM816" s="128"/>
      <c r="AN816" s="128"/>
      <c r="AO816" s="128"/>
      <c r="AP816" s="128"/>
      <c r="AQ816" s="128"/>
      <c r="AR816" s="128"/>
      <c r="AS816" s="128"/>
      <c r="AT816" s="128"/>
      <c r="AU816" s="128"/>
      <c r="AV816" s="128"/>
      <c r="AW816" s="128"/>
      <c r="AX816" s="129"/>
    </row>
    <row r="817" spans="1:251" s="23" customFormat="1" ht="10.8" customHeight="1">
      <c r="A817" s="34"/>
      <c r="B817" s="127"/>
      <c r="C817" s="128"/>
      <c r="D817" s="128"/>
      <c r="E817" s="128"/>
      <c r="F817" s="128"/>
      <c r="G817" s="128"/>
      <c r="H817" s="128"/>
      <c r="I817" s="128"/>
      <c r="J817" s="128"/>
      <c r="K817" s="128"/>
      <c r="L817" s="128"/>
      <c r="M817" s="128"/>
      <c r="N817" s="128"/>
      <c r="O817" s="128"/>
      <c r="P817" s="128"/>
      <c r="Q817" s="128"/>
      <c r="R817" s="128"/>
      <c r="S817" s="128"/>
      <c r="T817" s="128"/>
      <c r="U817" s="128"/>
      <c r="V817" s="128"/>
      <c r="W817" s="128"/>
      <c r="X817" s="128"/>
      <c r="Y817" s="128"/>
      <c r="Z817" s="128"/>
      <c r="AA817" s="128"/>
      <c r="AB817" s="128"/>
      <c r="AC817" s="128"/>
      <c r="AD817" s="128"/>
      <c r="AE817" s="128"/>
      <c r="AF817" s="128"/>
      <c r="AG817" s="128"/>
      <c r="AH817" s="128"/>
      <c r="AI817" s="128"/>
      <c r="AJ817" s="128"/>
      <c r="AK817" s="128"/>
      <c r="AL817" s="128"/>
      <c r="AM817" s="128"/>
      <c r="AN817" s="128"/>
      <c r="AO817" s="128"/>
      <c r="AP817" s="128"/>
      <c r="AQ817" s="128"/>
      <c r="AR817" s="128"/>
      <c r="AS817" s="128"/>
      <c r="AT817" s="128"/>
      <c r="AU817" s="128"/>
      <c r="AV817" s="128"/>
      <c r="AW817" s="128"/>
      <c r="AX817" s="129"/>
      <c r="BC817" s="17"/>
    </row>
    <row r="818" spans="1:251" s="23" customFormat="1" ht="10.8" customHeight="1">
      <c r="A818" s="34"/>
      <c r="B818" s="127"/>
      <c r="C818" s="128"/>
      <c r="D818" s="128"/>
      <c r="E818" s="128"/>
      <c r="F818" s="128"/>
      <c r="G818" s="128"/>
      <c r="H818" s="128"/>
      <c r="I818" s="128"/>
      <c r="J818" s="128"/>
      <c r="K818" s="128"/>
      <c r="L818" s="128"/>
      <c r="M818" s="128"/>
      <c r="N818" s="128"/>
      <c r="O818" s="128"/>
      <c r="P818" s="128"/>
      <c r="Q818" s="128"/>
      <c r="R818" s="128"/>
      <c r="S818" s="128"/>
      <c r="T818" s="128"/>
      <c r="U818" s="128"/>
      <c r="V818" s="128"/>
      <c r="W818" s="128"/>
      <c r="X818" s="128"/>
      <c r="Y818" s="128"/>
      <c r="Z818" s="128"/>
      <c r="AA818" s="128"/>
      <c r="AB818" s="128"/>
      <c r="AC818" s="128"/>
      <c r="AD818" s="128"/>
      <c r="AE818" s="128"/>
      <c r="AF818" s="128"/>
      <c r="AG818" s="128"/>
      <c r="AH818" s="128"/>
      <c r="AI818" s="128"/>
      <c r="AJ818" s="128"/>
      <c r="AK818" s="128"/>
      <c r="AL818" s="128"/>
      <c r="AM818" s="128"/>
      <c r="AN818" s="128"/>
      <c r="AO818" s="128"/>
      <c r="AP818" s="128"/>
      <c r="AQ818" s="128"/>
      <c r="AR818" s="128"/>
      <c r="AS818" s="128"/>
      <c r="AT818" s="128"/>
      <c r="AU818" s="128"/>
      <c r="AV818" s="128"/>
      <c r="AW818" s="128"/>
      <c r="AX818" s="129"/>
    </row>
    <row r="819" spans="1:251" s="23" customFormat="1" ht="10.8" customHeight="1">
      <c r="A819" s="34"/>
      <c r="B819" s="127"/>
      <c r="C819" s="128"/>
      <c r="D819" s="128"/>
      <c r="E819" s="128"/>
      <c r="F819" s="128"/>
      <c r="G819" s="128"/>
      <c r="H819" s="128"/>
      <c r="I819" s="128"/>
      <c r="J819" s="128"/>
      <c r="K819" s="128"/>
      <c r="L819" s="128"/>
      <c r="M819" s="128"/>
      <c r="N819" s="128"/>
      <c r="O819" s="128"/>
      <c r="P819" s="128"/>
      <c r="Q819" s="128"/>
      <c r="R819" s="128"/>
      <c r="S819" s="128"/>
      <c r="T819" s="128"/>
      <c r="U819" s="128"/>
      <c r="V819" s="128"/>
      <c r="W819" s="128"/>
      <c r="X819" s="128"/>
      <c r="Y819" s="128"/>
      <c r="Z819" s="128"/>
      <c r="AA819" s="128"/>
      <c r="AB819" s="128"/>
      <c r="AC819" s="128"/>
      <c r="AD819" s="128"/>
      <c r="AE819" s="128"/>
      <c r="AF819" s="128"/>
      <c r="AG819" s="128"/>
      <c r="AH819" s="128"/>
      <c r="AI819" s="128"/>
      <c r="AJ819" s="128"/>
      <c r="AK819" s="128"/>
      <c r="AL819" s="128"/>
      <c r="AM819" s="128"/>
      <c r="AN819" s="128"/>
      <c r="AO819" s="128"/>
      <c r="AP819" s="128"/>
      <c r="AQ819" s="128"/>
      <c r="AR819" s="128"/>
      <c r="AS819" s="128"/>
      <c r="AT819" s="128"/>
      <c r="AU819" s="128"/>
      <c r="AV819" s="128"/>
      <c r="AW819" s="128"/>
      <c r="AX819" s="129"/>
    </row>
    <row r="820" spans="1:251" s="23" customFormat="1" ht="10.8" customHeight="1">
      <c r="A820" s="34"/>
      <c r="B820" s="127"/>
      <c r="C820" s="128"/>
      <c r="D820" s="128"/>
      <c r="E820" s="128"/>
      <c r="F820" s="128"/>
      <c r="G820" s="128"/>
      <c r="H820" s="128"/>
      <c r="I820" s="128"/>
      <c r="J820" s="128"/>
      <c r="K820" s="128"/>
      <c r="L820" s="128"/>
      <c r="M820" s="128"/>
      <c r="N820" s="128"/>
      <c r="O820" s="128"/>
      <c r="P820" s="128"/>
      <c r="Q820" s="128"/>
      <c r="R820" s="128"/>
      <c r="S820" s="128"/>
      <c r="T820" s="128"/>
      <c r="U820" s="128"/>
      <c r="V820" s="128"/>
      <c r="W820" s="128"/>
      <c r="X820" s="128"/>
      <c r="Y820" s="128"/>
      <c r="Z820" s="128"/>
      <c r="AA820" s="128"/>
      <c r="AB820" s="128"/>
      <c r="AC820" s="128"/>
      <c r="AD820" s="128"/>
      <c r="AE820" s="128"/>
      <c r="AF820" s="128"/>
      <c r="AG820" s="128"/>
      <c r="AH820" s="128"/>
      <c r="AI820" s="128"/>
      <c r="AJ820" s="128"/>
      <c r="AK820" s="128"/>
      <c r="AL820" s="128"/>
      <c r="AM820" s="128"/>
      <c r="AN820" s="128"/>
      <c r="AO820" s="128"/>
      <c r="AP820" s="128"/>
      <c r="AQ820" s="128"/>
      <c r="AR820" s="128"/>
      <c r="AS820" s="128"/>
      <c r="AT820" s="128"/>
      <c r="AU820" s="128"/>
      <c r="AV820" s="128"/>
      <c r="AW820" s="128"/>
      <c r="AX820" s="129"/>
    </row>
    <row r="821" spans="1:251" s="23" customFormat="1" ht="10.8" customHeight="1">
      <c r="A821" s="34"/>
      <c r="B821" s="127"/>
      <c r="C821" s="128"/>
      <c r="D821" s="128"/>
      <c r="E821" s="128"/>
      <c r="F821" s="128"/>
      <c r="G821" s="128"/>
      <c r="H821" s="128"/>
      <c r="I821" s="128"/>
      <c r="J821" s="128"/>
      <c r="K821" s="128"/>
      <c r="L821" s="128"/>
      <c r="M821" s="128"/>
      <c r="N821" s="128"/>
      <c r="O821" s="128"/>
      <c r="P821" s="128"/>
      <c r="Q821" s="128"/>
      <c r="R821" s="128"/>
      <c r="S821" s="128"/>
      <c r="T821" s="128"/>
      <c r="U821" s="128"/>
      <c r="V821" s="128"/>
      <c r="W821" s="128"/>
      <c r="X821" s="128"/>
      <c r="Y821" s="128"/>
      <c r="Z821" s="128"/>
      <c r="AA821" s="128"/>
      <c r="AB821" s="128"/>
      <c r="AC821" s="128"/>
      <c r="AD821" s="128"/>
      <c r="AE821" s="128"/>
      <c r="AF821" s="128"/>
      <c r="AG821" s="128"/>
      <c r="AH821" s="128"/>
      <c r="AI821" s="128"/>
      <c r="AJ821" s="128"/>
      <c r="AK821" s="128"/>
      <c r="AL821" s="128"/>
      <c r="AM821" s="128"/>
      <c r="AN821" s="128"/>
      <c r="AO821" s="128"/>
      <c r="AP821" s="128"/>
      <c r="AQ821" s="128"/>
      <c r="AR821" s="128"/>
      <c r="AS821" s="128"/>
      <c r="AT821" s="128"/>
      <c r="AU821" s="128"/>
      <c r="AV821" s="128"/>
      <c r="AW821" s="128"/>
      <c r="AX821" s="129"/>
    </row>
    <row r="822" spans="1:251" s="23" customFormat="1" ht="10.8" customHeight="1">
      <c r="A822" s="34"/>
      <c r="B822" s="127"/>
      <c r="C822" s="128"/>
      <c r="D822" s="128"/>
      <c r="E822" s="128"/>
      <c r="F822" s="128"/>
      <c r="G822" s="128"/>
      <c r="H822" s="128"/>
      <c r="I822" s="128"/>
      <c r="J822" s="128"/>
      <c r="K822" s="128"/>
      <c r="L822" s="128"/>
      <c r="M822" s="128"/>
      <c r="N822" s="128"/>
      <c r="O822" s="128"/>
      <c r="P822" s="128"/>
      <c r="Q822" s="128"/>
      <c r="R822" s="128"/>
      <c r="S822" s="128"/>
      <c r="T822" s="128"/>
      <c r="U822" s="128"/>
      <c r="V822" s="128"/>
      <c r="W822" s="128"/>
      <c r="X822" s="128"/>
      <c r="Y822" s="128"/>
      <c r="Z822" s="128"/>
      <c r="AA822" s="128"/>
      <c r="AB822" s="128"/>
      <c r="AC822" s="128"/>
      <c r="AD822" s="128"/>
      <c r="AE822" s="128"/>
      <c r="AF822" s="128"/>
      <c r="AG822" s="128"/>
      <c r="AH822" s="128"/>
      <c r="AI822" s="128"/>
      <c r="AJ822" s="128"/>
      <c r="AK822" s="128"/>
      <c r="AL822" s="128"/>
      <c r="AM822" s="128"/>
      <c r="AN822" s="128"/>
      <c r="AO822" s="128"/>
      <c r="AP822" s="128"/>
      <c r="AQ822" s="128"/>
      <c r="AR822" s="128"/>
      <c r="AS822" s="128"/>
      <c r="AT822" s="128"/>
      <c r="AU822" s="128"/>
      <c r="AV822" s="128"/>
      <c r="AW822" s="128"/>
      <c r="AX822" s="129"/>
    </row>
    <row r="823" spans="1:251" s="23" customFormat="1" ht="10.8" customHeight="1">
      <c r="A823" s="34"/>
      <c r="B823" s="127"/>
      <c r="C823" s="128"/>
      <c r="D823" s="128"/>
      <c r="E823" s="128"/>
      <c r="F823" s="128"/>
      <c r="G823" s="128"/>
      <c r="H823" s="128"/>
      <c r="I823" s="128"/>
      <c r="J823" s="128"/>
      <c r="K823" s="128"/>
      <c r="L823" s="128"/>
      <c r="M823" s="128"/>
      <c r="N823" s="128"/>
      <c r="O823" s="128"/>
      <c r="P823" s="128"/>
      <c r="Q823" s="128"/>
      <c r="R823" s="128"/>
      <c r="S823" s="128"/>
      <c r="T823" s="128"/>
      <c r="U823" s="128"/>
      <c r="V823" s="128"/>
      <c r="W823" s="128"/>
      <c r="X823" s="128"/>
      <c r="Y823" s="128"/>
      <c r="Z823" s="128"/>
      <c r="AA823" s="128"/>
      <c r="AB823" s="128"/>
      <c r="AC823" s="128"/>
      <c r="AD823" s="128"/>
      <c r="AE823" s="128"/>
      <c r="AF823" s="128"/>
      <c r="AG823" s="128"/>
      <c r="AH823" s="128"/>
      <c r="AI823" s="128"/>
      <c r="AJ823" s="128"/>
      <c r="AK823" s="128"/>
      <c r="AL823" s="128"/>
      <c r="AM823" s="128"/>
      <c r="AN823" s="128"/>
      <c r="AO823" s="128"/>
      <c r="AP823" s="128"/>
      <c r="AQ823" s="128"/>
      <c r="AR823" s="128"/>
      <c r="AS823" s="128"/>
      <c r="AT823" s="128"/>
      <c r="AU823" s="128"/>
      <c r="AV823" s="128"/>
      <c r="AW823" s="128"/>
      <c r="AX823" s="129"/>
    </row>
    <row r="824" spans="1:251" s="23" customFormat="1" ht="10.8" customHeight="1">
      <c r="A824" s="34"/>
      <c r="B824" s="127"/>
      <c r="C824" s="128"/>
      <c r="D824" s="128"/>
      <c r="E824" s="128"/>
      <c r="F824" s="128"/>
      <c r="G824" s="128"/>
      <c r="H824" s="128"/>
      <c r="I824" s="128"/>
      <c r="J824" s="128"/>
      <c r="K824" s="128"/>
      <c r="L824" s="128"/>
      <c r="M824" s="128"/>
      <c r="N824" s="128"/>
      <c r="O824" s="128"/>
      <c r="P824" s="128"/>
      <c r="Q824" s="128"/>
      <c r="R824" s="128"/>
      <c r="S824" s="128"/>
      <c r="T824" s="128"/>
      <c r="U824" s="128"/>
      <c r="V824" s="128"/>
      <c r="W824" s="128"/>
      <c r="X824" s="128"/>
      <c r="Y824" s="128"/>
      <c r="Z824" s="128"/>
      <c r="AA824" s="128"/>
      <c r="AB824" s="128"/>
      <c r="AC824" s="128"/>
      <c r="AD824" s="128"/>
      <c r="AE824" s="128"/>
      <c r="AF824" s="128"/>
      <c r="AG824" s="128"/>
      <c r="AH824" s="128"/>
      <c r="AI824" s="128"/>
      <c r="AJ824" s="128"/>
      <c r="AK824" s="128"/>
      <c r="AL824" s="128"/>
      <c r="AM824" s="128"/>
      <c r="AN824" s="128"/>
      <c r="AO824" s="128"/>
      <c r="AP824" s="128"/>
      <c r="AQ824" s="128"/>
      <c r="AR824" s="128"/>
      <c r="AS824" s="128"/>
      <c r="AT824" s="128"/>
      <c r="AU824" s="128"/>
      <c r="AV824" s="128"/>
      <c r="AW824" s="128"/>
      <c r="AX824" s="129"/>
    </row>
    <row r="825" spans="1:251" s="23" customFormat="1" ht="10.8" customHeight="1">
      <c r="A825" s="34"/>
      <c r="B825" s="127"/>
      <c r="C825" s="128"/>
      <c r="D825" s="128"/>
      <c r="E825" s="128"/>
      <c r="F825" s="128"/>
      <c r="G825" s="128"/>
      <c r="H825" s="128"/>
      <c r="I825" s="128"/>
      <c r="J825" s="128"/>
      <c r="K825" s="128"/>
      <c r="L825" s="128"/>
      <c r="M825" s="128"/>
      <c r="N825" s="128"/>
      <c r="O825" s="128"/>
      <c r="P825" s="128"/>
      <c r="Q825" s="128"/>
      <c r="R825" s="128"/>
      <c r="S825" s="128"/>
      <c r="T825" s="128"/>
      <c r="U825" s="128"/>
      <c r="V825" s="128"/>
      <c r="W825" s="128"/>
      <c r="X825" s="128"/>
      <c r="Y825" s="128"/>
      <c r="Z825" s="128"/>
      <c r="AA825" s="128"/>
      <c r="AB825" s="128"/>
      <c r="AC825" s="128"/>
      <c r="AD825" s="128"/>
      <c r="AE825" s="128"/>
      <c r="AF825" s="128"/>
      <c r="AG825" s="128"/>
      <c r="AH825" s="128"/>
      <c r="AI825" s="128"/>
      <c r="AJ825" s="128"/>
      <c r="AK825" s="128"/>
      <c r="AL825" s="128"/>
      <c r="AM825" s="128"/>
      <c r="AN825" s="128"/>
      <c r="AO825" s="128"/>
      <c r="AP825" s="128"/>
      <c r="AQ825" s="128"/>
      <c r="AR825" s="128"/>
      <c r="AS825" s="128"/>
      <c r="AT825" s="128"/>
      <c r="AU825" s="128"/>
      <c r="AV825" s="128"/>
      <c r="AW825" s="128"/>
      <c r="AX825" s="129"/>
    </row>
    <row r="826" spans="1:251" s="23" customFormat="1" ht="15" thickBot="1">
      <c r="A826" s="38"/>
      <c r="B826" s="39"/>
      <c r="C826" s="40"/>
      <c r="D826" s="40"/>
      <c r="E826" s="40"/>
      <c r="F826" s="40"/>
      <c r="G826" s="40"/>
      <c r="H826" s="40"/>
      <c r="I826" s="40"/>
      <c r="J826" s="40"/>
      <c r="K826" s="40"/>
      <c r="L826" s="40"/>
      <c r="M826" s="40"/>
      <c r="N826" s="40"/>
      <c r="O826" s="40"/>
      <c r="P826" s="40"/>
      <c r="Q826" s="40"/>
      <c r="R826" s="40"/>
      <c r="S826" s="40"/>
      <c r="T826" s="40"/>
      <c r="U826" s="40"/>
      <c r="V826" s="40"/>
      <c r="W826" s="40"/>
      <c r="X826" s="40"/>
      <c r="Y826" s="40"/>
      <c r="Z826" s="40"/>
      <c r="AA826" s="40"/>
      <c r="AB826" s="40"/>
      <c r="AC826" s="40"/>
      <c r="AD826" s="40"/>
      <c r="AE826" s="40"/>
      <c r="AF826" s="40"/>
      <c r="AG826" s="40"/>
      <c r="AH826" s="40"/>
      <c r="AI826" s="40"/>
      <c r="AJ826" s="40"/>
      <c r="AK826" s="40"/>
      <c r="AL826" s="40"/>
      <c r="AM826" s="40"/>
      <c r="AN826" s="40"/>
      <c r="AO826" s="40"/>
      <c r="AP826" s="40"/>
      <c r="AQ826" s="40"/>
      <c r="AR826" s="40"/>
      <c r="AS826" s="40"/>
      <c r="AT826" s="40"/>
      <c r="AU826" s="40"/>
      <c r="AV826" s="40"/>
      <c r="AW826" s="40"/>
      <c r="AX826" s="41"/>
    </row>
    <row r="827" spans="1:251" s="23" customFormat="1" ht="13.2">
      <c r="B827" s="42"/>
    </row>
    <row r="828" spans="1:251" s="23" customFormat="1" ht="14.4">
      <c r="B828" s="33" t="s">
        <v>93</v>
      </c>
      <c r="C828" s="34"/>
      <c r="D828" s="34"/>
      <c r="E828" s="34"/>
      <c r="F828" s="34"/>
      <c r="G828" s="34"/>
      <c r="H828" s="34"/>
      <c r="I828" s="34"/>
      <c r="J828" s="34"/>
      <c r="K828" s="34"/>
      <c r="L828" s="35"/>
      <c r="M828" s="35"/>
      <c r="N828" s="35"/>
      <c r="O828" s="35"/>
      <c r="P828" s="34"/>
      <c r="Q828" s="34"/>
      <c r="R828" s="34"/>
      <c r="S828" s="34"/>
      <c r="T828" s="34"/>
      <c r="U828" s="34"/>
      <c r="V828" s="33"/>
      <c r="W828" s="33"/>
      <c r="X828" s="33"/>
      <c r="Y828" s="33"/>
      <c r="Z828" s="33"/>
      <c r="AA828" s="33"/>
      <c r="AB828" s="33"/>
      <c r="AC828" s="33"/>
      <c r="AD828" s="33"/>
      <c r="AE828" s="33"/>
      <c r="AF828" s="33"/>
      <c r="AG828" s="33"/>
      <c r="AH828" s="33"/>
      <c r="AI828" s="33"/>
      <c r="AJ828" s="33"/>
      <c r="AK828" s="33"/>
      <c r="AL828" s="33"/>
      <c r="AM828" s="33"/>
      <c r="AN828" s="33"/>
      <c r="AO828" s="33"/>
      <c r="AP828" s="33"/>
      <c r="AQ828" s="33"/>
      <c r="AR828" s="33"/>
      <c r="AS828" s="33"/>
      <c r="AT828" s="33"/>
      <c r="AU828" s="33"/>
      <c r="AV828" s="33"/>
      <c r="AW828" s="33"/>
      <c r="AX828" s="33"/>
    </row>
    <row r="829" spans="1:251" s="23" customFormat="1" ht="15" thickBot="1">
      <c r="B829" s="33"/>
      <c r="C829" s="34"/>
      <c r="D829" s="34"/>
      <c r="E829" s="34"/>
      <c r="F829" s="34"/>
      <c r="G829" s="34"/>
      <c r="H829" s="34"/>
      <c r="I829" s="34"/>
      <c r="J829" s="34"/>
      <c r="K829" s="34"/>
      <c r="L829" s="35"/>
      <c r="M829" s="35"/>
      <c r="N829" s="35"/>
      <c r="O829" s="35"/>
      <c r="P829" s="34"/>
      <c r="Q829" s="34"/>
      <c r="R829" s="34"/>
      <c r="S829" s="34"/>
      <c r="T829" s="34"/>
      <c r="U829" s="34"/>
      <c r="V829" s="33"/>
      <c r="W829" s="33"/>
      <c r="X829" s="33"/>
      <c r="Y829" s="33"/>
      <c r="Z829" s="33"/>
      <c r="AA829" s="33"/>
      <c r="AB829" s="33"/>
      <c r="AC829" s="33"/>
      <c r="AD829" s="33"/>
      <c r="AE829" s="33"/>
      <c r="AF829" s="33"/>
      <c r="AG829" s="33"/>
      <c r="AH829" s="33"/>
      <c r="AI829" s="33"/>
      <c r="AJ829" s="33"/>
      <c r="AK829" s="33"/>
      <c r="AL829" s="33"/>
      <c r="AM829" s="33"/>
      <c r="AN829" s="33"/>
      <c r="AO829" s="33"/>
      <c r="AP829" s="33"/>
      <c r="AQ829" s="33"/>
      <c r="AR829" s="33"/>
      <c r="AS829" s="33"/>
      <c r="AT829" s="33"/>
      <c r="AU829" s="33"/>
      <c r="AV829" s="33"/>
      <c r="AW829" s="33"/>
      <c r="AX829" s="43" t="s">
        <v>94</v>
      </c>
    </row>
    <row r="830" spans="1:251" s="50" customFormat="1" ht="13.5" customHeight="1">
      <c r="A830" s="34"/>
      <c r="B830" s="139" t="s">
        <v>95</v>
      </c>
      <c r="C830" s="203"/>
      <c r="D830" s="203"/>
      <c r="E830" s="203"/>
      <c r="F830" s="203"/>
      <c r="G830" s="203"/>
      <c r="H830" s="203"/>
      <c r="I830" s="203"/>
      <c r="J830" s="203"/>
      <c r="K830" s="203"/>
      <c r="L830" s="203"/>
      <c r="M830" s="203"/>
      <c r="N830" s="203"/>
      <c r="O830" s="203"/>
      <c r="P830" s="203"/>
      <c r="Q830" s="203"/>
      <c r="R830" s="203"/>
      <c r="S830" s="203"/>
      <c r="T830" s="203"/>
      <c r="U830" s="203"/>
      <c r="V830" s="203"/>
      <c r="W830" s="203"/>
      <c r="X830" s="203"/>
      <c r="Y830" s="203"/>
      <c r="Z830" s="204"/>
      <c r="AA830" s="145" t="s">
        <v>116</v>
      </c>
      <c r="AB830" s="203"/>
      <c r="AC830" s="203"/>
      <c r="AD830" s="203"/>
      <c r="AE830" s="203"/>
      <c r="AF830" s="203"/>
      <c r="AG830" s="203"/>
      <c r="AH830" s="203"/>
      <c r="AI830" s="204"/>
      <c r="AJ830" s="145" t="s">
        <v>117</v>
      </c>
      <c r="AK830" s="203"/>
      <c r="AL830" s="203"/>
      <c r="AM830" s="203"/>
      <c r="AN830" s="203"/>
      <c r="AO830" s="203"/>
      <c r="AP830" s="203"/>
      <c r="AQ830" s="203"/>
      <c r="AR830" s="204"/>
      <c r="AS830" s="145" t="s">
        <v>98</v>
      </c>
      <c r="AT830" s="203"/>
      <c r="AU830" s="203"/>
      <c r="AV830" s="203"/>
      <c r="AW830" s="203"/>
      <c r="AX830" s="209"/>
      <c r="AY830" s="23"/>
      <c r="AZ830" s="23"/>
      <c r="BA830" s="23"/>
      <c r="BB830" s="23"/>
      <c r="BC830" s="23"/>
      <c r="BD830" s="23"/>
      <c r="BE830" s="23"/>
      <c r="BF830" s="23"/>
      <c r="BG830" s="23"/>
      <c r="BH830" s="23"/>
      <c r="BI830" s="23"/>
      <c r="BJ830" s="23"/>
      <c r="BK830" s="23"/>
      <c r="BL830" s="23"/>
      <c r="BM830" s="23"/>
      <c r="BN830" s="23"/>
      <c r="BO830" s="23"/>
      <c r="BP830" s="23"/>
      <c r="BQ830" s="23"/>
      <c r="BR830" s="23"/>
      <c r="BS830" s="23"/>
      <c r="BT830" s="23"/>
      <c r="BU830" s="23"/>
      <c r="BV830" s="23"/>
      <c r="BW830" s="23"/>
      <c r="BX830" s="23"/>
      <c r="BY830" s="23"/>
      <c r="BZ830" s="23"/>
      <c r="CA830" s="23"/>
      <c r="CB830" s="23"/>
      <c r="CC830" s="23"/>
      <c r="CD830" s="23"/>
      <c r="CE830" s="23"/>
      <c r="CF830" s="23"/>
      <c r="CG830" s="23"/>
      <c r="CH830" s="23"/>
      <c r="CI830" s="23"/>
      <c r="CJ830" s="23"/>
      <c r="CK830" s="23"/>
      <c r="CL830" s="23"/>
      <c r="CM830" s="23"/>
      <c r="CN830" s="23"/>
      <c r="CO830" s="23"/>
      <c r="CP830" s="23"/>
      <c r="CQ830" s="23"/>
      <c r="CR830" s="23"/>
      <c r="CS830" s="23"/>
      <c r="CT830" s="23"/>
      <c r="CU830" s="23"/>
      <c r="CV830" s="23"/>
      <c r="CW830" s="23"/>
      <c r="CX830" s="23"/>
      <c r="CY830" s="23"/>
      <c r="CZ830" s="23"/>
      <c r="DA830" s="23"/>
      <c r="DB830" s="23"/>
      <c r="DC830" s="23"/>
      <c r="DD830" s="23"/>
      <c r="DE830" s="23"/>
      <c r="DF830" s="23"/>
      <c r="DG830" s="23"/>
      <c r="DH830" s="23"/>
      <c r="DI830" s="23"/>
      <c r="DJ830" s="23"/>
      <c r="DK830" s="23"/>
      <c r="DL830" s="23"/>
      <c r="DM830" s="23"/>
      <c r="DN830" s="23"/>
      <c r="DO830" s="23"/>
      <c r="DP830" s="23"/>
      <c r="DQ830" s="23"/>
      <c r="DR830" s="23"/>
      <c r="DS830" s="23"/>
      <c r="DT830" s="23"/>
      <c r="DU830" s="23"/>
      <c r="DV830" s="23"/>
      <c r="DW830" s="23"/>
      <c r="DX830" s="23"/>
      <c r="DY830" s="23"/>
      <c r="DZ830" s="23"/>
      <c r="EA830" s="23"/>
      <c r="EB830" s="23"/>
      <c r="EC830" s="23"/>
      <c r="ED830" s="23"/>
      <c r="EE830" s="23"/>
      <c r="EF830" s="23"/>
      <c r="EG830" s="23"/>
      <c r="EH830" s="23"/>
      <c r="EI830" s="23"/>
      <c r="EJ830" s="23"/>
      <c r="EK830" s="23"/>
      <c r="EL830" s="23"/>
      <c r="EM830" s="23"/>
      <c r="EN830" s="23"/>
      <c r="EO830" s="23"/>
      <c r="EP830" s="23"/>
      <c r="EQ830" s="23"/>
      <c r="ER830" s="23"/>
      <c r="ES830" s="23"/>
      <c r="ET830" s="23"/>
      <c r="EU830" s="23"/>
      <c r="EV830" s="23"/>
      <c r="EW830" s="23"/>
      <c r="EX830" s="23"/>
      <c r="EY830" s="23"/>
      <c r="EZ830" s="23"/>
      <c r="FA830" s="23"/>
      <c r="FB830" s="23"/>
      <c r="FC830" s="23"/>
      <c r="FD830" s="23"/>
      <c r="FE830" s="23"/>
      <c r="FF830" s="23"/>
      <c r="FG830" s="23"/>
      <c r="FH830" s="23"/>
      <c r="FI830" s="23"/>
      <c r="FJ830" s="23"/>
      <c r="FK830" s="23"/>
      <c r="FL830" s="23"/>
      <c r="FM830" s="23"/>
      <c r="FN830" s="23"/>
      <c r="FO830" s="23"/>
      <c r="FP830" s="23"/>
      <c r="FQ830" s="23"/>
      <c r="FR830" s="23"/>
      <c r="FS830" s="23"/>
      <c r="FT830" s="23"/>
      <c r="FU830" s="23"/>
      <c r="FV830" s="23"/>
      <c r="FW830" s="23"/>
      <c r="FX830" s="23"/>
      <c r="FY830" s="23"/>
      <c r="FZ830" s="23"/>
      <c r="GA830" s="23"/>
      <c r="GB830" s="23"/>
      <c r="GC830" s="23"/>
      <c r="GD830" s="23"/>
      <c r="GE830" s="23"/>
      <c r="GF830" s="23"/>
      <c r="GG830" s="23"/>
      <c r="GH830" s="23"/>
      <c r="GI830" s="23"/>
      <c r="GJ830" s="23"/>
      <c r="GK830" s="23"/>
      <c r="GL830" s="23"/>
      <c r="GM830" s="23"/>
      <c r="GN830" s="23"/>
      <c r="GO830" s="23"/>
      <c r="GP830" s="23"/>
      <c r="GQ830" s="23"/>
      <c r="GR830" s="23"/>
      <c r="GS830" s="23"/>
      <c r="GT830" s="23"/>
      <c r="GU830" s="23"/>
      <c r="GV830" s="23"/>
      <c r="GW830" s="23"/>
      <c r="GX830" s="23"/>
      <c r="GY830" s="23"/>
      <c r="GZ830" s="23"/>
      <c r="HA830" s="23"/>
      <c r="HB830" s="23"/>
      <c r="HC830" s="23"/>
      <c r="HD830" s="23"/>
      <c r="HE830" s="23"/>
      <c r="HF830" s="23"/>
      <c r="HG830" s="23"/>
      <c r="HH830" s="23"/>
      <c r="HI830" s="23"/>
      <c r="HJ830" s="23"/>
      <c r="HK830" s="23"/>
      <c r="HL830" s="23"/>
      <c r="HM830" s="23"/>
      <c r="HN830" s="23"/>
      <c r="HO830" s="23"/>
      <c r="HP830" s="23"/>
      <c r="HQ830" s="23"/>
      <c r="HR830" s="23"/>
      <c r="HS830" s="23"/>
      <c r="HT830" s="23"/>
      <c r="HU830" s="23"/>
      <c r="HV830" s="23"/>
      <c r="HW830" s="23"/>
      <c r="HX830" s="23"/>
      <c r="HY830" s="23"/>
      <c r="HZ830" s="23"/>
      <c r="IA830" s="23"/>
      <c r="IB830" s="23"/>
      <c r="IC830" s="23"/>
      <c r="ID830" s="23"/>
      <c r="IE830" s="23"/>
      <c r="IF830" s="23"/>
      <c r="IG830" s="23"/>
      <c r="IH830" s="23"/>
      <c r="II830" s="23"/>
      <c r="IJ830" s="23"/>
      <c r="IK830" s="23"/>
      <c r="IL830" s="23"/>
      <c r="IM830" s="23"/>
      <c r="IN830" s="23"/>
      <c r="IO830" s="23"/>
      <c r="IP830" s="23"/>
      <c r="IQ830" s="23"/>
    </row>
    <row r="831" spans="1:251" s="50" customFormat="1">
      <c r="A831" s="34"/>
      <c r="B831" s="205"/>
      <c r="C831" s="206"/>
      <c r="D831" s="206"/>
      <c r="E831" s="206"/>
      <c r="F831" s="206"/>
      <c r="G831" s="206"/>
      <c r="H831" s="206"/>
      <c r="I831" s="206"/>
      <c r="J831" s="206"/>
      <c r="K831" s="206"/>
      <c r="L831" s="206"/>
      <c r="M831" s="206"/>
      <c r="N831" s="206"/>
      <c r="O831" s="206"/>
      <c r="P831" s="206"/>
      <c r="Q831" s="206"/>
      <c r="R831" s="206"/>
      <c r="S831" s="206"/>
      <c r="T831" s="206"/>
      <c r="U831" s="206"/>
      <c r="V831" s="206"/>
      <c r="W831" s="206"/>
      <c r="X831" s="206"/>
      <c r="Y831" s="206"/>
      <c r="Z831" s="207"/>
      <c r="AA831" s="208"/>
      <c r="AB831" s="206"/>
      <c r="AC831" s="206"/>
      <c r="AD831" s="206"/>
      <c r="AE831" s="206"/>
      <c r="AF831" s="206"/>
      <c r="AG831" s="206"/>
      <c r="AH831" s="206"/>
      <c r="AI831" s="207"/>
      <c r="AJ831" s="208"/>
      <c r="AK831" s="206"/>
      <c r="AL831" s="206"/>
      <c r="AM831" s="206"/>
      <c r="AN831" s="206"/>
      <c r="AO831" s="206"/>
      <c r="AP831" s="206"/>
      <c r="AQ831" s="206"/>
      <c r="AR831" s="207"/>
      <c r="AS831" s="208"/>
      <c r="AT831" s="206"/>
      <c r="AU831" s="206"/>
      <c r="AV831" s="206"/>
      <c r="AW831" s="206"/>
      <c r="AX831" s="210"/>
      <c r="AY831" s="23"/>
      <c r="AZ831" s="23"/>
      <c r="BA831" s="23"/>
      <c r="BB831"/>
      <c r="BC831" s="45"/>
      <c r="BE831" s="23"/>
      <c r="BF831" s="23"/>
      <c r="BG831" s="23"/>
      <c r="BH831" s="23"/>
      <c r="BI831" s="23"/>
      <c r="BJ831" s="23"/>
      <c r="BK831" s="23"/>
      <c r="BL831" s="23"/>
      <c r="BM831" s="23"/>
      <c r="BN831" s="23"/>
      <c r="BO831" s="23"/>
      <c r="BP831" s="23"/>
      <c r="BQ831" s="23"/>
      <c r="BR831" s="23"/>
      <c r="BS831" s="23"/>
      <c r="BT831" s="23"/>
      <c r="BU831" s="23"/>
      <c r="BV831" s="23"/>
      <c r="BW831" s="23"/>
      <c r="BX831" s="23"/>
      <c r="BY831" s="23"/>
      <c r="BZ831" s="23"/>
      <c r="CA831" s="23"/>
      <c r="CB831" s="23"/>
      <c r="CC831" s="23"/>
      <c r="CD831" s="23"/>
      <c r="CE831" s="23"/>
      <c r="CF831" s="23"/>
      <c r="CG831" s="23"/>
      <c r="CH831" s="23"/>
      <c r="CI831" s="23"/>
      <c r="CJ831" s="23"/>
      <c r="CK831" s="23"/>
      <c r="CL831" s="23"/>
      <c r="CM831" s="23"/>
      <c r="CN831" s="23"/>
      <c r="CO831" s="23"/>
      <c r="CP831" s="23"/>
      <c r="CQ831" s="23"/>
      <c r="CR831" s="23"/>
      <c r="CS831" s="23"/>
      <c r="CT831" s="23"/>
      <c r="CU831" s="23"/>
      <c r="CV831" s="23"/>
      <c r="CW831" s="23"/>
      <c r="CX831" s="23"/>
      <c r="CY831" s="23"/>
      <c r="CZ831" s="23"/>
      <c r="DA831" s="23"/>
      <c r="DB831" s="23"/>
      <c r="DC831" s="23"/>
      <c r="DD831" s="23"/>
      <c r="DE831" s="23"/>
      <c r="DF831" s="23"/>
      <c r="DG831" s="23"/>
      <c r="DH831" s="23"/>
      <c r="DI831" s="23"/>
      <c r="DJ831" s="23"/>
      <c r="DK831" s="23"/>
      <c r="DL831" s="23"/>
      <c r="DM831" s="23"/>
      <c r="DN831" s="23"/>
      <c r="DO831" s="23"/>
      <c r="DP831" s="23"/>
      <c r="DQ831" s="23"/>
      <c r="DR831" s="23"/>
      <c r="DS831" s="23"/>
      <c r="DT831" s="23"/>
      <c r="DU831" s="23"/>
      <c r="DV831" s="23"/>
      <c r="DW831" s="23"/>
      <c r="DX831" s="23"/>
      <c r="DY831" s="23"/>
      <c r="DZ831" s="23"/>
      <c r="EA831" s="23"/>
      <c r="EB831" s="23"/>
      <c r="EC831" s="23"/>
      <c r="ED831" s="23"/>
      <c r="EE831" s="23"/>
      <c r="EF831" s="23"/>
      <c r="EG831" s="23"/>
      <c r="EH831" s="23"/>
      <c r="EI831" s="23"/>
      <c r="EJ831" s="23"/>
      <c r="EK831" s="23"/>
      <c r="EL831" s="23"/>
      <c r="EM831" s="23"/>
      <c r="EN831" s="23"/>
      <c r="EO831" s="23"/>
      <c r="EP831" s="23"/>
      <c r="EQ831" s="23"/>
      <c r="ER831" s="23"/>
      <c r="ES831" s="23"/>
      <c r="ET831" s="23"/>
      <c r="EU831" s="23"/>
      <c r="EV831" s="23"/>
      <c r="EW831" s="23"/>
      <c r="EX831" s="23"/>
      <c r="EY831" s="23"/>
      <c r="EZ831" s="23"/>
      <c r="FA831" s="23"/>
      <c r="FB831" s="23"/>
      <c r="FC831" s="23"/>
      <c r="FD831" s="23"/>
      <c r="FE831" s="23"/>
      <c r="FF831" s="23"/>
      <c r="FG831" s="23"/>
      <c r="FH831" s="23"/>
      <c r="FI831" s="23"/>
      <c r="FJ831" s="23"/>
      <c r="FK831" s="23"/>
      <c r="FL831" s="23"/>
      <c r="FM831" s="23"/>
      <c r="FN831" s="23"/>
      <c r="FO831" s="23"/>
      <c r="FP831" s="23"/>
      <c r="FQ831" s="23"/>
      <c r="FR831" s="23"/>
      <c r="FS831" s="23"/>
      <c r="FT831" s="23"/>
      <c r="FU831" s="23"/>
      <c r="FV831" s="23"/>
      <c r="FW831" s="23"/>
      <c r="FX831" s="23"/>
      <c r="FY831" s="23"/>
      <c r="FZ831" s="23"/>
      <c r="GA831" s="23"/>
      <c r="GB831" s="23"/>
      <c r="GC831" s="23"/>
      <c r="GD831" s="23"/>
      <c r="GE831" s="23"/>
      <c r="GF831" s="23"/>
      <c r="GG831" s="23"/>
      <c r="GH831" s="23"/>
      <c r="GI831" s="23"/>
      <c r="GJ831" s="23"/>
      <c r="GK831" s="23"/>
      <c r="GL831" s="23"/>
      <c r="GM831" s="23"/>
      <c r="GN831" s="23"/>
      <c r="GO831" s="23"/>
      <c r="GP831" s="23"/>
      <c r="GQ831" s="23"/>
      <c r="GR831" s="23"/>
      <c r="GS831" s="23"/>
      <c r="GT831" s="23"/>
      <c r="GU831" s="23"/>
      <c r="GV831" s="23"/>
      <c r="GW831" s="23"/>
      <c r="GX831" s="23"/>
      <c r="GY831" s="23"/>
      <c r="GZ831" s="23"/>
      <c r="HA831" s="23"/>
      <c r="HB831" s="23"/>
      <c r="HC831" s="23"/>
      <c r="HD831" s="23"/>
      <c r="HE831" s="23"/>
      <c r="HF831" s="23"/>
      <c r="HG831" s="23"/>
      <c r="HH831" s="23"/>
      <c r="HI831" s="23"/>
      <c r="HJ831" s="23"/>
      <c r="HK831" s="23"/>
      <c r="HL831" s="23"/>
      <c r="HM831" s="23"/>
      <c r="HN831" s="23"/>
      <c r="HO831" s="23"/>
      <c r="HP831" s="23"/>
      <c r="HQ831" s="23"/>
      <c r="HR831" s="23"/>
      <c r="HS831" s="23"/>
      <c r="HT831" s="23"/>
      <c r="HU831" s="23"/>
      <c r="HV831" s="23"/>
      <c r="HW831" s="23"/>
      <c r="HX831" s="23"/>
      <c r="HY831" s="23"/>
      <c r="HZ831" s="23"/>
      <c r="IA831" s="23"/>
      <c r="IB831" s="23"/>
      <c r="IC831" s="23"/>
      <c r="ID831" s="23"/>
      <c r="IE831" s="23"/>
      <c r="IF831" s="23"/>
      <c r="IG831" s="23"/>
      <c r="IH831" s="23"/>
      <c r="II831" s="23"/>
      <c r="IJ831" s="23"/>
      <c r="IK831" s="23"/>
      <c r="IL831" s="23"/>
      <c r="IM831" s="23"/>
      <c r="IN831" s="23"/>
      <c r="IO831" s="23"/>
      <c r="IP831" s="23"/>
      <c r="IQ831" s="23"/>
    </row>
    <row r="832" spans="1:251" s="50" customFormat="1" ht="18.75" customHeight="1">
      <c r="A832" s="34"/>
      <c r="B832" s="46"/>
      <c r="C832" s="130" t="s">
        <v>172</v>
      </c>
      <c r="D832" s="130"/>
      <c r="E832" s="130"/>
      <c r="F832" s="130"/>
      <c r="G832" s="130"/>
      <c r="H832" s="130"/>
      <c r="I832" s="130"/>
      <c r="J832" s="130"/>
      <c r="K832" s="130"/>
      <c r="L832" s="130"/>
      <c r="M832" s="130"/>
      <c r="N832" s="130"/>
      <c r="O832" s="130"/>
      <c r="P832" s="130"/>
      <c r="Q832" s="130"/>
      <c r="R832" s="130"/>
      <c r="S832" s="130"/>
      <c r="T832" s="130"/>
      <c r="U832" s="130"/>
      <c r="V832" s="130"/>
      <c r="W832" s="130"/>
      <c r="X832" s="130"/>
      <c r="Y832" s="130"/>
      <c r="Z832" s="131"/>
      <c r="AA832" s="132">
        <v>144000</v>
      </c>
      <c r="AB832" s="196"/>
      <c r="AC832" s="196"/>
      <c r="AD832" s="196"/>
      <c r="AE832" s="196"/>
      <c r="AF832" s="196"/>
      <c r="AG832" s="196"/>
      <c r="AH832" s="196"/>
      <c r="AI832" s="197"/>
      <c r="AJ832" s="132">
        <v>216000</v>
      </c>
      <c r="AK832" s="196"/>
      <c r="AL832" s="196"/>
      <c r="AM832" s="196"/>
      <c r="AN832" s="196"/>
      <c r="AO832" s="196"/>
      <c r="AP832" s="196"/>
      <c r="AQ832" s="196"/>
      <c r="AR832" s="197"/>
      <c r="AS832" s="132"/>
      <c r="AT832" s="196"/>
      <c r="AU832" s="196"/>
      <c r="AV832" s="196"/>
      <c r="AW832" s="196"/>
      <c r="AX832" s="202"/>
      <c r="AY832" s="23"/>
      <c r="AZ832" s="23"/>
      <c r="BA832" s="23"/>
      <c r="BB832" s="23"/>
      <c r="BC832" s="23"/>
      <c r="BD832" s="23"/>
      <c r="BE832" s="23"/>
      <c r="BF832" s="23"/>
      <c r="BG832" s="23"/>
      <c r="BH832" s="23"/>
      <c r="BI832" s="23"/>
      <c r="BJ832" s="23"/>
      <c r="BK832" s="23"/>
      <c r="BL832" s="23"/>
      <c r="BM832" s="23"/>
      <c r="BN832" s="23"/>
      <c r="BO832" s="23"/>
      <c r="BP832" s="23"/>
      <c r="BQ832" s="23"/>
      <c r="BR832" s="23"/>
      <c r="BS832" s="23"/>
      <c r="BT832" s="23"/>
      <c r="BU832" s="23"/>
      <c r="BV832" s="23"/>
      <c r="BW832" s="23"/>
      <c r="BX832" s="23"/>
      <c r="BY832" s="23"/>
      <c r="BZ832" s="23"/>
      <c r="CA832" s="23"/>
      <c r="CB832" s="23"/>
      <c r="CC832" s="23"/>
      <c r="CD832" s="23"/>
      <c r="CE832" s="23"/>
      <c r="CF832" s="23"/>
      <c r="CG832" s="23"/>
      <c r="CH832" s="23"/>
      <c r="CI832" s="23"/>
      <c r="CJ832" s="23"/>
      <c r="CK832" s="23"/>
      <c r="CL832" s="23"/>
      <c r="CM832" s="23"/>
      <c r="CN832" s="23"/>
      <c r="CO832" s="23"/>
      <c r="CP832" s="23"/>
      <c r="CQ832" s="23"/>
      <c r="CR832" s="23"/>
      <c r="CS832" s="23"/>
      <c r="CT832" s="23"/>
      <c r="CU832" s="23"/>
      <c r="CV832" s="23"/>
      <c r="CW832" s="23"/>
      <c r="CX832" s="23"/>
      <c r="CY832" s="23"/>
      <c r="CZ832" s="23"/>
      <c r="DA832" s="23"/>
      <c r="DB832" s="23"/>
      <c r="DC832" s="23"/>
      <c r="DD832" s="23"/>
      <c r="DE832" s="23"/>
      <c r="DF832" s="23"/>
      <c r="DG832" s="23"/>
      <c r="DH832" s="23"/>
      <c r="DI832" s="23"/>
      <c r="DJ832" s="23"/>
      <c r="DK832" s="23"/>
      <c r="DL832" s="23"/>
      <c r="DM832" s="23"/>
      <c r="DN832" s="23"/>
      <c r="DO832" s="23"/>
      <c r="DP832" s="23"/>
      <c r="DQ832" s="23"/>
      <c r="DR832" s="23"/>
      <c r="DS832" s="23"/>
      <c r="DT832" s="23"/>
      <c r="DU832" s="23"/>
      <c r="DV832" s="23"/>
      <c r="DW832" s="23"/>
      <c r="DX832" s="23"/>
      <c r="DY832" s="23"/>
      <c r="DZ832" s="23"/>
      <c r="EA832" s="23"/>
      <c r="EB832" s="23"/>
      <c r="EC832" s="23"/>
      <c r="ED832" s="23"/>
      <c r="EE832" s="23"/>
      <c r="EF832" s="23"/>
      <c r="EG832" s="23"/>
      <c r="EH832" s="23"/>
      <c r="EI832" s="23"/>
      <c r="EJ832" s="23"/>
      <c r="EK832" s="23"/>
      <c r="EL832" s="23"/>
      <c r="EM832" s="23"/>
      <c r="EN832" s="23"/>
      <c r="EO832" s="23"/>
      <c r="EP832" s="23"/>
      <c r="EQ832" s="23"/>
      <c r="ER832" s="23"/>
      <c r="ES832" s="23"/>
      <c r="ET832" s="23"/>
      <c r="EU832" s="23"/>
      <c r="EV832" s="23"/>
      <c r="EW832" s="23"/>
      <c r="EX832" s="23"/>
      <c r="EY832" s="23"/>
      <c r="EZ832" s="23"/>
      <c r="FA832" s="23"/>
      <c r="FB832" s="23"/>
      <c r="FC832" s="23"/>
      <c r="FD832" s="23"/>
      <c r="FE832" s="23"/>
      <c r="FF832" s="23"/>
      <c r="FG832" s="23"/>
      <c r="FH832" s="23"/>
      <c r="FI832" s="23"/>
      <c r="FJ832" s="23"/>
      <c r="FK832" s="23"/>
      <c r="FL832" s="23"/>
      <c r="FM832" s="23"/>
      <c r="FN832" s="23"/>
      <c r="FO832" s="23"/>
      <c r="FP832" s="23"/>
      <c r="FQ832" s="23"/>
      <c r="FR832" s="23"/>
      <c r="FS832" s="23"/>
      <c r="FT832" s="23"/>
      <c r="FU832" s="23"/>
      <c r="FV832" s="23"/>
      <c r="FW832" s="23"/>
      <c r="FX832" s="23"/>
      <c r="FY832" s="23"/>
      <c r="FZ832" s="23"/>
      <c r="GA832" s="23"/>
      <c r="GB832" s="23"/>
      <c r="GC832" s="23"/>
      <c r="GD832" s="23"/>
      <c r="GE832" s="23"/>
      <c r="GF832" s="23"/>
      <c r="GG832" s="23"/>
      <c r="GH832" s="23"/>
      <c r="GI832" s="23"/>
      <c r="GJ832" s="23"/>
      <c r="GK832" s="23"/>
      <c r="GL832" s="23"/>
      <c r="GM832" s="23"/>
      <c r="GN832" s="23"/>
      <c r="GO832" s="23"/>
      <c r="GP832" s="23"/>
      <c r="GQ832" s="23"/>
      <c r="GR832" s="23"/>
      <c r="GS832" s="23"/>
      <c r="GT832" s="23"/>
      <c r="GU832" s="23"/>
      <c r="GV832" s="23"/>
      <c r="GW832" s="23"/>
      <c r="GX832" s="23"/>
      <c r="GY832" s="23"/>
      <c r="GZ832" s="23"/>
      <c r="HA832" s="23"/>
      <c r="HB832" s="23"/>
      <c r="HC832" s="23"/>
      <c r="HD832" s="23"/>
      <c r="HE832" s="23"/>
      <c r="HF832" s="23"/>
      <c r="HG832" s="23"/>
      <c r="HH832" s="23"/>
      <c r="HI832" s="23"/>
      <c r="HJ832" s="23"/>
      <c r="HK832" s="23"/>
      <c r="HL832" s="23"/>
      <c r="HM832" s="23"/>
      <c r="HN832" s="23"/>
      <c r="HO832" s="23"/>
      <c r="HP832" s="23"/>
      <c r="HQ832" s="23"/>
      <c r="HR832" s="23"/>
      <c r="HS832" s="23"/>
      <c r="HT832" s="23"/>
      <c r="HU832" s="23"/>
      <c r="HV832" s="23"/>
      <c r="HW832" s="23"/>
      <c r="HX832" s="23"/>
      <c r="HY832" s="23"/>
      <c r="HZ832" s="23"/>
      <c r="IA832" s="23"/>
      <c r="IB832" s="23"/>
      <c r="IC832" s="23"/>
      <c r="ID832" s="23"/>
      <c r="IE832" s="23"/>
      <c r="IF832" s="23"/>
      <c r="IG832" s="23"/>
      <c r="IH832" s="23"/>
      <c r="II832" s="23"/>
      <c r="IJ832" s="23"/>
      <c r="IK832" s="23"/>
      <c r="IL832" s="23"/>
      <c r="IM832" s="23"/>
      <c r="IN832" s="23"/>
      <c r="IO832" s="23"/>
      <c r="IP832" s="23"/>
      <c r="IQ832" s="23"/>
    </row>
    <row r="833" spans="1:251" s="50" customFormat="1" ht="18.75" customHeight="1">
      <c r="A833" s="34"/>
      <c r="B833" s="47"/>
      <c r="C833" s="130" t="s">
        <v>162</v>
      </c>
      <c r="D833" s="130"/>
      <c r="E833" s="130"/>
      <c r="F833" s="130"/>
      <c r="G833" s="130"/>
      <c r="H833" s="130"/>
      <c r="I833" s="130"/>
      <c r="J833" s="130"/>
      <c r="K833" s="130"/>
      <c r="L833" s="130"/>
      <c r="M833" s="130"/>
      <c r="N833" s="130"/>
      <c r="O833" s="130"/>
      <c r="P833" s="130"/>
      <c r="Q833" s="130"/>
      <c r="R833" s="130"/>
      <c r="S833" s="130"/>
      <c r="T833" s="130"/>
      <c r="U833" s="130"/>
      <c r="V833" s="130"/>
      <c r="W833" s="130"/>
      <c r="X833" s="130"/>
      <c r="Y833" s="130"/>
      <c r="Z833" s="131"/>
      <c r="AA833" s="132">
        <v>75</v>
      </c>
      <c r="AB833" s="133"/>
      <c r="AC833" s="133"/>
      <c r="AD833" s="133"/>
      <c r="AE833" s="133"/>
      <c r="AF833" s="133"/>
      <c r="AG833" s="133"/>
      <c r="AH833" s="133"/>
      <c r="AI833" s="134"/>
      <c r="AJ833" s="132">
        <v>6</v>
      </c>
      <c r="AK833" s="133"/>
      <c r="AL833" s="133"/>
      <c r="AM833" s="133"/>
      <c r="AN833" s="133"/>
      <c r="AO833" s="133"/>
      <c r="AP833" s="133"/>
      <c r="AQ833" s="133"/>
      <c r="AR833" s="134"/>
      <c r="AS833" s="132"/>
      <c r="AT833" s="196"/>
      <c r="AU833" s="196"/>
      <c r="AV833" s="196"/>
      <c r="AW833" s="196"/>
      <c r="AX833" s="202"/>
      <c r="AY833" s="23"/>
      <c r="AZ833" s="23"/>
      <c r="BA833" s="23"/>
      <c r="BB833" s="23"/>
      <c r="BC833" s="23"/>
      <c r="BD833" s="23"/>
      <c r="BE833" s="23"/>
      <c r="BF833" s="23"/>
      <c r="BG833" s="23"/>
      <c r="BH833" s="23"/>
      <c r="BI833" s="23"/>
      <c r="BJ833" s="23"/>
      <c r="BK833" s="23"/>
      <c r="BL833" s="23"/>
      <c r="BM833" s="23"/>
      <c r="BN833" s="23"/>
      <c r="BO833" s="23"/>
      <c r="BP833" s="23"/>
      <c r="BQ833" s="23"/>
      <c r="BR833" s="23"/>
      <c r="BS833" s="23"/>
      <c r="BT833" s="23"/>
      <c r="BU833" s="23"/>
      <c r="BV833" s="23"/>
      <c r="BW833" s="23"/>
      <c r="BX833" s="23"/>
      <c r="BY833" s="23"/>
      <c r="BZ833" s="23"/>
      <c r="CA833" s="23"/>
      <c r="CB833" s="23"/>
      <c r="CC833" s="23"/>
      <c r="CD833" s="23"/>
      <c r="CE833" s="23"/>
      <c r="CF833" s="23"/>
      <c r="CG833" s="23"/>
      <c r="CH833" s="23"/>
      <c r="CI833" s="23"/>
      <c r="CJ833" s="23"/>
      <c r="CK833" s="23"/>
      <c r="CL833" s="23"/>
      <c r="CM833" s="23"/>
      <c r="CN833" s="23"/>
      <c r="CO833" s="23"/>
      <c r="CP833" s="23"/>
      <c r="CQ833" s="23"/>
      <c r="CR833" s="23"/>
      <c r="CS833" s="23"/>
      <c r="CT833" s="23"/>
      <c r="CU833" s="23"/>
      <c r="CV833" s="23"/>
      <c r="CW833" s="23"/>
      <c r="CX833" s="23"/>
      <c r="CY833" s="23"/>
      <c r="CZ833" s="23"/>
      <c r="DA833" s="23"/>
      <c r="DB833" s="23"/>
      <c r="DC833" s="23"/>
      <c r="DD833" s="23"/>
      <c r="DE833" s="23"/>
      <c r="DF833" s="23"/>
      <c r="DG833" s="23"/>
      <c r="DH833" s="23"/>
      <c r="DI833" s="23"/>
      <c r="DJ833" s="23"/>
      <c r="DK833" s="23"/>
      <c r="DL833" s="23"/>
      <c r="DM833" s="23"/>
      <c r="DN833" s="23"/>
      <c r="DO833" s="23"/>
      <c r="DP833" s="23"/>
      <c r="DQ833" s="23"/>
      <c r="DR833" s="23"/>
      <c r="DS833" s="23"/>
      <c r="DT833" s="23"/>
      <c r="DU833" s="23"/>
      <c r="DV833" s="23"/>
      <c r="DW833" s="23"/>
      <c r="DX833" s="23"/>
      <c r="DY833" s="23"/>
      <c r="DZ833" s="23"/>
      <c r="EA833" s="23"/>
      <c r="EB833" s="23"/>
      <c r="EC833" s="23"/>
      <c r="ED833" s="23"/>
      <c r="EE833" s="23"/>
      <c r="EF833" s="23"/>
      <c r="EG833" s="23"/>
      <c r="EH833" s="23"/>
      <c r="EI833" s="23"/>
      <c r="EJ833" s="23"/>
      <c r="EK833" s="23"/>
      <c r="EL833" s="23"/>
      <c r="EM833" s="23"/>
      <c r="EN833" s="23"/>
      <c r="EO833" s="23"/>
      <c r="EP833" s="23"/>
      <c r="EQ833" s="23"/>
      <c r="ER833" s="23"/>
      <c r="ES833" s="23"/>
      <c r="ET833" s="23"/>
      <c r="EU833" s="23"/>
      <c r="EV833" s="23"/>
      <c r="EW833" s="23"/>
      <c r="EX833" s="23"/>
      <c r="EY833" s="23"/>
      <c r="EZ833" s="23"/>
      <c r="FA833" s="23"/>
      <c r="FB833" s="23"/>
      <c r="FC833" s="23"/>
      <c r="FD833" s="23"/>
      <c r="FE833" s="23"/>
      <c r="FF833" s="23"/>
      <c r="FG833" s="23"/>
      <c r="FH833" s="23"/>
      <c r="FI833" s="23"/>
      <c r="FJ833" s="23"/>
      <c r="FK833" s="23"/>
      <c r="FL833" s="23"/>
      <c r="FM833" s="23"/>
      <c r="FN833" s="23"/>
      <c r="FO833" s="23"/>
      <c r="FP833" s="23"/>
      <c r="FQ833" s="23"/>
      <c r="FR833" s="23"/>
      <c r="FS833" s="23"/>
      <c r="FT833" s="23"/>
      <c r="FU833" s="23"/>
      <c r="FV833" s="23"/>
      <c r="FW833" s="23"/>
      <c r="FX833" s="23"/>
      <c r="FY833" s="23"/>
      <c r="FZ833" s="23"/>
      <c r="GA833" s="23"/>
      <c r="GB833" s="23"/>
      <c r="GC833" s="23"/>
      <c r="GD833" s="23"/>
      <c r="GE833" s="23"/>
      <c r="GF833" s="23"/>
      <c r="GG833" s="23"/>
      <c r="GH833" s="23"/>
      <c r="GI833" s="23"/>
      <c r="GJ833" s="23"/>
      <c r="GK833" s="23"/>
      <c r="GL833" s="23"/>
      <c r="GM833" s="23"/>
      <c r="GN833" s="23"/>
      <c r="GO833" s="23"/>
      <c r="GP833" s="23"/>
      <c r="GQ833" s="23"/>
      <c r="GR833" s="23"/>
      <c r="GS833" s="23"/>
      <c r="GT833" s="23"/>
      <c r="GU833" s="23"/>
      <c r="GV833" s="23"/>
      <c r="GW833" s="23"/>
      <c r="GX833" s="23"/>
      <c r="GY833" s="23"/>
      <c r="GZ833" s="23"/>
      <c r="HA833" s="23"/>
      <c r="HB833" s="23"/>
      <c r="HC833" s="23"/>
      <c r="HD833" s="23"/>
      <c r="HE833" s="23"/>
      <c r="HF833" s="23"/>
      <c r="HG833" s="23"/>
      <c r="HH833" s="23"/>
      <c r="HI833" s="23"/>
      <c r="HJ833" s="23"/>
      <c r="HK833" s="23"/>
      <c r="HL833" s="23"/>
      <c r="HM833" s="23"/>
      <c r="HN833" s="23"/>
      <c r="HO833" s="23"/>
      <c r="HP833" s="23"/>
      <c r="HQ833" s="23"/>
      <c r="HR833" s="23"/>
      <c r="HS833" s="23"/>
      <c r="HT833" s="23"/>
      <c r="HU833" s="23"/>
      <c r="HV833" s="23"/>
      <c r="HW833" s="23"/>
      <c r="HX833" s="23"/>
      <c r="HY833" s="23"/>
      <c r="HZ833" s="23"/>
      <c r="IA833" s="23"/>
      <c r="IB833" s="23"/>
      <c r="IC833" s="23"/>
      <c r="ID833" s="23"/>
      <c r="IE833" s="23"/>
      <c r="IF833" s="23"/>
      <c r="IG833" s="23"/>
      <c r="IH833" s="23"/>
      <c r="II833" s="23"/>
      <c r="IJ833" s="23"/>
      <c r="IK833" s="23"/>
      <c r="IL833" s="23"/>
      <c r="IM833" s="23"/>
      <c r="IN833" s="23"/>
      <c r="IO833" s="23"/>
      <c r="IP833" s="23"/>
      <c r="IQ833" s="23"/>
    </row>
    <row r="834" spans="1:251" s="50" customFormat="1" ht="18.75" customHeight="1">
      <c r="A834" s="34"/>
      <c r="B834" s="47"/>
      <c r="C834" s="130"/>
      <c r="D834" s="130"/>
      <c r="E834" s="130"/>
      <c r="F834" s="130"/>
      <c r="G834" s="130"/>
      <c r="H834" s="130"/>
      <c r="I834" s="130"/>
      <c r="J834" s="130"/>
      <c r="K834" s="130"/>
      <c r="L834" s="130"/>
      <c r="M834" s="130"/>
      <c r="N834" s="130"/>
      <c r="O834" s="130"/>
      <c r="P834" s="130"/>
      <c r="Q834" s="130"/>
      <c r="R834" s="130"/>
      <c r="S834" s="130"/>
      <c r="T834" s="130"/>
      <c r="U834" s="130"/>
      <c r="V834" s="130"/>
      <c r="W834" s="130"/>
      <c r="X834" s="130"/>
      <c r="Y834" s="130"/>
      <c r="Z834" s="131"/>
      <c r="AA834" s="132"/>
      <c r="AB834" s="133"/>
      <c r="AC834" s="133"/>
      <c r="AD834" s="133"/>
      <c r="AE834" s="133"/>
      <c r="AF834" s="133"/>
      <c r="AG834" s="133"/>
      <c r="AH834" s="133"/>
      <c r="AI834" s="134"/>
      <c r="AJ834" s="132"/>
      <c r="AK834" s="133"/>
      <c r="AL834" s="133"/>
      <c r="AM834" s="133"/>
      <c r="AN834" s="133"/>
      <c r="AO834" s="133"/>
      <c r="AP834" s="133"/>
      <c r="AQ834" s="133"/>
      <c r="AR834" s="134"/>
      <c r="AS834" s="132"/>
      <c r="AT834" s="196"/>
      <c r="AU834" s="196"/>
      <c r="AV834" s="196"/>
      <c r="AW834" s="196"/>
      <c r="AX834" s="202"/>
      <c r="AY834" s="23"/>
      <c r="AZ834" s="23"/>
      <c r="BA834" s="23"/>
      <c r="BB834" s="23"/>
      <c r="BC834" s="23"/>
      <c r="BD834" s="23"/>
      <c r="BE834" s="23"/>
      <c r="BF834" s="23"/>
      <c r="BG834" s="23"/>
      <c r="BH834" s="23"/>
      <c r="BI834" s="23"/>
      <c r="BJ834" s="23"/>
      <c r="BK834" s="23"/>
      <c r="BL834" s="23"/>
      <c r="BM834" s="23"/>
      <c r="BN834" s="23"/>
      <c r="BO834" s="23"/>
      <c r="BP834" s="23"/>
      <c r="BQ834" s="23"/>
      <c r="BR834" s="23"/>
      <c r="BS834" s="23"/>
      <c r="BT834" s="23"/>
      <c r="BU834" s="23"/>
      <c r="BV834" s="23"/>
      <c r="BW834" s="23"/>
      <c r="BX834" s="23"/>
      <c r="BY834" s="23"/>
      <c r="BZ834" s="23"/>
      <c r="CA834" s="23"/>
      <c r="CB834" s="23"/>
      <c r="CC834" s="23"/>
      <c r="CD834" s="23"/>
      <c r="CE834" s="23"/>
      <c r="CF834" s="23"/>
      <c r="CG834" s="23"/>
      <c r="CH834" s="23"/>
      <c r="CI834" s="23"/>
      <c r="CJ834" s="23"/>
      <c r="CK834" s="23"/>
      <c r="CL834" s="23"/>
      <c r="CM834" s="23"/>
      <c r="CN834" s="23"/>
      <c r="CO834" s="23"/>
      <c r="CP834" s="23"/>
      <c r="CQ834" s="23"/>
      <c r="CR834" s="23"/>
      <c r="CS834" s="23"/>
      <c r="CT834" s="23"/>
      <c r="CU834" s="23"/>
      <c r="CV834" s="23"/>
      <c r="CW834" s="23"/>
      <c r="CX834" s="23"/>
      <c r="CY834" s="23"/>
      <c r="CZ834" s="23"/>
      <c r="DA834" s="23"/>
      <c r="DB834" s="23"/>
      <c r="DC834" s="23"/>
      <c r="DD834" s="23"/>
      <c r="DE834" s="23"/>
      <c r="DF834" s="23"/>
      <c r="DG834" s="23"/>
      <c r="DH834" s="23"/>
      <c r="DI834" s="23"/>
      <c r="DJ834" s="23"/>
      <c r="DK834" s="23"/>
      <c r="DL834" s="23"/>
      <c r="DM834" s="23"/>
      <c r="DN834" s="23"/>
      <c r="DO834" s="23"/>
      <c r="DP834" s="23"/>
      <c r="DQ834" s="23"/>
      <c r="DR834" s="23"/>
      <c r="DS834" s="23"/>
      <c r="DT834" s="23"/>
      <c r="DU834" s="23"/>
      <c r="DV834" s="23"/>
      <c r="DW834" s="23"/>
      <c r="DX834" s="23"/>
      <c r="DY834" s="23"/>
      <c r="DZ834" s="23"/>
      <c r="EA834" s="23"/>
      <c r="EB834" s="23"/>
      <c r="EC834" s="23"/>
      <c r="ED834" s="23"/>
      <c r="EE834" s="23"/>
      <c r="EF834" s="23"/>
      <c r="EG834" s="23"/>
      <c r="EH834" s="23"/>
      <c r="EI834" s="23"/>
      <c r="EJ834" s="23"/>
      <c r="EK834" s="23"/>
      <c r="EL834" s="23"/>
      <c r="EM834" s="23"/>
      <c r="EN834" s="23"/>
      <c r="EO834" s="23"/>
      <c r="EP834" s="23"/>
      <c r="EQ834" s="23"/>
      <c r="ER834" s="23"/>
      <c r="ES834" s="23"/>
      <c r="ET834" s="23"/>
      <c r="EU834" s="23"/>
      <c r="EV834" s="23"/>
      <c r="EW834" s="23"/>
      <c r="EX834" s="23"/>
      <c r="EY834" s="23"/>
      <c r="EZ834" s="23"/>
      <c r="FA834" s="23"/>
      <c r="FB834" s="23"/>
      <c r="FC834" s="23"/>
      <c r="FD834" s="23"/>
      <c r="FE834" s="23"/>
      <c r="FF834" s="23"/>
      <c r="FG834" s="23"/>
      <c r="FH834" s="23"/>
      <c r="FI834" s="23"/>
      <c r="FJ834" s="23"/>
      <c r="FK834" s="23"/>
      <c r="FL834" s="23"/>
      <c r="FM834" s="23"/>
      <c r="FN834" s="23"/>
      <c r="FO834" s="23"/>
      <c r="FP834" s="23"/>
      <c r="FQ834" s="23"/>
      <c r="FR834" s="23"/>
      <c r="FS834" s="23"/>
      <c r="FT834" s="23"/>
      <c r="FU834" s="23"/>
      <c r="FV834" s="23"/>
      <c r="FW834" s="23"/>
      <c r="FX834" s="23"/>
      <c r="FY834" s="23"/>
      <c r="FZ834" s="23"/>
      <c r="GA834" s="23"/>
      <c r="GB834" s="23"/>
      <c r="GC834" s="23"/>
      <c r="GD834" s="23"/>
      <c r="GE834" s="23"/>
      <c r="GF834" s="23"/>
      <c r="GG834" s="23"/>
      <c r="GH834" s="23"/>
      <c r="GI834" s="23"/>
      <c r="GJ834" s="23"/>
      <c r="GK834" s="23"/>
      <c r="GL834" s="23"/>
      <c r="GM834" s="23"/>
      <c r="GN834" s="23"/>
      <c r="GO834" s="23"/>
      <c r="GP834" s="23"/>
      <c r="GQ834" s="23"/>
      <c r="GR834" s="23"/>
      <c r="GS834" s="23"/>
      <c r="GT834" s="23"/>
      <c r="GU834" s="23"/>
      <c r="GV834" s="23"/>
      <c r="GW834" s="23"/>
      <c r="GX834" s="23"/>
      <c r="GY834" s="23"/>
      <c r="GZ834" s="23"/>
      <c r="HA834" s="23"/>
      <c r="HB834" s="23"/>
      <c r="HC834" s="23"/>
      <c r="HD834" s="23"/>
      <c r="HE834" s="23"/>
      <c r="HF834" s="23"/>
      <c r="HG834" s="23"/>
      <c r="HH834" s="23"/>
      <c r="HI834" s="23"/>
      <c r="HJ834" s="23"/>
      <c r="HK834" s="23"/>
      <c r="HL834" s="23"/>
      <c r="HM834" s="23"/>
      <c r="HN834" s="23"/>
      <c r="HO834" s="23"/>
      <c r="HP834" s="23"/>
      <c r="HQ834" s="23"/>
      <c r="HR834" s="23"/>
      <c r="HS834" s="23"/>
      <c r="HT834" s="23"/>
      <c r="HU834" s="23"/>
      <c r="HV834" s="23"/>
      <c r="HW834" s="23"/>
      <c r="HX834" s="23"/>
      <c r="HY834" s="23"/>
      <c r="HZ834" s="23"/>
      <c r="IA834" s="23"/>
      <c r="IB834" s="23"/>
      <c r="IC834" s="23"/>
      <c r="ID834" s="23"/>
      <c r="IE834" s="23"/>
      <c r="IF834" s="23"/>
      <c r="IG834" s="23"/>
      <c r="IH834" s="23"/>
      <c r="II834" s="23"/>
      <c r="IJ834" s="23"/>
      <c r="IK834" s="23"/>
      <c r="IL834" s="23"/>
      <c r="IM834" s="23"/>
      <c r="IN834" s="23"/>
      <c r="IO834" s="23"/>
      <c r="IP834" s="23"/>
      <c r="IQ834" s="23"/>
    </row>
    <row r="835" spans="1:251" s="50" customFormat="1" ht="18.75" customHeight="1">
      <c r="A835" s="34"/>
      <c r="B835" s="47"/>
      <c r="C835" s="130"/>
      <c r="D835" s="130"/>
      <c r="E835" s="130"/>
      <c r="F835" s="130"/>
      <c r="G835" s="130"/>
      <c r="H835" s="130"/>
      <c r="I835" s="130"/>
      <c r="J835" s="130"/>
      <c r="K835" s="130"/>
      <c r="L835" s="130"/>
      <c r="M835" s="130"/>
      <c r="N835" s="130"/>
      <c r="O835" s="130"/>
      <c r="P835" s="130"/>
      <c r="Q835" s="130"/>
      <c r="R835" s="130"/>
      <c r="S835" s="130"/>
      <c r="T835" s="130"/>
      <c r="U835" s="130"/>
      <c r="V835" s="130"/>
      <c r="W835" s="130"/>
      <c r="X835" s="130"/>
      <c r="Y835" s="130"/>
      <c r="Z835" s="131"/>
      <c r="AA835" s="132"/>
      <c r="AB835" s="200"/>
      <c r="AC835" s="200"/>
      <c r="AD835" s="200"/>
      <c r="AE835" s="200"/>
      <c r="AF835" s="200"/>
      <c r="AG835" s="200"/>
      <c r="AH835" s="200"/>
      <c r="AI835" s="201"/>
      <c r="AJ835" s="132"/>
      <c r="AK835" s="196"/>
      <c r="AL835" s="196"/>
      <c r="AM835" s="196"/>
      <c r="AN835" s="196"/>
      <c r="AO835" s="196"/>
      <c r="AP835" s="196"/>
      <c r="AQ835" s="196"/>
      <c r="AR835" s="197"/>
      <c r="AS835" s="132"/>
      <c r="AT835" s="196"/>
      <c r="AU835" s="196"/>
      <c r="AV835" s="196"/>
      <c r="AW835" s="196"/>
      <c r="AX835" s="202"/>
      <c r="AY835" s="23"/>
      <c r="AZ835" s="23"/>
      <c r="BA835" s="23"/>
      <c r="BB835" s="23"/>
      <c r="BC835" s="23"/>
      <c r="BD835" s="23"/>
      <c r="BE835" s="23"/>
      <c r="BF835" s="23"/>
      <c r="BG835" s="23"/>
      <c r="BH835" s="23"/>
      <c r="BI835" s="23"/>
      <c r="BJ835" s="23"/>
      <c r="BK835" s="23"/>
      <c r="BL835" s="23"/>
      <c r="BM835" s="23"/>
      <c r="BN835" s="23"/>
      <c r="BO835" s="23"/>
      <c r="BP835" s="23"/>
      <c r="BQ835" s="23"/>
      <c r="BR835" s="23"/>
      <c r="BS835" s="23"/>
      <c r="BT835" s="23"/>
      <c r="BU835" s="23"/>
      <c r="BV835" s="23"/>
      <c r="BW835" s="23"/>
      <c r="BX835" s="23"/>
      <c r="BY835" s="23"/>
      <c r="BZ835" s="23"/>
      <c r="CA835" s="23"/>
      <c r="CB835" s="23"/>
      <c r="CC835" s="23"/>
      <c r="CD835" s="23"/>
      <c r="CE835" s="23"/>
      <c r="CF835" s="23"/>
      <c r="CG835" s="23"/>
      <c r="CH835" s="23"/>
      <c r="CI835" s="23"/>
      <c r="CJ835" s="23"/>
      <c r="CK835" s="23"/>
      <c r="CL835" s="23"/>
      <c r="CM835" s="23"/>
      <c r="CN835" s="23"/>
      <c r="CO835" s="23"/>
      <c r="CP835" s="23"/>
      <c r="CQ835" s="23"/>
      <c r="CR835" s="23"/>
      <c r="CS835" s="23"/>
      <c r="CT835" s="23"/>
      <c r="CU835" s="23"/>
      <c r="CV835" s="23"/>
      <c r="CW835" s="23"/>
      <c r="CX835" s="23"/>
      <c r="CY835" s="23"/>
      <c r="CZ835" s="23"/>
      <c r="DA835" s="23"/>
      <c r="DB835" s="23"/>
      <c r="DC835" s="23"/>
      <c r="DD835" s="23"/>
      <c r="DE835" s="23"/>
      <c r="DF835" s="23"/>
      <c r="DG835" s="23"/>
      <c r="DH835" s="23"/>
      <c r="DI835" s="23"/>
      <c r="DJ835" s="23"/>
      <c r="DK835" s="23"/>
      <c r="DL835" s="23"/>
      <c r="DM835" s="23"/>
      <c r="DN835" s="23"/>
      <c r="DO835" s="23"/>
      <c r="DP835" s="23"/>
      <c r="DQ835" s="23"/>
      <c r="DR835" s="23"/>
      <c r="DS835" s="23"/>
      <c r="DT835" s="23"/>
      <c r="DU835" s="23"/>
      <c r="DV835" s="23"/>
      <c r="DW835" s="23"/>
      <c r="DX835" s="23"/>
      <c r="DY835" s="23"/>
      <c r="DZ835" s="23"/>
      <c r="EA835" s="23"/>
      <c r="EB835" s="23"/>
      <c r="EC835" s="23"/>
      <c r="ED835" s="23"/>
      <c r="EE835" s="23"/>
      <c r="EF835" s="23"/>
      <c r="EG835" s="23"/>
      <c r="EH835" s="23"/>
      <c r="EI835" s="23"/>
      <c r="EJ835" s="23"/>
      <c r="EK835" s="23"/>
      <c r="EL835" s="23"/>
      <c r="EM835" s="23"/>
      <c r="EN835" s="23"/>
      <c r="EO835" s="23"/>
      <c r="EP835" s="23"/>
      <c r="EQ835" s="23"/>
      <c r="ER835" s="23"/>
      <c r="ES835" s="23"/>
      <c r="ET835" s="23"/>
      <c r="EU835" s="23"/>
      <c r="EV835" s="23"/>
      <c r="EW835" s="23"/>
      <c r="EX835" s="23"/>
      <c r="EY835" s="23"/>
      <c r="EZ835" s="23"/>
      <c r="FA835" s="23"/>
      <c r="FB835" s="23"/>
      <c r="FC835" s="23"/>
      <c r="FD835" s="23"/>
      <c r="FE835" s="23"/>
      <c r="FF835" s="23"/>
      <c r="FG835" s="23"/>
      <c r="FH835" s="23"/>
      <c r="FI835" s="23"/>
      <c r="FJ835" s="23"/>
      <c r="FK835" s="23"/>
      <c r="FL835" s="23"/>
      <c r="FM835" s="23"/>
      <c r="FN835" s="23"/>
      <c r="FO835" s="23"/>
      <c r="FP835" s="23"/>
      <c r="FQ835" s="23"/>
      <c r="FR835" s="23"/>
      <c r="FS835" s="23"/>
      <c r="FT835" s="23"/>
      <c r="FU835" s="23"/>
      <c r="FV835" s="23"/>
      <c r="FW835" s="23"/>
      <c r="FX835" s="23"/>
      <c r="FY835" s="23"/>
      <c r="FZ835" s="23"/>
      <c r="GA835" s="23"/>
      <c r="GB835" s="23"/>
      <c r="GC835" s="23"/>
      <c r="GD835" s="23"/>
      <c r="GE835" s="23"/>
      <c r="GF835" s="23"/>
      <c r="GG835" s="23"/>
      <c r="GH835" s="23"/>
      <c r="GI835" s="23"/>
      <c r="GJ835" s="23"/>
      <c r="GK835" s="23"/>
      <c r="GL835" s="23"/>
      <c r="GM835" s="23"/>
      <c r="GN835" s="23"/>
      <c r="GO835" s="23"/>
      <c r="GP835" s="23"/>
      <c r="GQ835" s="23"/>
      <c r="GR835" s="23"/>
      <c r="GS835" s="23"/>
      <c r="GT835" s="23"/>
      <c r="GU835" s="23"/>
      <c r="GV835" s="23"/>
      <c r="GW835" s="23"/>
      <c r="GX835" s="23"/>
      <c r="GY835" s="23"/>
      <c r="GZ835" s="23"/>
      <c r="HA835" s="23"/>
      <c r="HB835" s="23"/>
      <c r="HC835" s="23"/>
      <c r="HD835" s="23"/>
      <c r="HE835" s="23"/>
      <c r="HF835" s="23"/>
      <c r="HG835" s="23"/>
      <c r="HH835" s="23"/>
      <c r="HI835" s="23"/>
      <c r="HJ835" s="23"/>
      <c r="HK835" s="23"/>
      <c r="HL835" s="23"/>
      <c r="HM835" s="23"/>
      <c r="HN835" s="23"/>
      <c r="HO835" s="23"/>
      <c r="HP835" s="23"/>
      <c r="HQ835" s="23"/>
      <c r="HR835" s="23"/>
      <c r="HS835" s="23"/>
      <c r="HT835" s="23"/>
      <c r="HU835" s="23"/>
      <c r="HV835" s="23"/>
      <c r="HW835" s="23"/>
      <c r="HX835" s="23"/>
      <c r="HY835" s="23"/>
      <c r="HZ835" s="23"/>
      <c r="IA835" s="23"/>
      <c r="IB835" s="23"/>
      <c r="IC835" s="23"/>
      <c r="ID835" s="23"/>
      <c r="IE835" s="23"/>
      <c r="IF835" s="23"/>
      <c r="IG835" s="23"/>
      <c r="IH835" s="23"/>
      <c r="II835" s="23"/>
      <c r="IJ835" s="23"/>
      <c r="IK835" s="23"/>
      <c r="IL835" s="23"/>
      <c r="IM835" s="23"/>
      <c r="IN835" s="23"/>
      <c r="IO835" s="23"/>
      <c r="IP835" s="23"/>
      <c r="IQ835" s="23"/>
    </row>
    <row r="836" spans="1:251" s="50" customFormat="1" ht="18.75" customHeight="1">
      <c r="A836" s="34"/>
      <c r="B836" s="48"/>
      <c r="C836" s="130"/>
      <c r="D836" s="130"/>
      <c r="E836" s="130"/>
      <c r="F836" s="130"/>
      <c r="G836" s="130"/>
      <c r="H836" s="130"/>
      <c r="I836" s="130"/>
      <c r="J836" s="130"/>
      <c r="K836" s="130"/>
      <c r="L836" s="130"/>
      <c r="M836" s="130"/>
      <c r="N836" s="130"/>
      <c r="O836" s="130"/>
      <c r="P836" s="130"/>
      <c r="Q836" s="130"/>
      <c r="R836" s="130"/>
      <c r="S836" s="130"/>
      <c r="T836" s="130"/>
      <c r="U836" s="130"/>
      <c r="V836" s="130"/>
      <c r="W836" s="130"/>
      <c r="X836" s="130"/>
      <c r="Y836" s="130"/>
      <c r="Z836" s="131"/>
      <c r="AA836" s="132"/>
      <c r="AB836" s="200"/>
      <c r="AC836" s="200"/>
      <c r="AD836" s="200"/>
      <c r="AE836" s="200"/>
      <c r="AF836" s="200"/>
      <c r="AG836" s="200"/>
      <c r="AH836" s="200"/>
      <c r="AI836" s="201"/>
      <c r="AJ836" s="132"/>
      <c r="AK836" s="196"/>
      <c r="AL836" s="196"/>
      <c r="AM836" s="196"/>
      <c r="AN836" s="196"/>
      <c r="AO836" s="196"/>
      <c r="AP836" s="196"/>
      <c r="AQ836" s="196"/>
      <c r="AR836" s="197"/>
      <c r="AS836" s="136"/>
      <c r="AT836" s="198"/>
      <c r="AU836" s="198"/>
      <c r="AV836" s="198"/>
      <c r="AW836" s="198"/>
      <c r="AX836" s="199"/>
      <c r="AY836" s="23"/>
      <c r="AZ836" s="23"/>
      <c r="BA836" s="23"/>
      <c r="BB836" s="23"/>
      <c r="BC836" s="23"/>
      <c r="BD836" s="23"/>
      <c r="BE836" s="23"/>
      <c r="BF836" s="23"/>
      <c r="BG836" s="23"/>
      <c r="BH836" s="23"/>
      <c r="BI836" s="23"/>
      <c r="BJ836" s="23"/>
      <c r="BK836" s="23"/>
      <c r="BL836" s="23"/>
      <c r="BM836" s="23"/>
      <c r="BN836" s="23"/>
      <c r="BO836" s="23"/>
      <c r="BP836" s="23"/>
      <c r="BQ836" s="23"/>
      <c r="BR836" s="23"/>
      <c r="BS836" s="23"/>
      <c r="BT836" s="23"/>
      <c r="BU836" s="23"/>
      <c r="BV836" s="23"/>
      <c r="BW836" s="23"/>
      <c r="BX836" s="23"/>
      <c r="BY836" s="23"/>
      <c r="BZ836" s="23"/>
      <c r="CA836" s="23"/>
      <c r="CB836" s="23"/>
      <c r="CC836" s="23"/>
      <c r="CD836" s="23"/>
      <c r="CE836" s="23"/>
      <c r="CF836" s="23"/>
      <c r="CG836" s="23"/>
      <c r="CH836" s="23"/>
      <c r="CI836" s="23"/>
      <c r="CJ836" s="23"/>
      <c r="CK836" s="23"/>
      <c r="CL836" s="23"/>
      <c r="CM836" s="23"/>
      <c r="CN836" s="23"/>
      <c r="CO836" s="23"/>
      <c r="CP836" s="23"/>
      <c r="CQ836" s="23"/>
      <c r="CR836" s="23"/>
      <c r="CS836" s="23"/>
      <c r="CT836" s="23"/>
      <c r="CU836" s="23"/>
      <c r="CV836" s="23"/>
      <c r="CW836" s="23"/>
      <c r="CX836" s="23"/>
      <c r="CY836" s="23"/>
      <c r="CZ836" s="23"/>
      <c r="DA836" s="23"/>
      <c r="DB836" s="23"/>
      <c r="DC836" s="23"/>
      <c r="DD836" s="23"/>
      <c r="DE836" s="23"/>
      <c r="DF836" s="23"/>
      <c r="DG836" s="23"/>
      <c r="DH836" s="23"/>
      <c r="DI836" s="23"/>
      <c r="DJ836" s="23"/>
      <c r="DK836" s="23"/>
      <c r="DL836" s="23"/>
      <c r="DM836" s="23"/>
      <c r="DN836" s="23"/>
      <c r="DO836" s="23"/>
      <c r="DP836" s="23"/>
      <c r="DQ836" s="23"/>
      <c r="DR836" s="23"/>
      <c r="DS836" s="23"/>
      <c r="DT836" s="23"/>
      <c r="DU836" s="23"/>
      <c r="DV836" s="23"/>
      <c r="DW836" s="23"/>
      <c r="DX836" s="23"/>
      <c r="DY836" s="23"/>
      <c r="DZ836" s="23"/>
      <c r="EA836" s="23"/>
      <c r="EB836" s="23"/>
      <c r="EC836" s="23"/>
      <c r="ED836" s="23"/>
      <c r="EE836" s="23"/>
      <c r="EF836" s="23"/>
      <c r="EG836" s="23"/>
      <c r="EH836" s="23"/>
      <c r="EI836" s="23"/>
      <c r="EJ836" s="23"/>
      <c r="EK836" s="23"/>
      <c r="EL836" s="23"/>
      <c r="EM836" s="23"/>
      <c r="EN836" s="23"/>
      <c r="EO836" s="23"/>
      <c r="EP836" s="23"/>
      <c r="EQ836" s="23"/>
      <c r="ER836" s="23"/>
      <c r="ES836" s="23"/>
      <c r="ET836" s="23"/>
      <c r="EU836" s="23"/>
      <c r="EV836" s="23"/>
      <c r="EW836" s="23"/>
      <c r="EX836" s="23"/>
      <c r="EY836" s="23"/>
      <c r="EZ836" s="23"/>
      <c r="FA836" s="23"/>
      <c r="FB836" s="23"/>
      <c r="FC836" s="23"/>
      <c r="FD836" s="23"/>
      <c r="FE836" s="23"/>
      <c r="FF836" s="23"/>
      <c r="FG836" s="23"/>
      <c r="FH836" s="23"/>
      <c r="FI836" s="23"/>
      <c r="FJ836" s="23"/>
      <c r="FK836" s="23"/>
      <c r="FL836" s="23"/>
      <c r="FM836" s="23"/>
      <c r="FN836" s="23"/>
      <c r="FO836" s="23"/>
      <c r="FP836" s="23"/>
      <c r="FQ836" s="23"/>
      <c r="FR836" s="23"/>
      <c r="FS836" s="23"/>
      <c r="FT836" s="23"/>
      <c r="FU836" s="23"/>
      <c r="FV836" s="23"/>
      <c r="FW836" s="23"/>
      <c r="FX836" s="23"/>
      <c r="FY836" s="23"/>
      <c r="FZ836" s="23"/>
      <c r="GA836" s="23"/>
      <c r="GB836" s="23"/>
      <c r="GC836" s="23"/>
      <c r="GD836" s="23"/>
      <c r="GE836" s="23"/>
      <c r="GF836" s="23"/>
      <c r="GG836" s="23"/>
      <c r="GH836" s="23"/>
      <c r="GI836" s="23"/>
      <c r="GJ836" s="23"/>
      <c r="GK836" s="23"/>
      <c r="GL836" s="23"/>
      <c r="GM836" s="23"/>
      <c r="GN836" s="23"/>
      <c r="GO836" s="23"/>
      <c r="GP836" s="23"/>
      <c r="GQ836" s="23"/>
      <c r="GR836" s="23"/>
      <c r="GS836" s="23"/>
      <c r="GT836" s="23"/>
      <c r="GU836" s="23"/>
      <c r="GV836" s="23"/>
      <c r="GW836" s="23"/>
      <c r="GX836" s="23"/>
      <c r="GY836" s="23"/>
      <c r="GZ836" s="23"/>
      <c r="HA836" s="23"/>
      <c r="HB836" s="23"/>
      <c r="HC836" s="23"/>
      <c r="HD836" s="23"/>
      <c r="HE836" s="23"/>
      <c r="HF836" s="23"/>
      <c r="HG836" s="23"/>
      <c r="HH836" s="23"/>
      <c r="HI836" s="23"/>
      <c r="HJ836" s="23"/>
      <c r="HK836" s="23"/>
      <c r="HL836" s="23"/>
      <c r="HM836" s="23"/>
      <c r="HN836" s="23"/>
      <c r="HO836" s="23"/>
      <c r="HP836" s="23"/>
      <c r="HQ836" s="23"/>
      <c r="HR836" s="23"/>
      <c r="HS836" s="23"/>
      <c r="HT836" s="23"/>
      <c r="HU836" s="23"/>
      <c r="HV836" s="23"/>
      <c r="HW836" s="23"/>
      <c r="HX836" s="23"/>
      <c r="HY836" s="23"/>
      <c r="HZ836" s="23"/>
      <c r="IA836" s="23"/>
      <c r="IB836" s="23"/>
      <c r="IC836" s="23"/>
      <c r="ID836" s="23"/>
      <c r="IE836" s="23"/>
      <c r="IF836" s="23"/>
      <c r="IG836" s="23"/>
      <c r="IH836" s="23"/>
      <c r="II836" s="23"/>
      <c r="IJ836" s="23"/>
      <c r="IK836" s="23"/>
      <c r="IL836" s="23"/>
      <c r="IM836" s="23"/>
      <c r="IN836" s="23"/>
      <c r="IO836" s="23"/>
      <c r="IP836" s="23"/>
      <c r="IQ836" s="23"/>
    </row>
    <row r="837" spans="1:251" s="50" customFormat="1" ht="18.75" customHeight="1">
      <c r="A837" s="34"/>
      <c r="B837" s="47"/>
      <c r="C837" s="130"/>
      <c r="D837" s="130"/>
      <c r="E837" s="130"/>
      <c r="F837" s="130"/>
      <c r="G837" s="130"/>
      <c r="H837" s="130"/>
      <c r="I837" s="130"/>
      <c r="J837" s="130"/>
      <c r="K837" s="130"/>
      <c r="L837" s="130"/>
      <c r="M837" s="130"/>
      <c r="N837" s="130"/>
      <c r="O837" s="130"/>
      <c r="P837" s="130"/>
      <c r="Q837" s="130"/>
      <c r="R837" s="130"/>
      <c r="S837" s="130"/>
      <c r="T837" s="130"/>
      <c r="U837" s="130"/>
      <c r="V837" s="130"/>
      <c r="W837" s="130"/>
      <c r="X837" s="130"/>
      <c r="Y837" s="130"/>
      <c r="Z837" s="131"/>
      <c r="AA837" s="132"/>
      <c r="AB837" s="200"/>
      <c r="AC837" s="200"/>
      <c r="AD837" s="200"/>
      <c r="AE837" s="200"/>
      <c r="AF837" s="200"/>
      <c r="AG837" s="200"/>
      <c r="AH837" s="200"/>
      <c r="AI837" s="201"/>
      <c r="AJ837" s="132"/>
      <c r="AK837" s="196"/>
      <c r="AL837" s="196"/>
      <c r="AM837" s="196"/>
      <c r="AN837" s="196"/>
      <c r="AO837" s="196"/>
      <c r="AP837" s="196"/>
      <c r="AQ837" s="196"/>
      <c r="AR837" s="197"/>
      <c r="AS837" s="132"/>
      <c r="AT837" s="196"/>
      <c r="AU837" s="196"/>
      <c r="AV837" s="196"/>
      <c r="AW837" s="196"/>
      <c r="AX837" s="202"/>
      <c r="AY837" s="23"/>
      <c r="AZ837" s="23"/>
      <c r="BA837" s="23"/>
      <c r="BB837" s="23"/>
      <c r="BC837" s="23"/>
      <c r="BD837" s="23"/>
      <c r="BE837" s="23"/>
      <c r="BF837" s="23"/>
      <c r="BG837" s="23"/>
      <c r="BH837" s="23"/>
      <c r="BI837" s="23"/>
      <c r="BJ837" s="23"/>
      <c r="BK837" s="23"/>
      <c r="BL837" s="23"/>
      <c r="BM837" s="23"/>
      <c r="BN837" s="23"/>
      <c r="BO837" s="23"/>
      <c r="BP837" s="23"/>
      <c r="BQ837" s="23"/>
      <c r="BR837" s="23"/>
      <c r="BS837" s="23"/>
      <c r="BT837" s="23"/>
      <c r="BU837" s="23"/>
      <c r="BV837" s="23"/>
      <c r="BW837" s="23"/>
      <c r="BX837" s="23"/>
      <c r="BY837" s="23"/>
      <c r="BZ837" s="23"/>
      <c r="CA837" s="23"/>
      <c r="CB837" s="23"/>
      <c r="CC837" s="23"/>
      <c r="CD837" s="23"/>
      <c r="CE837" s="23"/>
      <c r="CF837" s="23"/>
      <c r="CG837" s="23"/>
      <c r="CH837" s="23"/>
      <c r="CI837" s="23"/>
      <c r="CJ837" s="23"/>
      <c r="CK837" s="23"/>
      <c r="CL837" s="23"/>
      <c r="CM837" s="23"/>
      <c r="CN837" s="23"/>
      <c r="CO837" s="23"/>
      <c r="CP837" s="23"/>
      <c r="CQ837" s="23"/>
      <c r="CR837" s="23"/>
      <c r="CS837" s="23"/>
      <c r="CT837" s="23"/>
      <c r="CU837" s="23"/>
      <c r="CV837" s="23"/>
      <c r="CW837" s="23"/>
      <c r="CX837" s="23"/>
      <c r="CY837" s="23"/>
      <c r="CZ837" s="23"/>
      <c r="DA837" s="23"/>
      <c r="DB837" s="23"/>
      <c r="DC837" s="23"/>
      <c r="DD837" s="23"/>
      <c r="DE837" s="23"/>
      <c r="DF837" s="23"/>
      <c r="DG837" s="23"/>
      <c r="DH837" s="23"/>
      <c r="DI837" s="23"/>
      <c r="DJ837" s="23"/>
      <c r="DK837" s="23"/>
      <c r="DL837" s="23"/>
      <c r="DM837" s="23"/>
      <c r="DN837" s="23"/>
      <c r="DO837" s="23"/>
      <c r="DP837" s="23"/>
      <c r="DQ837" s="23"/>
      <c r="DR837" s="23"/>
      <c r="DS837" s="23"/>
      <c r="DT837" s="23"/>
      <c r="DU837" s="23"/>
      <c r="DV837" s="23"/>
      <c r="DW837" s="23"/>
      <c r="DX837" s="23"/>
      <c r="DY837" s="23"/>
      <c r="DZ837" s="23"/>
      <c r="EA837" s="23"/>
      <c r="EB837" s="23"/>
      <c r="EC837" s="23"/>
      <c r="ED837" s="23"/>
      <c r="EE837" s="23"/>
      <c r="EF837" s="23"/>
      <c r="EG837" s="23"/>
      <c r="EH837" s="23"/>
      <c r="EI837" s="23"/>
      <c r="EJ837" s="23"/>
      <c r="EK837" s="23"/>
      <c r="EL837" s="23"/>
      <c r="EM837" s="23"/>
      <c r="EN837" s="23"/>
      <c r="EO837" s="23"/>
      <c r="EP837" s="23"/>
      <c r="EQ837" s="23"/>
      <c r="ER837" s="23"/>
      <c r="ES837" s="23"/>
      <c r="ET837" s="23"/>
      <c r="EU837" s="23"/>
      <c r="EV837" s="23"/>
      <c r="EW837" s="23"/>
      <c r="EX837" s="23"/>
      <c r="EY837" s="23"/>
      <c r="EZ837" s="23"/>
      <c r="FA837" s="23"/>
      <c r="FB837" s="23"/>
      <c r="FC837" s="23"/>
      <c r="FD837" s="23"/>
      <c r="FE837" s="23"/>
      <c r="FF837" s="23"/>
      <c r="FG837" s="23"/>
      <c r="FH837" s="23"/>
      <c r="FI837" s="23"/>
      <c r="FJ837" s="23"/>
      <c r="FK837" s="23"/>
      <c r="FL837" s="23"/>
      <c r="FM837" s="23"/>
      <c r="FN837" s="23"/>
      <c r="FO837" s="23"/>
      <c r="FP837" s="23"/>
      <c r="FQ837" s="23"/>
      <c r="FR837" s="23"/>
      <c r="FS837" s="23"/>
      <c r="FT837" s="23"/>
      <c r="FU837" s="23"/>
      <c r="FV837" s="23"/>
      <c r="FW837" s="23"/>
      <c r="FX837" s="23"/>
      <c r="FY837" s="23"/>
      <c r="FZ837" s="23"/>
      <c r="GA837" s="23"/>
      <c r="GB837" s="23"/>
      <c r="GC837" s="23"/>
      <c r="GD837" s="23"/>
      <c r="GE837" s="23"/>
      <c r="GF837" s="23"/>
      <c r="GG837" s="23"/>
      <c r="GH837" s="23"/>
      <c r="GI837" s="23"/>
      <c r="GJ837" s="23"/>
      <c r="GK837" s="23"/>
      <c r="GL837" s="23"/>
      <c r="GM837" s="23"/>
      <c r="GN837" s="23"/>
      <c r="GO837" s="23"/>
      <c r="GP837" s="23"/>
      <c r="GQ837" s="23"/>
      <c r="GR837" s="23"/>
      <c r="GS837" s="23"/>
      <c r="GT837" s="23"/>
      <c r="GU837" s="23"/>
      <c r="GV837" s="23"/>
      <c r="GW837" s="23"/>
      <c r="GX837" s="23"/>
      <c r="GY837" s="23"/>
      <c r="GZ837" s="23"/>
      <c r="HA837" s="23"/>
      <c r="HB837" s="23"/>
      <c r="HC837" s="23"/>
      <c r="HD837" s="23"/>
      <c r="HE837" s="23"/>
      <c r="HF837" s="23"/>
      <c r="HG837" s="23"/>
      <c r="HH837" s="23"/>
      <c r="HI837" s="23"/>
      <c r="HJ837" s="23"/>
      <c r="HK837" s="23"/>
      <c r="HL837" s="23"/>
      <c r="HM837" s="23"/>
      <c r="HN837" s="23"/>
      <c r="HO837" s="23"/>
      <c r="HP837" s="23"/>
      <c r="HQ837" s="23"/>
      <c r="HR837" s="23"/>
      <c r="HS837" s="23"/>
      <c r="HT837" s="23"/>
      <c r="HU837" s="23"/>
      <c r="HV837" s="23"/>
      <c r="HW837" s="23"/>
      <c r="HX837" s="23"/>
      <c r="HY837" s="23"/>
      <c r="HZ837" s="23"/>
      <c r="IA837" s="23"/>
      <c r="IB837" s="23"/>
      <c r="IC837" s="23"/>
      <c r="ID837" s="23"/>
      <c r="IE837" s="23"/>
      <c r="IF837" s="23"/>
      <c r="IG837" s="23"/>
      <c r="IH837" s="23"/>
      <c r="II837" s="23"/>
      <c r="IJ837" s="23"/>
      <c r="IK837" s="23"/>
      <c r="IL837" s="23"/>
      <c r="IM837" s="23"/>
      <c r="IN837" s="23"/>
      <c r="IO837" s="23"/>
      <c r="IP837" s="23"/>
      <c r="IQ837" s="23"/>
    </row>
    <row r="838" spans="1:251" s="50" customFormat="1" ht="18.75" customHeight="1">
      <c r="A838" s="34"/>
      <c r="B838" s="48"/>
      <c r="C838" s="130"/>
      <c r="D838" s="130"/>
      <c r="E838" s="130"/>
      <c r="F838" s="130"/>
      <c r="G838" s="130"/>
      <c r="H838" s="130"/>
      <c r="I838" s="130"/>
      <c r="J838" s="130"/>
      <c r="K838" s="130"/>
      <c r="L838" s="130"/>
      <c r="M838" s="130"/>
      <c r="N838" s="130"/>
      <c r="O838" s="130"/>
      <c r="P838" s="130"/>
      <c r="Q838" s="130"/>
      <c r="R838" s="130"/>
      <c r="S838" s="130"/>
      <c r="T838" s="130"/>
      <c r="U838" s="130"/>
      <c r="V838" s="130"/>
      <c r="W838" s="130"/>
      <c r="X838" s="130"/>
      <c r="Y838" s="130"/>
      <c r="Z838" s="131"/>
      <c r="AA838" s="132"/>
      <c r="AB838" s="200"/>
      <c r="AC838" s="200"/>
      <c r="AD838" s="200"/>
      <c r="AE838" s="200"/>
      <c r="AF838" s="200"/>
      <c r="AG838" s="200"/>
      <c r="AH838" s="200"/>
      <c r="AI838" s="201"/>
      <c r="AJ838" s="132"/>
      <c r="AK838" s="133"/>
      <c r="AL838" s="133"/>
      <c r="AM838" s="133"/>
      <c r="AN838" s="133"/>
      <c r="AO838" s="133"/>
      <c r="AP838" s="133"/>
      <c r="AQ838" s="133"/>
      <c r="AR838" s="134"/>
      <c r="AS838" s="132"/>
      <c r="AT838" s="196"/>
      <c r="AU838" s="196"/>
      <c r="AV838" s="196"/>
      <c r="AW838" s="196"/>
      <c r="AX838" s="202"/>
      <c r="AY838" s="23"/>
      <c r="AZ838" s="23"/>
      <c r="BA838" s="23"/>
      <c r="BB838" s="23"/>
      <c r="BC838" s="23"/>
      <c r="BD838" s="23"/>
      <c r="BE838" s="23"/>
      <c r="BF838" s="23"/>
      <c r="BG838" s="23"/>
      <c r="BH838" s="23"/>
      <c r="BI838" s="23"/>
      <c r="BJ838" s="23"/>
      <c r="BK838" s="23"/>
      <c r="BL838" s="23"/>
      <c r="BM838" s="23"/>
      <c r="BN838" s="23"/>
      <c r="BO838" s="23"/>
      <c r="BP838" s="23"/>
      <c r="BQ838" s="23"/>
      <c r="BR838" s="23"/>
      <c r="BS838" s="23"/>
      <c r="BT838" s="23"/>
      <c r="BU838" s="23"/>
      <c r="BV838" s="23"/>
      <c r="BW838" s="23"/>
      <c r="BX838" s="23"/>
      <c r="BY838" s="23"/>
      <c r="BZ838" s="23"/>
      <c r="CA838" s="23"/>
      <c r="CB838" s="23"/>
      <c r="CC838" s="23"/>
      <c r="CD838" s="23"/>
      <c r="CE838" s="23"/>
      <c r="CF838" s="23"/>
      <c r="CG838" s="23"/>
      <c r="CH838" s="23"/>
      <c r="CI838" s="23"/>
      <c r="CJ838" s="23"/>
      <c r="CK838" s="23"/>
      <c r="CL838" s="23"/>
      <c r="CM838" s="23"/>
      <c r="CN838" s="23"/>
      <c r="CO838" s="23"/>
      <c r="CP838" s="23"/>
      <c r="CQ838" s="23"/>
      <c r="CR838" s="23"/>
      <c r="CS838" s="23"/>
      <c r="CT838" s="23"/>
      <c r="CU838" s="23"/>
      <c r="CV838" s="23"/>
      <c r="CW838" s="23"/>
      <c r="CX838" s="23"/>
      <c r="CY838" s="23"/>
      <c r="CZ838" s="23"/>
      <c r="DA838" s="23"/>
      <c r="DB838" s="23"/>
      <c r="DC838" s="23"/>
      <c r="DD838" s="23"/>
      <c r="DE838" s="23"/>
      <c r="DF838" s="23"/>
      <c r="DG838" s="23"/>
      <c r="DH838" s="23"/>
      <c r="DI838" s="23"/>
      <c r="DJ838" s="23"/>
      <c r="DK838" s="23"/>
      <c r="DL838" s="23"/>
      <c r="DM838" s="23"/>
      <c r="DN838" s="23"/>
      <c r="DO838" s="23"/>
      <c r="DP838" s="23"/>
      <c r="DQ838" s="23"/>
      <c r="DR838" s="23"/>
      <c r="DS838" s="23"/>
      <c r="DT838" s="23"/>
      <c r="DU838" s="23"/>
      <c r="DV838" s="23"/>
      <c r="DW838" s="23"/>
      <c r="DX838" s="23"/>
      <c r="DY838" s="23"/>
      <c r="DZ838" s="23"/>
      <c r="EA838" s="23"/>
      <c r="EB838" s="23"/>
      <c r="EC838" s="23"/>
      <c r="ED838" s="23"/>
      <c r="EE838" s="23"/>
      <c r="EF838" s="23"/>
      <c r="EG838" s="23"/>
      <c r="EH838" s="23"/>
      <c r="EI838" s="23"/>
      <c r="EJ838" s="23"/>
      <c r="EK838" s="23"/>
      <c r="EL838" s="23"/>
      <c r="EM838" s="23"/>
      <c r="EN838" s="23"/>
      <c r="EO838" s="23"/>
      <c r="EP838" s="23"/>
      <c r="EQ838" s="23"/>
      <c r="ER838" s="23"/>
      <c r="ES838" s="23"/>
      <c r="ET838" s="23"/>
      <c r="EU838" s="23"/>
      <c r="EV838" s="23"/>
      <c r="EW838" s="23"/>
      <c r="EX838" s="23"/>
      <c r="EY838" s="23"/>
      <c r="EZ838" s="23"/>
      <c r="FA838" s="23"/>
      <c r="FB838" s="23"/>
      <c r="FC838" s="23"/>
      <c r="FD838" s="23"/>
      <c r="FE838" s="23"/>
      <c r="FF838" s="23"/>
      <c r="FG838" s="23"/>
      <c r="FH838" s="23"/>
      <c r="FI838" s="23"/>
      <c r="FJ838" s="23"/>
      <c r="FK838" s="23"/>
      <c r="FL838" s="23"/>
      <c r="FM838" s="23"/>
      <c r="FN838" s="23"/>
      <c r="FO838" s="23"/>
      <c r="FP838" s="23"/>
      <c r="FQ838" s="23"/>
      <c r="FR838" s="23"/>
      <c r="FS838" s="23"/>
      <c r="FT838" s="23"/>
      <c r="FU838" s="23"/>
      <c r="FV838" s="23"/>
      <c r="FW838" s="23"/>
      <c r="FX838" s="23"/>
      <c r="FY838" s="23"/>
      <c r="FZ838" s="23"/>
      <c r="GA838" s="23"/>
      <c r="GB838" s="23"/>
      <c r="GC838" s="23"/>
      <c r="GD838" s="23"/>
      <c r="GE838" s="23"/>
      <c r="GF838" s="23"/>
      <c r="GG838" s="23"/>
      <c r="GH838" s="23"/>
      <c r="GI838" s="23"/>
      <c r="GJ838" s="23"/>
      <c r="GK838" s="23"/>
      <c r="GL838" s="23"/>
      <c r="GM838" s="23"/>
      <c r="GN838" s="23"/>
      <c r="GO838" s="23"/>
      <c r="GP838" s="23"/>
      <c r="GQ838" s="23"/>
      <c r="GR838" s="23"/>
      <c r="GS838" s="23"/>
      <c r="GT838" s="23"/>
      <c r="GU838" s="23"/>
      <c r="GV838" s="23"/>
      <c r="GW838" s="23"/>
      <c r="GX838" s="23"/>
      <c r="GY838" s="23"/>
      <c r="GZ838" s="23"/>
      <c r="HA838" s="23"/>
      <c r="HB838" s="23"/>
      <c r="HC838" s="23"/>
      <c r="HD838" s="23"/>
      <c r="HE838" s="23"/>
      <c r="HF838" s="23"/>
      <c r="HG838" s="23"/>
      <c r="HH838" s="23"/>
      <c r="HI838" s="23"/>
      <c r="HJ838" s="23"/>
      <c r="HK838" s="23"/>
      <c r="HL838" s="23"/>
      <c r="HM838" s="23"/>
      <c r="HN838" s="23"/>
      <c r="HO838" s="23"/>
      <c r="HP838" s="23"/>
      <c r="HQ838" s="23"/>
      <c r="HR838" s="23"/>
      <c r="HS838" s="23"/>
      <c r="HT838" s="23"/>
      <c r="HU838" s="23"/>
      <c r="HV838" s="23"/>
      <c r="HW838" s="23"/>
      <c r="HX838" s="23"/>
      <c r="HY838" s="23"/>
      <c r="HZ838" s="23"/>
      <c r="IA838" s="23"/>
      <c r="IB838" s="23"/>
      <c r="IC838" s="23"/>
      <c r="ID838" s="23"/>
      <c r="IE838" s="23"/>
      <c r="IF838" s="23"/>
      <c r="IG838" s="23"/>
      <c r="IH838" s="23"/>
      <c r="II838" s="23"/>
      <c r="IJ838" s="23"/>
      <c r="IK838" s="23"/>
      <c r="IL838" s="23"/>
      <c r="IM838" s="23"/>
      <c r="IN838" s="23"/>
      <c r="IO838" s="23"/>
      <c r="IP838" s="23"/>
      <c r="IQ838" s="23"/>
    </row>
    <row r="839" spans="1:251" s="50" customFormat="1" ht="18.75" customHeight="1" thickBot="1">
      <c r="A839" s="34"/>
      <c r="B839" s="49"/>
      <c r="C839" s="158"/>
      <c r="D839" s="158"/>
      <c r="E839" s="158"/>
      <c r="F839" s="158"/>
      <c r="G839" s="158"/>
      <c r="H839" s="158"/>
      <c r="I839" s="158"/>
      <c r="J839" s="158"/>
      <c r="K839" s="158"/>
      <c r="L839" s="158"/>
      <c r="M839" s="158"/>
      <c r="N839" s="158"/>
      <c r="O839" s="158"/>
      <c r="P839" s="158"/>
      <c r="Q839" s="158"/>
      <c r="R839" s="158"/>
      <c r="S839" s="158"/>
      <c r="T839" s="158"/>
      <c r="U839" s="158"/>
      <c r="V839" s="158"/>
      <c r="W839" s="158"/>
      <c r="X839" s="158"/>
      <c r="Y839" s="158"/>
      <c r="Z839" s="159"/>
      <c r="AA839" s="160"/>
      <c r="AB839" s="211"/>
      <c r="AC839" s="211"/>
      <c r="AD839" s="211"/>
      <c r="AE839" s="211"/>
      <c r="AF839" s="211"/>
      <c r="AG839" s="211"/>
      <c r="AH839" s="211"/>
      <c r="AI839" s="212"/>
      <c r="AJ839" s="160"/>
      <c r="AK839" s="161"/>
      <c r="AL839" s="161"/>
      <c r="AM839" s="161"/>
      <c r="AN839" s="161"/>
      <c r="AO839" s="161"/>
      <c r="AP839" s="161"/>
      <c r="AQ839" s="161"/>
      <c r="AR839" s="162"/>
      <c r="AS839" s="188"/>
      <c r="AT839" s="213"/>
      <c r="AU839" s="213"/>
      <c r="AV839" s="213"/>
      <c r="AW839" s="213"/>
      <c r="AX839" s="214"/>
      <c r="AY839" s="23"/>
      <c r="AZ839" s="23"/>
      <c r="BA839" s="23"/>
      <c r="BB839" s="23"/>
      <c r="BC839" s="23"/>
      <c r="BD839" s="23"/>
      <c r="BE839" s="23"/>
      <c r="BF839" s="23"/>
      <c r="BG839" s="23"/>
      <c r="BH839" s="23"/>
      <c r="BI839" s="23"/>
      <c r="BJ839" s="23"/>
      <c r="BK839" s="23"/>
      <c r="BL839" s="23"/>
      <c r="BM839" s="23"/>
      <c r="BN839" s="23"/>
      <c r="BO839" s="23"/>
      <c r="BP839" s="23"/>
      <c r="BQ839" s="23"/>
      <c r="BR839" s="23"/>
      <c r="BS839" s="23"/>
      <c r="BT839" s="23"/>
      <c r="BU839" s="23"/>
      <c r="BV839" s="23"/>
      <c r="BW839" s="23"/>
      <c r="BX839" s="23"/>
      <c r="BY839" s="23"/>
      <c r="BZ839" s="23"/>
      <c r="CA839" s="23"/>
      <c r="CB839" s="23"/>
      <c r="CC839" s="23"/>
      <c r="CD839" s="23"/>
      <c r="CE839" s="23"/>
      <c r="CF839" s="23"/>
      <c r="CG839" s="23"/>
      <c r="CH839" s="23"/>
      <c r="CI839" s="23"/>
      <c r="CJ839" s="23"/>
      <c r="CK839" s="23"/>
      <c r="CL839" s="23"/>
      <c r="CM839" s="23"/>
      <c r="CN839" s="23"/>
      <c r="CO839" s="23"/>
      <c r="CP839" s="23"/>
      <c r="CQ839" s="23"/>
      <c r="CR839" s="23"/>
      <c r="CS839" s="23"/>
      <c r="CT839" s="23"/>
      <c r="CU839" s="23"/>
      <c r="CV839" s="23"/>
      <c r="CW839" s="23"/>
      <c r="CX839" s="23"/>
      <c r="CY839" s="23"/>
      <c r="CZ839" s="23"/>
      <c r="DA839" s="23"/>
      <c r="DB839" s="23"/>
      <c r="DC839" s="23"/>
      <c r="DD839" s="23"/>
      <c r="DE839" s="23"/>
      <c r="DF839" s="23"/>
      <c r="DG839" s="23"/>
      <c r="DH839" s="23"/>
      <c r="DI839" s="23"/>
      <c r="DJ839" s="23"/>
      <c r="DK839" s="23"/>
      <c r="DL839" s="23"/>
      <c r="DM839" s="23"/>
      <c r="DN839" s="23"/>
      <c r="DO839" s="23"/>
      <c r="DP839" s="23"/>
      <c r="DQ839" s="23"/>
      <c r="DR839" s="23"/>
      <c r="DS839" s="23"/>
      <c r="DT839" s="23"/>
      <c r="DU839" s="23"/>
      <c r="DV839" s="23"/>
      <c r="DW839" s="23"/>
      <c r="DX839" s="23"/>
      <c r="DY839" s="23"/>
      <c r="DZ839" s="23"/>
      <c r="EA839" s="23"/>
      <c r="EB839" s="23"/>
      <c r="EC839" s="23"/>
      <c r="ED839" s="23"/>
      <c r="EE839" s="23"/>
      <c r="EF839" s="23"/>
      <c r="EG839" s="23"/>
      <c r="EH839" s="23"/>
      <c r="EI839" s="23"/>
      <c r="EJ839" s="23"/>
      <c r="EK839" s="23"/>
      <c r="EL839" s="23"/>
      <c r="EM839" s="23"/>
      <c r="EN839" s="23"/>
      <c r="EO839" s="23"/>
      <c r="EP839" s="23"/>
      <c r="EQ839" s="23"/>
      <c r="ER839" s="23"/>
      <c r="ES839" s="23"/>
      <c r="ET839" s="23"/>
      <c r="EU839" s="23"/>
      <c r="EV839" s="23"/>
      <c r="EW839" s="23"/>
      <c r="EX839" s="23"/>
      <c r="EY839" s="23"/>
      <c r="EZ839" s="23"/>
      <c r="FA839" s="23"/>
      <c r="FB839" s="23"/>
      <c r="FC839" s="23"/>
      <c r="FD839" s="23"/>
      <c r="FE839" s="23"/>
      <c r="FF839" s="23"/>
      <c r="FG839" s="23"/>
      <c r="FH839" s="23"/>
      <c r="FI839" s="23"/>
      <c r="FJ839" s="23"/>
      <c r="FK839" s="23"/>
      <c r="FL839" s="23"/>
      <c r="FM839" s="23"/>
      <c r="FN839" s="23"/>
      <c r="FO839" s="23"/>
      <c r="FP839" s="23"/>
      <c r="FQ839" s="23"/>
      <c r="FR839" s="23"/>
      <c r="FS839" s="23"/>
      <c r="FT839" s="23"/>
      <c r="FU839" s="23"/>
      <c r="FV839" s="23"/>
      <c r="FW839" s="23"/>
      <c r="FX839" s="23"/>
      <c r="FY839" s="23"/>
      <c r="FZ839" s="23"/>
      <c r="GA839" s="23"/>
      <c r="GB839" s="23"/>
      <c r="GC839" s="23"/>
      <c r="GD839" s="23"/>
      <c r="GE839" s="23"/>
      <c r="GF839" s="23"/>
      <c r="GG839" s="23"/>
      <c r="GH839" s="23"/>
      <c r="GI839" s="23"/>
      <c r="GJ839" s="23"/>
      <c r="GK839" s="23"/>
      <c r="GL839" s="23"/>
      <c r="GM839" s="23"/>
      <c r="GN839" s="23"/>
      <c r="GO839" s="23"/>
      <c r="GP839" s="23"/>
      <c r="GQ839" s="23"/>
      <c r="GR839" s="23"/>
      <c r="GS839" s="23"/>
      <c r="GT839" s="23"/>
      <c r="GU839" s="23"/>
      <c r="GV839" s="23"/>
      <c r="GW839" s="23"/>
      <c r="GX839" s="23"/>
      <c r="GY839" s="23"/>
      <c r="GZ839" s="23"/>
      <c r="HA839" s="23"/>
      <c r="HB839" s="23"/>
      <c r="HC839" s="23"/>
      <c r="HD839" s="23"/>
      <c r="HE839" s="23"/>
      <c r="HF839" s="23"/>
      <c r="HG839" s="23"/>
      <c r="HH839" s="23"/>
      <c r="HI839" s="23"/>
      <c r="HJ839" s="23"/>
      <c r="HK839" s="23"/>
      <c r="HL839" s="23"/>
      <c r="HM839" s="23"/>
      <c r="HN839" s="23"/>
      <c r="HO839" s="23"/>
      <c r="HP839" s="23"/>
      <c r="HQ839" s="23"/>
      <c r="HR839" s="23"/>
      <c r="HS839" s="23"/>
      <c r="HT839" s="23"/>
      <c r="HU839" s="23"/>
      <c r="HV839" s="23"/>
      <c r="HW839" s="23"/>
      <c r="HX839" s="23"/>
      <c r="HY839" s="23"/>
      <c r="HZ839" s="23"/>
      <c r="IA839" s="23"/>
      <c r="IB839" s="23"/>
      <c r="IC839" s="23"/>
      <c r="ID839" s="23"/>
      <c r="IE839" s="23"/>
      <c r="IF839" s="23"/>
      <c r="IG839" s="23"/>
      <c r="IH839" s="23"/>
      <c r="II839" s="23"/>
      <c r="IJ839" s="23"/>
      <c r="IK839" s="23"/>
      <c r="IL839" s="23"/>
      <c r="IM839" s="23"/>
      <c r="IN839" s="23"/>
      <c r="IO839" s="23"/>
      <c r="IP839" s="23"/>
      <c r="IQ839" s="23"/>
    </row>
    <row r="840" spans="1:251" s="50" customFormat="1" ht="18.75" customHeight="1" thickTop="1" thickBot="1">
      <c r="A840" s="38"/>
      <c r="B840" s="164" t="s">
        <v>105</v>
      </c>
      <c r="C840" s="191"/>
      <c r="D840" s="191"/>
      <c r="E840" s="191"/>
      <c r="F840" s="191"/>
      <c r="G840" s="191"/>
      <c r="H840" s="191"/>
      <c r="I840" s="191"/>
      <c r="J840" s="191"/>
      <c r="K840" s="191"/>
      <c r="L840" s="191"/>
      <c r="M840" s="191"/>
      <c r="N840" s="191"/>
      <c r="O840" s="191"/>
      <c r="P840" s="191"/>
      <c r="Q840" s="191"/>
      <c r="R840" s="191"/>
      <c r="S840" s="191"/>
      <c r="T840" s="191"/>
      <c r="U840" s="191"/>
      <c r="V840" s="191"/>
      <c r="W840" s="191"/>
      <c r="X840" s="191"/>
      <c r="Y840" s="191"/>
      <c r="Z840" s="192"/>
      <c r="AA840" s="167">
        <f>SUM(AA832:AA839)</f>
        <v>144075</v>
      </c>
      <c r="AB840" s="215"/>
      <c r="AC840" s="215"/>
      <c r="AD840" s="215"/>
      <c r="AE840" s="215"/>
      <c r="AF840" s="215"/>
      <c r="AG840" s="215"/>
      <c r="AH840" s="215"/>
      <c r="AI840" s="216"/>
      <c r="AJ840" s="167">
        <f>SUM(AJ832:AJ839)</f>
        <v>216006</v>
      </c>
      <c r="AK840" s="215"/>
      <c r="AL840" s="215"/>
      <c r="AM840" s="215"/>
      <c r="AN840" s="215"/>
      <c r="AO840" s="215"/>
      <c r="AP840" s="215"/>
      <c r="AQ840" s="215"/>
      <c r="AR840" s="216"/>
      <c r="AS840" s="167"/>
      <c r="AT840" s="215"/>
      <c r="AU840" s="215"/>
      <c r="AV840" s="215"/>
      <c r="AW840" s="215"/>
      <c r="AX840" s="217"/>
      <c r="AY840" s="23"/>
      <c r="AZ840" s="23"/>
      <c r="BA840" s="23"/>
      <c r="BB840" s="23"/>
      <c r="BC840" s="23"/>
      <c r="BD840" s="23"/>
      <c r="BE840" s="23"/>
      <c r="BF840" s="23"/>
      <c r="BG840" s="23"/>
      <c r="BH840" s="23"/>
      <c r="BI840" s="23"/>
      <c r="BJ840" s="23"/>
      <c r="BK840" s="23"/>
      <c r="BL840" s="23"/>
      <c r="BM840" s="23"/>
      <c r="BN840" s="23"/>
      <c r="BO840" s="23"/>
      <c r="BP840" s="23"/>
      <c r="BQ840" s="23"/>
      <c r="BR840" s="23"/>
      <c r="BS840" s="23"/>
      <c r="BT840" s="23"/>
      <c r="BU840" s="23"/>
      <c r="BV840" s="23"/>
      <c r="BW840" s="23"/>
      <c r="BX840" s="23"/>
      <c r="BY840" s="23"/>
      <c r="BZ840" s="23"/>
      <c r="CA840" s="23"/>
      <c r="CB840" s="23"/>
      <c r="CC840" s="23"/>
      <c r="CD840" s="23"/>
      <c r="CE840" s="23"/>
      <c r="CF840" s="23"/>
      <c r="CG840" s="23"/>
      <c r="CH840" s="23"/>
      <c r="CI840" s="23"/>
      <c r="CJ840" s="23"/>
      <c r="CK840" s="23"/>
      <c r="CL840" s="23"/>
      <c r="CM840" s="23"/>
      <c r="CN840" s="23"/>
      <c r="CO840" s="23"/>
      <c r="CP840" s="23"/>
      <c r="CQ840" s="23"/>
      <c r="CR840" s="23"/>
      <c r="CS840" s="23"/>
      <c r="CT840" s="23"/>
      <c r="CU840" s="23"/>
      <c r="CV840" s="23"/>
      <c r="CW840" s="23"/>
      <c r="CX840" s="23"/>
      <c r="CY840" s="23"/>
      <c r="CZ840" s="23"/>
      <c r="DA840" s="23"/>
      <c r="DB840" s="23"/>
      <c r="DC840" s="23"/>
      <c r="DD840" s="23"/>
      <c r="DE840" s="23"/>
      <c r="DF840" s="23"/>
      <c r="DG840" s="23"/>
      <c r="DH840" s="23"/>
      <c r="DI840" s="23"/>
      <c r="DJ840" s="23"/>
      <c r="DK840" s="23"/>
      <c r="DL840" s="23"/>
      <c r="DM840" s="23"/>
      <c r="DN840" s="23"/>
      <c r="DO840" s="23"/>
      <c r="DP840" s="23"/>
      <c r="DQ840" s="23"/>
      <c r="DR840" s="23"/>
      <c r="DS840" s="23"/>
      <c r="DT840" s="23"/>
      <c r="DU840" s="23"/>
      <c r="DV840" s="23"/>
      <c r="DW840" s="23"/>
      <c r="DX840" s="23"/>
      <c r="DY840" s="23"/>
      <c r="DZ840" s="23"/>
      <c r="EA840" s="23"/>
      <c r="EB840" s="23"/>
      <c r="EC840" s="23"/>
      <c r="ED840" s="23"/>
      <c r="EE840" s="23"/>
      <c r="EF840" s="23"/>
      <c r="EG840" s="23"/>
      <c r="EH840" s="23"/>
      <c r="EI840" s="23"/>
      <c r="EJ840" s="23"/>
      <c r="EK840" s="23"/>
      <c r="EL840" s="23"/>
      <c r="EM840" s="23"/>
      <c r="EN840" s="23"/>
      <c r="EO840" s="23"/>
      <c r="EP840" s="23"/>
      <c r="EQ840" s="23"/>
      <c r="ER840" s="23"/>
      <c r="ES840" s="23"/>
      <c r="ET840" s="23"/>
      <c r="EU840" s="23"/>
      <c r="EV840" s="23"/>
      <c r="EW840" s="23"/>
      <c r="EX840" s="23"/>
      <c r="EY840" s="23"/>
      <c r="EZ840" s="23"/>
      <c r="FA840" s="23"/>
      <c r="FB840" s="23"/>
      <c r="FC840" s="23"/>
      <c r="FD840" s="23"/>
      <c r="FE840" s="23"/>
      <c r="FF840" s="23"/>
      <c r="FG840" s="23"/>
      <c r="FH840" s="23"/>
      <c r="FI840" s="23"/>
      <c r="FJ840" s="23"/>
      <c r="FK840" s="23"/>
      <c r="FL840" s="23"/>
      <c r="FM840" s="23"/>
      <c r="FN840" s="23"/>
      <c r="FO840" s="23"/>
      <c r="FP840" s="23"/>
      <c r="FQ840" s="23"/>
      <c r="FR840" s="23"/>
      <c r="FS840" s="23"/>
      <c r="FT840" s="23"/>
      <c r="FU840" s="23"/>
      <c r="FV840" s="23"/>
      <c r="FW840" s="23"/>
      <c r="FX840" s="23"/>
      <c r="FY840" s="23"/>
      <c r="FZ840" s="23"/>
      <c r="GA840" s="23"/>
      <c r="GB840" s="23"/>
      <c r="GC840" s="23"/>
      <c r="GD840" s="23"/>
      <c r="GE840" s="23"/>
      <c r="GF840" s="23"/>
      <c r="GG840" s="23"/>
      <c r="GH840" s="23"/>
      <c r="GI840" s="23"/>
      <c r="GJ840" s="23"/>
      <c r="GK840" s="23"/>
      <c r="GL840" s="23"/>
      <c r="GM840" s="23"/>
      <c r="GN840" s="23"/>
      <c r="GO840" s="23"/>
      <c r="GP840" s="23"/>
      <c r="GQ840" s="23"/>
      <c r="GR840" s="23"/>
      <c r="GS840" s="23"/>
      <c r="GT840" s="23"/>
      <c r="GU840" s="23"/>
      <c r="GV840" s="23"/>
      <c r="GW840" s="23"/>
      <c r="GX840" s="23"/>
      <c r="GY840" s="23"/>
      <c r="GZ840" s="23"/>
      <c r="HA840" s="23"/>
      <c r="HB840" s="23"/>
      <c r="HC840" s="23"/>
      <c r="HD840" s="23"/>
      <c r="HE840" s="23"/>
      <c r="HF840" s="23"/>
      <c r="HG840" s="23"/>
      <c r="HH840" s="23"/>
      <c r="HI840" s="23"/>
      <c r="HJ840" s="23"/>
      <c r="HK840" s="23"/>
      <c r="HL840" s="23"/>
      <c r="HM840" s="23"/>
      <c r="HN840" s="23"/>
      <c r="HO840" s="23"/>
      <c r="HP840" s="23"/>
      <c r="HQ840" s="23"/>
      <c r="HR840" s="23"/>
      <c r="HS840" s="23"/>
      <c r="HT840" s="23"/>
      <c r="HU840" s="23"/>
      <c r="HV840" s="23"/>
      <c r="HW840" s="23"/>
      <c r="HX840" s="23"/>
      <c r="HY840" s="23"/>
      <c r="HZ840" s="23"/>
      <c r="IA840" s="23"/>
      <c r="IB840" s="23"/>
      <c r="IC840" s="23"/>
      <c r="ID840" s="23"/>
      <c r="IE840" s="23"/>
      <c r="IF840" s="23"/>
      <c r="IG840" s="23"/>
      <c r="IH840" s="23"/>
      <c r="II840" s="23"/>
      <c r="IJ840" s="23"/>
      <c r="IK840" s="23"/>
      <c r="IL840" s="23"/>
      <c r="IM840" s="23"/>
      <c r="IN840" s="23"/>
      <c r="IO840" s="23"/>
      <c r="IP840" s="23"/>
      <c r="IQ840" s="23"/>
    </row>
    <row r="842" spans="1:251" s="23" customFormat="1" ht="19.2">
      <c r="A842" s="22" t="s">
        <v>86</v>
      </c>
      <c r="AW842" s="24"/>
      <c r="AX842" s="25"/>
      <c r="AY842" s="24"/>
    </row>
    <row r="843" spans="1:251" s="23" customFormat="1" ht="13.2"/>
    <row r="844" spans="1:251" s="23" customFormat="1">
      <c r="A844" s="26"/>
      <c r="B844" s="115" t="s">
        <v>87</v>
      </c>
      <c r="C844" s="153"/>
      <c r="D844" s="153"/>
      <c r="E844" s="153"/>
      <c r="F844" s="153"/>
      <c r="G844" s="153"/>
      <c r="H844" s="153"/>
      <c r="I844" s="153"/>
      <c r="J844" s="153"/>
      <c r="K844" s="153"/>
      <c r="L844" s="153"/>
      <c r="M844" s="153"/>
      <c r="N844" s="153"/>
      <c r="O844" s="153"/>
      <c r="P844" s="153"/>
      <c r="Q844" s="153"/>
      <c r="R844" s="153"/>
      <c r="S844" s="153"/>
      <c r="T844" s="153"/>
      <c r="U844" s="153"/>
      <c r="V844" s="153"/>
      <c r="W844" s="153"/>
      <c r="X844" s="153"/>
      <c r="Y844" s="153"/>
      <c r="Z844" s="153"/>
      <c r="AA844" s="153"/>
      <c r="AB844" s="153"/>
      <c r="AC844" s="153"/>
      <c r="AD844" s="153"/>
      <c r="AE844" s="153"/>
      <c r="AF844" s="153"/>
      <c r="AG844" s="153"/>
      <c r="AH844" s="153"/>
      <c r="AI844" s="153"/>
      <c r="AJ844" s="153"/>
      <c r="AK844" s="153"/>
      <c r="AL844" s="153"/>
      <c r="AM844" s="153"/>
      <c r="AN844" s="153"/>
      <c r="AO844" s="153"/>
      <c r="AP844" s="153"/>
      <c r="AQ844" s="153"/>
      <c r="AR844" s="153"/>
      <c r="AS844" s="153"/>
      <c r="AT844" s="153"/>
      <c r="AU844" s="153"/>
      <c r="AV844" s="153"/>
      <c r="AW844" s="153"/>
      <c r="AX844" s="153"/>
      <c r="AY844" s="26"/>
    </row>
    <row r="845" spans="1:251" s="23" customFormat="1" ht="13.2">
      <c r="Z845" s="27"/>
      <c r="AD845" s="27"/>
      <c r="AE845" s="27"/>
      <c r="AF845" s="27"/>
      <c r="AG845" s="27"/>
      <c r="AH845" s="27"/>
      <c r="AI845" s="27"/>
      <c r="AO845" s="27"/>
    </row>
    <row r="846" spans="1:251" s="23" customFormat="1" ht="13.8" thickBot="1">
      <c r="Z846" s="27"/>
      <c r="AD846" s="27"/>
      <c r="AE846" s="27"/>
      <c r="AF846" s="27"/>
      <c r="AG846" s="27"/>
      <c r="AH846" s="27"/>
      <c r="AI846" s="27"/>
      <c r="AO846" s="27"/>
      <c r="DI846" s="28"/>
    </row>
    <row r="847" spans="1:251" s="23" customFormat="1" ht="24.6" customHeight="1" thickBot="1">
      <c r="A847" s="116" t="s">
        <v>88</v>
      </c>
      <c r="B847" s="117"/>
      <c r="C847" s="117"/>
      <c r="D847" s="117"/>
      <c r="E847" s="117"/>
      <c r="F847" s="117"/>
      <c r="G847" s="117"/>
      <c r="H847" s="117"/>
      <c r="I847" s="117"/>
      <c r="J847" s="117"/>
      <c r="K847" s="118"/>
      <c r="L847" s="154">
        <v>25</v>
      </c>
      <c r="M847" s="154"/>
      <c r="N847" s="154"/>
      <c r="O847" s="155"/>
      <c r="P847" s="122" t="s">
        <v>89</v>
      </c>
      <c r="Q847" s="120"/>
      <c r="R847" s="120"/>
      <c r="S847" s="120"/>
      <c r="T847" s="120"/>
      <c r="U847" s="123"/>
      <c r="V847" s="156" t="s">
        <v>173</v>
      </c>
      <c r="W847" s="156"/>
      <c r="X847" s="156"/>
      <c r="Y847" s="156"/>
      <c r="Z847" s="156"/>
      <c r="AA847" s="156"/>
      <c r="AB847" s="156"/>
      <c r="AC847" s="156"/>
      <c r="AD847" s="156"/>
      <c r="AE847" s="156"/>
      <c r="AF847" s="156"/>
      <c r="AG847" s="156"/>
      <c r="AH847" s="156"/>
      <c r="AI847" s="156"/>
      <c r="AJ847" s="156"/>
      <c r="AK847" s="156"/>
      <c r="AL847" s="156"/>
      <c r="AM847" s="156"/>
      <c r="AN847" s="156"/>
      <c r="AO847" s="156"/>
      <c r="AP847" s="156"/>
      <c r="AQ847" s="156"/>
      <c r="AR847" s="156"/>
      <c r="AS847" s="156"/>
      <c r="AT847" s="156"/>
      <c r="AU847" s="156"/>
      <c r="AV847" s="156"/>
      <c r="AW847" s="156"/>
      <c r="AX847" s="157"/>
      <c r="DI847" s="28"/>
    </row>
    <row r="848" spans="1:251" s="23" customFormat="1" ht="14.4">
      <c r="A848" s="29"/>
      <c r="B848" s="29"/>
      <c r="C848" s="29"/>
      <c r="D848" s="29"/>
      <c r="E848" s="29"/>
      <c r="F848" s="29"/>
      <c r="G848" s="29"/>
      <c r="H848" s="29"/>
      <c r="I848" s="29"/>
      <c r="J848" s="29"/>
      <c r="K848" s="29"/>
      <c r="L848" s="30"/>
      <c r="M848" s="30"/>
      <c r="N848" s="30"/>
      <c r="O848" s="30"/>
      <c r="P848" s="29"/>
      <c r="Q848" s="29"/>
      <c r="R848" s="29"/>
      <c r="S848" s="29"/>
      <c r="T848" s="29"/>
      <c r="U848" s="29"/>
      <c r="V848" s="31"/>
      <c r="W848" s="31"/>
      <c r="X848" s="31"/>
      <c r="Y848" s="31"/>
      <c r="Z848" s="31"/>
      <c r="AA848" s="31"/>
      <c r="AB848" s="31"/>
      <c r="AC848" s="31"/>
      <c r="AD848" s="31"/>
      <c r="AE848" s="31"/>
      <c r="AF848" s="31"/>
      <c r="AG848" s="31"/>
      <c r="AH848" s="31"/>
      <c r="AI848" s="31"/>
      <c r="AJ848" s="31"/>
      <c r="AK848" s="31"/>
      <c r="AL848" s="31"/>
      <c r="AM848" s="31"/>
      <c r="AN848" s="31"/>
      <c r="AO848" s="31"/>
      <c r="AP848" s="31"/>
      <c r="AQ848" s="31"/>
      <c r="AR848" s="31"/>
      <c r="AS848" s="31"/>
      <c r="AT848" s="31"/>
      <c r="AU848" s="31"/>
      <c r="AV848" s="31"/>
      <c r="AW848" s="31"/>
      <c r="AX848" s="31"/>
      <c r="DI848" s="28"/>
    </row>
    <row r="849" spans="1:113" s="23" customFormat="1" ht="15" thickBot="1">
      <c r="A849" s="32"/>
      <c r="B849" s="33" t="s">
        <v>91</v>
      </c>
      <c r="C849" s="34"/>
      <c r="D849" s="34"/>
      <c r="E849" s="34"/>
      <c r="F849" s="34"/>
      <c r="G849" s="34"/>
      <c r="H849" s="34"/>
      <c r="I849" s="34"/>
      <c r="J849" s="34"/>
      <c r="K849" s="34"/>
      <c r="L849" s="35"/>
      <c r="M849" s="35"/>
      <c r="N849" s="35"/>
      <c r="O849" s="35"/>
      <c r="P849" s="34"/>
      <c r="Q849" s="34"/>
      <c r="R849" s="34"/>
      <c r="S849" s="34"/>
      <c r="T849" s="34"/>
      <c r="U849" s="34"/>
      <c r="V849" s="33"/>
      <c r="W849" s="33"/>
      <c r="X849" s="33"/>
      <c r="Y849" s="33"/>
      <c r="Z849" s="33"/>
      <c r="AA849" s="33"/>
      <c r="AB849" s="33"/>
      <c r="AC849" s="33"/>
      <c r="AD849" s="33"/>
      <c r="AE849" s="33"/>
      <c r="AF849" s="33"/>
      <c r="AG849" s="33"/>
      <c r="AH849" s="33"/>
      <c r="AI849" s="33"/>
      <c r="AJ849" s="33"/>
      <c r="AK849" s="33"/>
      <c r="AL849" s="33"/>
      <c r="AM849" s="33"/>
      <c r="AN849" s="33"/>
      <c r="AO849" s="33"/>
      <c r="AP849" s="33"/>
      <c r="AQ849" s="33"/>
      <c r="AR849" s="33"/>
      <c r="AS849" s="33"/>
      <c r="AT849" s="33"/>
      <c r="AU849" s="33"/>
      <c r="AV849" s="33"/>
      <c r="AW849" s="33"/>
      <c r="AX849" s="33"/>
      <c r="DI849" s="28"/>
    </row>
    <row r="850" spans="1:113" s="23" customFormat="1" ht="14.4">
      <c r="A850" s="34"/>
      <c r="B850" s="36"/>
      <c r="C850" s="29"/>
      <c r="D850" s="29"/>
      <c r="E850" s="29"/>
      <c r="F850" s="29"/>
      <c r="G850" s="29"/>
      <c r="H850" s="29"/>
      <c r="I850" s="29"/>
      <c r="J850" s="29"/>
      <c r="K850" s="29"/>
      <c r="L850" s="30"/>
      <c r="M850" s="30"/>
      <c r="N850" s="30"/>
      <c r="O850" s="30"/>
      <c r="P850" s="29"/>
      <c r="Q850" s="29"/>
      <c r="R850" s="29"/>
      <c r="S850" s="29"/>
      <c r="T850" s="29"/>
      <c r="U850" s="29"/>
      <c r="V850" s="31"/>
      <c r="W850" s="31"/>
      <c r="X850" s="31"/>
      <c r="Y850" s="31"/>
      <c r="Z850" s="31"/>
      <c r="AA850" s="31"/>
      <c r="AB850" s="31"/>
      <c r="AC850" s="31"/>
      <c r="AD850" s="31"/>
      <c r="AE850" s="31"/>
      <c r="AF850" s="31"/>
      <c r="AG850" s="31"/>
      <c r="AH850" s="31"/>
      <c r="AI850" s="31"/>
      <c r="AJ850" s="31"/>
      <c r="AK850" s="31"/>
      <c r="AL850" s="31"/>
      <c r="AM850" s="31"/>
      <c r="AN850" s="31"/>
      <c r="AO850" s="31"/>
      <c r="AP850" s="31"/>
      <c r="AQ850" s="31"/>
      <c r="AR850" s="31"/>
      <c r="AS850" s="31"/>
      <c r="AT850" s="31"/>
      <c r="AU850" s="31"/>
      <c r="AV850" s="31"/>
      <c r="AW850" s="31"/>
      <c r="AX850" s="37"/>
    </row>
    <row r="851" spans="1:113" s="23" customFormat="1" ht="10.8" customHeight="1">
      <c r="A851" s="34"/>
      <c r="B851" s="127" t="s">
        <v>174</v>
      </c>
      <c r="C851" s="128"/>
      <c r="D851" s="128"/>
      <c r="E851" s="128"/>
      <c r="F851" s="128"/>
      <c r="G851" s="128"/>
      <c r="H851" s="128"/>
      <c r="I851" s="128"/>
      <c r="J851" s="128"/>
      <c r="K851" s="128"/>
      <c r="L851" s="128"/>
      <c r="M851" s="128"/>
      <c r="N851" s="128"/>
      <c r="O851" s="128"/>
      <c r="P851" s="128"/>
      <c r="Q851" s="128"/>
      <c r="R851" s="128"/>
      <c r="S851" s="128"/>
      <c r="T851" s="128"/>
      <c r="U851" s="128"/>
      <c r="V851" s="128"/>
      <c r="W851" s="128"/>
      <c r="X851" s="128"/>
      <c r="Y851" s="128"/>
      <c r="Z851" s="128"/>
      <c r="AA851" s="128"/>
      <c r="AB851" s="128"/>
      <c r="AC851" s="128"/>
      <c r="AD851" s="128"/>
      <c r="AE851" s="128"/>
      <c r="AF851" s="128"/>
      <c r="AG851" s="128"/>
      <c r="AH851" s="128"/>
      <c r="AI851" s="128"/>
      <c r="AJ851" s="128"/>
      <c r="AK851" s="128"/>
      <c r="AL851" s="128"/>
      <c r="AM851" s="128"/>
      <c r="AN851" s="128"/>
      <c r="AO851" s="128"/>
      <c r="AP851" s="128"/>
      <c r="AQ851" s="128"/>
      <c r="AR851" s="128"/>
      <c r="AS851" s="128"/>
      <c r="AT851" s="128"/>
      <c r="AU851" s="128"/>
      <c r="AV851" s="128"/>
      <c r="AW851" s="128"/>
      <c r="AX851" s="129"/>
    </row>
    <row r="852" spans="1:113" s="23" customFormat="1" ht="10.8" customHeight="1">
      <c r="A852" s="34"/>
      <c r="B852" s="127"/>
      <c r="C852" s="128"/>
      <c r="D852" s="128"/>
      <c r="E852" s="128"/>
      <c r="F852" s="128"/>
      <c r="G852" s="128"/>
      <c r="H852" s="128"/>
      <c r="I852" s="128"/>
      <c r="J852" s="128"/>
      <c r="K852" s="128"/>
      <c r="L852" s="128"/>
      <c r="M852" s="128"/>
      <c r="N852" s="128"/>
      <c r="O852" s="128"/>
      <c r="P852" s="128"/>
      <c r="Q852" s="128"/>
      <c r="R852" s="128"/>
      <c r="S852" s="128"/>
      <c r="T852" s="128"/>
      <c r="U852" s="128"/>
      <c r="V852" s="128"/>
      <c r="W852" s="128"/>
      <c r="X852" s="128"/>
      <c r="Y852" s="128"/>
      <c r="Z852" s="128"/>
      <c r="AA852" s="128"/>
      <c r="AB852" s="128"/>
      <c r="AC852" s="128"/>
      <c r="AD852" s="128"/>
      <c r="AE852" s="128"/>
      <c r="AF852" s="128"/>
      <c r="AG852" s="128"/>
      <c r="AH852" s="128"/>
      <c r="AI852" s="128"/>
      <c r="AJ852" s="128"/>
      <c r="AK852" s="128"/>
      <c r="AL852" s="128"/>
      <c r="AM852" s="128"/>
      <c r="AN852" s="128"/>
      <c r="AO852" s="128"/>
      <c r="AP852" s="128"/>
      <c r="AQ852" s="128"/>
      <c r="AR852" s="128"/>
      <c r="AS852" s="128"/>
      <c r="AT852" s="128"/>
      <c r="AU852" s="128"/>
      <c r="AV852" s="128"/>
      <c r="AW852" s="128"/>
      <c r="AX852" s="129"/>
      <c r="BC852" s="17"/>
    </row>
    <row r="853" spans="1:113" s="23" customFormat="1" ht="10.8" customHeight="1">
      <c r="A853" s="34"/>
      <c r="B853" s="127"/>
      <c r="C853" s="128"/>
      <c r="D853" s="128"/>
      <c r="E853" s="128"/>
      <c r="F853" s="128"/>
      <c r="G853" s="128"/>
      <c r="H853" s="128"/>
      <c r="I853" s="128"/>
      <c r="J853" s="128"/>
      <c r="K853" s="128"/>
      <c r="L853" s="128"/>
      <c r="M853" s="128"/>
      <c r="N853" s="128"/>
      <c r="O853" s="128"/>
      <c r="P853" s="128"/>
      <c r="Q853" s="128"/>
      <c r="R853" s="128"/>
      <c r="S853" s="128"/>
      <c r="T853" s="128"/>
      <c r="U853" s="128"/>
      <c r="V853" s="128"/>
      <c r="W853" s="128"/>
      <c r="X853" s="128"/>
      <c r="Y853" s="128"/>
      <c r="Z853" s="128"/>
      <c r="AA853" s="128"/>
      <c r="AB853" s="128"/>
      <c r="AC853" s="128"/>
      <c r="AD853" s="128"/>
      <c r="AE853" s="128"/>
      <c r="AF853" s="128"/>
      <c r="AG853" s="128"/>
      <c r="AH853" s="128"/>
      <c r="AI853" s="128"/>
      <c r="AJ853" s="128"/>
      <c r="AK853" s="128"/>
      <c r="AL853" s="128"/>
      <c r="AM853" s="128"/>
      <c r="AN853" s="128"/>
      <c r="AO853" s="128"/>
      <c r="AP853" s="128"/>
      <c r="AQ853" s="128"/>
      <c r="AR853" s="128"/>
      <c r="AS853" s="128"/>
      <c r="AT853" s="128"/>
      <c r="AU853" s="128"/>
      <c r="AV853" s="128"/>
      <c r="AW853" s="128"/>
      <c r="AX853" s="129"/>
    </row>
    <row r="854" spans="1:113" s="23" customFormat="1" ht="10.8" customHeight="1">
      <c r="A854" s="34"/>
      <c r="B854" s="127"/>
      <c r="C854" s="128"/>
      <c r="D854" s="128"/>
      <c r="E854" s="128"/>
      <c r="F854" s="128"/>
      <c r="G854" s="128"/>
      <c r="H854" s="128"/>
      <c r="I854" s="128"/>
      <c r="J854" s="128"/>
      <c r="K854" s="128"/>
      <c r="L854" s="128"/>
      <c r="M854" s="128"/>
      <c r="N854" s="128"/>
      <c r="O854" s="128"/>
      <c r="P854" s="128"/>
      <c r="Q854" s="128"/>
      <c r="R854" s="128"/>
      <c r="S854" s="128"/>
      <c r="T854" s="128"/>
      <c r="U854" s="128"/>
      <c r="V854" s="128"/>
      <c r="W854" s="128"/>
      <c r="X854" s="128"/>
      <c r="Y854" s="128"/>
      <c r="Z854" s="128"/>
      <c r="AA854" s="128"/>
      <c r="AB854" s="128"/>
      <c r="AC854" s="128"/>
      <c r="AD854" s="128"/>
      <c r="AE854" s="128"/>
      <c r="AF854" s="128"/>
      <c r="AG854" s="128"/>
      <c r="AH854" s="128"/>
      <c r="AI854" s="128"/>
      <c r="AJ854" s="128"/>
      <c r="AK854" s="128"/>
      <c r="AL854" s="128"/>
      <c r="AM854" s="128"/>
      <c r="AN854" s="128"/>
      <c r="AO854" s="128"/>
      <c r="AP854" s="128"/>
      <c r="AQ854" s="128"/>
      <c r="AR854" s="128"/>
      <c r="AS854" s="128"/>
      <c r="AT854" s="128"/>
      <c r="AU854" s="128"/>
      <c r="AV854" s="128"/>
      <c r="AW854" s="128"/>
      <c r="AX854" s="129"/>
    </row>
    <row r="855" spans="1:113" s="23" customFormat="1" ht="10.8" customHeight="1">
      <c r="A855" s="34"/>
      <c r="B855" s="127"/>
      <c r="C855" s="128"/>
      <c r="D855" s="128"/>
      <c r="E855" s="128"/>
      <c r="F855" s="128"/>
      <c r="G855" s="128"/>
      <c r="H855" s="128"/>
      <c r="I855" s="128"/>
      <c r="J855" s="128"/>
      <c r="K855" s="128"/>
      <c r="L855" s="128"/>
      <c r="M855" s="128"/>
      <c r="N855" s="128"/>
      <c r="O855" s="128"/>
      <c r="P855" s="128"/>
      <c r="Q855" s="128"/>
      <c r="R855" s="128"/>
      <c r="S855" s="128"/>
      <c r="T855" s="128"/>
      <c r="U855" s="128"/>
      <c r="V855" s="128"/>
      <c r="W855" s="128"/>
      <c r="X855" s="128"/>
      <c r="Y855" s="128"/>
      <c r="Z855" s="128"/>
      <c r="AA855" s="128"/>
      <c r="AB855" s="128"/>
      <c r="AC855" s="128"/>
      <c r="AD855" s="128"/>
      <c r="AE855" s="128"/>
      <c r="AF855" s="128"/>
      <c r="AG855" s="128"/>
      <c r="AH855" s="128"/>
      <c r="AI855" s="128"/>
      <c r="AJ855" s="128"/>
      <c r="AK855" s="128"/>
      <c r="AL855" s="128"/>
      <c r="AM855" s="128"/>
      <c r="AN855" s="128"/>
      <c r="AO855" s="128"/>
      <c r="AP855" s="128"/>
      <c r="AQ855" s="128"/>
      <c r="AR855" s="128"/>
      <c r="AS855" s="128"/>
      <c r="AT855" s="128"/>
      <c r="AU855" s="128"/>
      <c r="AV855" s="128"/>
      <c r="AW855" s="128"/>
      <c r="AX855" s="129"/>
    </row>
    <row r="856" spans="1:113" s="23" customFormat="1" ht="10.8" customHeight="1">
      <c r="A856" s="34"/>
      <c r="B856" s="127"/>
      <c r="C856" s="128"/>
      <c r="D856" s="128"/>
      <c r="E856" s="128"/>
      <c r="F856" s="128"/>
      <c r="G856" s="128"/>
      <c r="H856" s="128"/>
      <c r="I856" s="128"/>
      <c r="J856" s="128"/>
      <c r="K856" s="128"/>
      <c r="L856" s="128"/>
      <c r="M856" s="128"/>
      <c r="N856" s="128"/>
      <c r="O856" s="128"/>
      <c r="P856" s="128"/>
      <c r="Q856" s="128"/>
      <c r="R856" s="128"/>
      <c r="S856" s="128"/>
      <c r="T856" s="128"/>
      <c r="U856" s="128"/>
      <c r="V856" s="128"/>
      <c r="W856" s="128"/>
      <c r="X856" s="128"/>
      <c r="Y856" s="128"/>
      <c r="Z856" s="128"/>
      <c r="AA856" s="128"/>
      <c r="AB856" s="128"/>
      <c r="AC856" s="128"/>
      <c r="AD856" s="128"/>
      <c r="AE856" s="128"/>
      <c r="AF856" s="128"/>
      <c r="AG856" s="128"/>
      <c r="AH856" s="128"/>
      <c r="AI856" s="128"/>
      <c r="AJ856" s="128"/>
      <c r="AK856" s="128"/>
      <c r="AL856" s="128"/>
      <c r="AM856" s="128"/>
      <c r="AN856" s="128"/>
      <c r="AO856" s="128"/>
      <c r="AP856" s="128"/>
      <c r="AQ856" s="128"/>
      <c r="AR856" s="128"/>
      <c r="AS856" s="128"/>
      <c r="AT856" s="128"/>
      <c r="AU856" s="128"/>
      <c r="AV856" s="128"/>
      <c r="AW856" s="128"/>
      <c r="AX856" s="129"/>
    </row>
    <row r="857" spans="1:113" s="23" customFormat="1" ht="10.8" customHeight="1">
      <c r="A857" s="34"/>
      <c r="B857" s="127"/>
      <c r="C857" s="128"/>
      <c r="D857" s="128"/>
      <c r="E857" s="128"/>
      <c r="F857" s="128"/>
      <c r="G857" s="128"/>
      <c r="H857" s="128"/>
      <c r="I857" s="128"/>
      <c r="J857" s="128"/>
      <c r="K857" s="128"/>
      <c r="L857" s="128"/>
      <c r="M857" s="128"/>
      <c r="N857" s="128"/>
      <c r="O857" s="128"/>
      <c r="P857" s="128"/>
      <c r="Q857" s="128"/>
      <c r="R857" s="128"/>
      <c r="S857" s="128"/>
      <c r="T857" s="128"/>
      <c r="U857" s="128"/>
      <c r="V857" s="128"/>
      <c r="W857" s="128"/>
      <c r="X857" s="128"/>
      <c r="Y857" s="128"/>
      <c r="Z857" s="128"/>
      <c r="AA857" s="128"/>
      <c r="AB857" s="128"/>
      <c r="AC857" s="128"/>
      <c r="AD857" s="128"/>
      <c r="AE857" s="128"/>
      <c r="AF857" s="128"/>
      <c r="AG857" s="128"/>
      <c r="AH857" s="128"/>
      <c r="AI857" s="128"/>
      <c r="AJ857" s="128"/>
      <c r="AK857" s="128"/>
      <c r="AL857" s="128"/>
      <c r="AM857" s="128"/>
      <c r="AN857" s="128"/>
      <c r="AO857" s="128"/>
      <c r="AP857" s="128"/>
      <c r="AQ857" s="128"/>
      <c r="AR857" s="128"/>
      <c r="AS857" s="128"/>
      <c r="AT857" s="128"/>
      <c r="AU857" s="128"/>
      <c r="AV857" s="128"/>
      <c r="AW857" s="128"/>
      <c r="AX857" s="129"/>
    </row>
    <row r="858" spans="1:113" s="23" customFormat="1" ht="10.8" customHeight="1">
      <c r="A858" s="34"/>
      <c r="B858" s="127"/>
      <c r="C858" s="128"/>
      <c r="D858" s="128"/>
      <c r="E858" s="128"/>
      <c r="F858" s="128"/>
      <c r="G858" s="128"/>
      <c r="H858" s="128"/>
      <c r="I858" s="128"/>
      <c r="J858" s="128"/>
      <c r="K858" s="128"/>
      <c r="L858" s="128"/>
      <c r="M858" s="128"/>
      <c r="N858" s="128"/>
      <c r="O858" s="128"/>
      <c r="P858" s="128"/>
      <c r="Q858" s="128"/>
      <c r="R858" s="128"/>
      <c r="S858" s="128"/>
      <c r="T858" s="128"/>
      <c r="U858" s="128"/>
      <c r="V858" s="128"/>
      <c r="W858" s="128"/>
      <c r="X858" s="128"/>
      <c r="Y858" s="128"/>
      <c r="Z858" s="128"/>
      <c r="AA858" s="128"/>
      <c r="AB858" s="128"/>
      <c r="AC858" s="128"/>
      <c r="AD858" s="128"/>
      <c r="AE858" s="128"/>
      <c r="AF858" s="128"/>
      <c r="AG858" s="128"/>
      <c r="AH858" s="128"/>
      <c r="AI858" s="128"/>
      <c r="AJ858" s="128"/>
      <c r="AK858" s="128"/>
      <c r="AL858" s="128"/>
      <c r="AM858" s="128"/>
      <c r="AN858" s="128"/>
      <c r="AO858" s="128"/>
      <c r="AP858" s="128"/>
      <c r="AQ858" s="128"/>
      <c r="AR858" s="128"/>
      <c r="AS858" s="128"/>
      <c r="AT858" s="128"/>
      <c r="AU858" s="128"/>
      <c r="AV858" s="128"/>
      <c r="AW858" s="128"/>
      <c r="AX858" s="129"/>
    </row>
    <row r="859" spans="1:113" s="23" customFormat="1" ht="10.8" customHeight="1">
      <c r="A859" s="34"/>
      <c r="B859" s="127"/>
      <c r="C859" s="128"/>
      <c r="D859" s="128"/>
      <c r="E859" s="128"/>
      <c r="F859" s="128"/>
      <c r="G859" s="128"/>
      <c r="H859" s="128"/>
      <c r="I859" s="128"/>
      <c r="J859" s="128"/>
      <c r="K859" s="128"/>
      <c r="L859" s="128"/>
      <c r="M859" s="128"/>
      <c r="N859" s="128"/>
      <c r="O859" s="128"/>
      <c r="P859" s="128"/>
      <c r="Q859" s="128"/>
      <c r="R859" s="128"/>
      <c r="S859" s="128"/>
      <c r="T859" s="128"/>
      <c r="U859" s="128"/>
      <c r="V859" s="128"/>
      <c r="W859" s="128"/>
      <c r="X859" s="128"/>
      <c r="Y859" s="128"/>
      <c r="Z859" s="128"/>
      <c r="AA859" s="128"/>
      <c r="AB859" s="128"/>
      <c r="AC859" s="128"/>
      <c r="AD859" s="128"/>
      <c r="AE859" s="128"/>
      <c r="AF859" s="128"/>
      <c r="AG859" s="128"/>
      <c r="AH859" s="128"/>
      <c r="AI859" s="128"/>
      <c r="AJ859" s="128"/>
      <c r="AK859" s="128"/>
      <c r="AL859" s="128"/>
      <c r="AM859" s="128"/>
      <c r="AN859" s="128"/>
      <c r="AO859" s="128"/>
      <c r="AP859" s="128"/>
      <c r="AQ859" s="128"/>
      <c r="AR859" s="128"/>
      <c r="AS859" s="128"/>
      <c r="AT859" s="128"/>
      <c r="AU859" s="128"/>
      <c r="AV859" s="128"/>
      <c r="AW859" s="128"/>
      <c r="AX859" s="129"/>
    </row>
    <row r="860" spans="1:113" s="23" customFormat="1" ht="10.8" customHeight="1">
      <c r="A860" s="34"/>
      <c r="B860" s="127"/>
      <c r="C860" s="128"/>
      <c r="D860" s="128"/>
      <c r="E860" s="128"/>
      <c r="F860" s="128"/>
      <c r="G860" s="128"/>
      <c r="H860" s="128"/>
      <c r="I860" s="128"/>
      <c r="J860" s="128"/>
      <c r="K860" s="128"/>
      <c r="L860" s="128"/>
      <c r="M860" s="128"/>
      <c r="N860" s="128"/>
      <c r="O860" s="128"/>
      <c r="P860" s="128"/>
      <c r="Q860" s="128"/>
      <c r="R860" s="128"/>
      <c r="S860" s="128"/>
      <c r="T860" s="128"/>
      <c r="U860" s="128"/>
      <c r="V860" s="128"/>
      <c r="W860" s="128"/>
      <c r="X860" s="128"/>
      <c r="Y860" s="128"/>
      <c r="Z860" s="128"/>
      <c r="AA860" s="128"/>
      <c r="AB860" s="128"/>
      <c r="AC860" s="128"/>
      <c r="AD860" s="128"/>
      <c r="AE860" s="128"/>
      <c r="AF860" s="128"/>
      <c r="AG860" s="128"/>
      <c r="AH860" s="128"/>
      <c r="AI860" s="128"/>
      <c r="AJ860" s="128"/>
      <c r="AK860" s="128"/>
      <c r="AL860" s="128"/>
      <c r="AM860" s="128"/>
      <c r="AN860" s="128"/>
      <c r="AO860" s="128"/>
      <c r="AP860" s="128"/>
      <c r="AQ860" s="128"/>
      <c r="AR860" s="128"/>
      <c r="AS860" s="128"/>
      <c r="AT860" s="128"/>
      <c r="AU860" s="128"/>
      <c r="AV860" s="128"/>
      <c r="AW860" s="128"/>
      <c r="AX860" s="129"/>
    </row>
    <row r="861" spans="1:113" s="23" customFormat="1" ht="15" thickBot="1">
      <c r="A861" s="38"/>
      <c r="B861" s="39"/>
      <c r="C861" s="40"/>
      <c r="D861" s="40"/>
      <c r="E861" s="40"/>
      <c r="F861" s="40"/>
      <c r="G861" s="40"/>
      <c r="H861" s="40"/>
      <c r="I861" s="40"/>
      <c r="J861" s="40"/>
      <c r="K861" s="40"/>
      <c r="L861" s="40"/>
      <c r="M861" s="40"/>
      <c r="N861" s="40"/>
      <c r="O861" s="40"/>
      <c r="P861" s="40"/>
      <c r="Q861" s="40"/>
      <c r="R861" s="40"/>
      <c r="S861" s="40"/>
      <c r="T861" s="40"/>
      <c r="U861" s="40"/>
      <c r="V861" s="40"/>
      <c r="W861" s="40"/>
      <c r="X861" s="40"/>
      <c r="Y861" s="40"/>
      <c r="Z861" s="40"/>
      <c r="AA861" s="40"/>
      <c r="AB861" s="40"/>
      <c r="AC861" s="40"/>
      <c r="AD861" s="40"/>
      <c r="AE861" s="40"/>
      <c r="AF861" s="40"/>
      <c r="AG861" s="40"/>
      <c r="AH861" s="40"/>
      <c r="AI861" s="40"/>
      <c r="AJ861" s="40"/>
      <c r="AK861" s="40"/>
      <c r="AL861" s="40"/>
      <c r="AM861" s="40"/>
      <c r="AN861" s="40"/>
      <c r="AO861" s="40"/>
      <c r="AP861" s="40"/>
      <c r="AQ861" s="40"/>
      <c r="AR861" s="40"/>
      <c r="AS861" s="40"/>
      <c r="AT861" s="40"/>
      <c r="AU861" s="40"/>
      <c r="AV861" s="40"/>
      <c r="AW861" s="40"/>
      <c r="AX861" s="41"/>
    </row>
    <row r="862" spans="1:113" s="23" customFormat="1" ht="13.2">
      <c r="B862" s="42"/>
    </row>
    <row r="863" spans="1:113" s="23" customFormat="1" ht="14.4">
      <c r="B863" s="33" t="s">
        <v>93</v>
      </c>
      <c r="C863" s="34"/>
      <c r="D863" s="34"/>
      <c r="E863" s="34"/>
      <c r="F863" s="34"/>
      <c r="G863" s="34"/>
      <c r="H863" s="34"/>
      <c r="I863" s="34"/>
      <c r="J863" s="34"/>
      <c r="K863" s="34"/>
      <c r="L863" s="35"/>
      <c r="M863" s="35"/>
      <c r="N863" s="35"/>
      <c r="O863" s="35"/>
      <c r="P863" s="34"/>
      <c r="Q863" s="34"/>
      <c r="R863" s="34"/>
      <c r="S863" s="34"/>
      <c r="T863" s="34"/>
      <c r="U863" s="34"/>
      <c r="V863" s="33"/>
      <c r="W863" s="33"/>
      <c r="X863" s="33"/>
      <c r="Y863" s="33"/>
      <c r="Z863" s="33"/>
      <c r="AA863" s="33"/>
      <c r="AB863" s="33"/>
      <c r="AC863" s="33"/>
      <c r="AD863" s="33"/>
      <c r="AE863" s="33"/>
      <c r="AF863" s="33"/>
      <c r="AG863" s="33"/>
      <c r="AH863" s="33"/>
      <c r="AI863" s="33"/>
      <c r="AJ863" s="33"/>
      <c r="AK863" s="33"/>
      <c r="AL863" s="33"/>
      <c r="AM863" s="33"/>
      <c r="AN863" s="33"/>
      <c r="AO863" s="33"/>
      <c r="AP863" s="33"/>
      <c r="AQ863" s="33"/>
      <c r="AR863" s="33"/>
      <c r="AS863" s="33"/>
      <c r="AT863" s="33"/>
      <c r="AU863" s="33"/>
      <c r="AV863" s="33"/>
      <c r="AW863" s="33"/>
      <c r="AX863" s="33"/>
    </row>
    <row r="864" spans="1:113" s="23" customFormat="1" ht="15" thickBot="1">
      <c r="B864" s="33"/>
      <c r="C864" s="34"/>
      <c r="D864" s="34"/>
      <c r="E864" s="34"/>
      <c r="F864" s="34"/>
      <c r="G864" s="34"/>
      <c r="H864" s="34"/>
      <c r="I864" s="34"/>
      <c r="J864" s="34"/>
      <c r="K864" s="34"/>
      <c r="L864" s="35"/>
      <c r="M864" s="35"/>
      <c r="N864" s="35"/>
      <c r="O864" s="35"/>
      <c r="P864" s="34"/>
      <c r="Q864" s="34"/>
      <c r="R864" s="34"/>
      <c r="S864" s="34"/>
      <c r="T864" s="34"/>
      <c r="U864" s="34"/>
      <c r="V864" s="33"/>
      <c r="W864" s="33"/>
      <c r="X864" s="33"/>
      <c r="Y864" s="33"/>
      <c r="Z864" s="33"/>
      <c r="AA864" s="33"/>
      <c r="AB864" s="33"/>
      <c r="AC864" s="33"/>
      <c r="AD864" s="33"/>
      <c r="AE864" s="33"/>
      <c r="AF864" s="33"/>
      <c r="AG864" s="33"/>
      <c r="AH864" s="33"/>
      <c r="AI864" s="33"/>
      <c r="AJ864" s="33"/>
      <c r="AK864" s="33"/>
      <c r="AL864" s="33"/>
      <c r="AM864" s="33"/>
      <c r="AN864" s="33"/>
      <c r="AO864" s="33"/>
      <c r="AP864" s="33"/>
      <c r="AQ864" s="33"/>
      <c r="AR864" s="33"/>
      <c r="AS864" s="33"/>
      <c r="AT864" s="33"/>
      <c r="AU864" s="33"/>
      <c r="AV864" s="33"/>
      <c r="AW864" s="33"/>
      <c r="AX864" s="43" t="s">
        <v>94</v>
      </c>
    </row>
    <row r="865" spans="1:251" s="50" customFormat="1" ht="13.5" customHeight="1">
      <c r="A865" s="34"/>
      <c r="B865" s="139" t="s">
        <v>95</v>
      </c>
      <c r="C865" s="203"/>
      <c r="D865" s="203"/>
      <c r="E865" s="203"/>
      <c r="F865" s="203"/>
      <c r="G865" s="203"/>
      <c r="H865" s="203"/>
      <c r="I865" s="203"/>
      <c r="J865" s="203"/>
      <c r="K865" s="203"/>
      <c r="L865" s="203"/>
      <c r="M865" s="203"/>
      <c r="N865" s="203"/>
      <c r="O865" s="203"/>
      <c r="P865" s="203"/>
      <c r="Q865" s="203"/>
      <c r="R865" s="203"/>
      <c r="S865" s="203"/>
      <c r="T865" s="203"/>
      <c r="U865" s="203"/>
      <c r="V865" s="203"/>
      <c r="W865" s="203"/>
      <c r="X865" s="203"/>
      <c r="Y865" s="203"/>
      <c r="Z865" s="204"/>
      <c r="AA865" s="145" t="s">
        <v>116</v>
      </c>
      <c r="AB865" s="203"/>
      <c r="AC865" s="203"/>
      <c r="AD865" s="203"/>
      <c r="AE865" s="203"/>
      <c r="AF865" s="203"/>
      <c r="AG865" s="203"/>
      <c r="AH865" s="203"/>
      <c r="AI865" s="204"/>
      <c r="AJ865" s="145" t="s">
        <v>117</v>
      </c>
      <c r="AK865" s="203"/>
      <c r="AL865" s="203"/>
      <c r="AM865" s="203"/>
      <c r="AN865" s="203"/>
      <c r="AO865" s="203"/>
      <c r="AP865" s="203"/>
      <c r="AQ865" s="203"/>
      <c r="AR865" s="204"/>
      <c r="AS865" s="145" t="s">
        <v>98</v>
      </c>
      <c r="AT865" s="203"/>
      <c r="AU865" s="203"/>
      <c r="AV865" s="203"/>
      <c r="AW865" s="203"/>
      <c r="AX865" s="209"/>
      <c r="AY865" s="23"/>
      <c r="AZ865" s="23"/>
      <c r="BA865" s="23"/>
      <c r="BB865" s="23"/>
      <c r="BC865" s="23"/>
      <c r="BD865" s="23"/>
      <c r="BE865" s="23"/>
      <c r="BF865" s="23"/>
      <c r="BG865" s="23"/>
      <c r="BH865" s="23"/>
      <c r="BI865" s="23"/>
      <c r="BJ865" s="23"/>
      <c r="BK865" s="23"/>
      <c r="BL865" s="23"/>
      <c r="BM865" s="23"/>
      <c r="BN865" s="23"/>
      <c r="BO865" s="23"/>
      <c r="BP865" s="23"/>
      <c r="BQ865" s="23"/>
      <c r="BR865" s="23"/>
      <c r="BS865" s="23"/>
      <c r="BT865" s="23"/>
      <c r="BU865" s="23"/>
      <c r="BV865" s="23"/>
      <c r="BW865" s="23"/>
      <c r="BX865" s="23"/>
      <c r="BY865" s="23"/>
      <c r="BZ865" s="23"/>
      <c r="CA865" s="23"/>
      <c r="CB865" s="23"/>
      <c r="CC865" s="23"/>
      <c r="CD865" s="23"/>
      <c r="CE865" s="23"/>
      <c r="CF865" s="23"/>
      <c r="CG865" s="23"/>
      <c r="CH865" s="23"/>
      <c r="CI865" s="23"/>
      <c r="CJ865" s="23"/>
      <c r="CK865" s="23"/>
      <c r="CL865" s="23"/>
      <c r="CM865" s="23"/>
      <c r="CN865" s="23"/>
      <c r="CO865" s="23"/>
      <c r="CP865" s="23"/>
      <c r="CQ865" s="23"/>
      <c r="CR865" s="23"/>
      <c r="CS865" s="23"/>
      <c r="CT865" s="23"/>
      <c r="CU865" s="23"/>
      <c r="CV865" s="23"/>
      <c r="CW865" s="23"/>
      <c r="CX865" s="23"/>
      <c r="CY865" s="23"/>
      <c r="CZ865" s="23"/>
      <c r="DA865" s="23"/>
      <c r="DB865" s="23"/>
      <c r="DC865" s="23"/>
      <c r="DD865" s="23"/>
      <c r="DE865" s="23"/>
      <c r="DF865" s="23"/>
      <c r="DG865" s="23"/>
      <c r="DH865" s="23"/>
      <c r="DI865" s="23"/>
      <c r="DJ865" s="23"/>
      <c r="DK865" s="23"/>
      <c r="DL865" s="23"/>
      <c r="DM865" s="23"/>
      <c r="DN865" s="23"/>
      <c r="DO865" s="23"/>
      <c r="DP865" s="23"/>
      <c r="DQ865" s="23"/>
      <c r="DR865" s="23"/>
      <c r="DS865" s="23"/>
      <c r="DT865" s="23"/>
      <c r="DU865" s="23"/>
      <c r="DV865" s="23"/>
      <c r="DW865" s="23"/>
      <c r="DX865" s="23"/>
      <c r="DY865" s="23"/>
      <c r="DZ865" s="23"/>
      <c r="EA865" s="23"/>
      <c r="EB865" s="23"/>
      <c r="EC865" s="23"/>
      <c r="ED865" s="23"/>
      <c r="EE865" s="23"/>
      <c r="EF865" s="23"/>
      <c r="EG865" s="23"/>
      <c r="EH865" s="23"/>
      <c r="EI865" s="23"/>
      <c r="EJ865" s="23"/>
      <c r="EK865" s="23"/>
      <c r="EL865" s="23"/>
      <c r="EM865" s="23"/>
      <c r="EN865" s="23"/>
      <c r="EO865" s="23"/>
      <c r="EP865" s="23"/>
      <c r="EQ865" s="23"/>
      <c r="ER865" s="23"/>
      <c r="ES865" s="23"/>
      <c r="ET865" s="23"/>
      <c r="EU865" s="23"/>
      <c r="EV865" s="23"/>
      <c r="EW865" s="23"/>
      <c r="EX865" s="23"/>
      <c r="EY865" s="23"/>
      <c r="EZ865" s="23"/>
      <c r="FA865" s="23"/>
      <c r="FB865" s="23"/>
      <c r="FC865" s="23"/>
      <c r="FD865" s="23"/>
      <c r="FE865" s="23"/>
      <c r="FF865" s="23"/>
      <c r="FG865" s="23"/>
      <c r="FH865" s="23"/>
      <c r="FI865" s="23"/>
      <c r="FJ865" s="23"/>
      <c r="FK865" s="23"/>
      <c r="FL865" s="23"/>
      <c r="FM865" s="23"/>
      <c r="FN865" s="23"/>
      <c r="FO865" s="23"/>
      <c r="FP865" s="23"/>
      <c r="FQ865" s="23"/>
      <c r="FR865" s="23"/>
      <c r="FS865" s="23"/>
      <c r="FT865" s="23"/>
      <c r="FU865" s="23"/>
      <c r="FV865" s="23"/>
      <c r="FW865" s="23"/>
      <c r="FX865" s="23"/>
      <c r="FY865" s="23"/>
      <c r="FZ865" s="23"/>
      <c r="GA865" s="23"/>
      <c r="GB865" s="23"/>
      <c r="GC865" s="23"/>
      <c r="GD865" s="23"/>
      <c r="GE865" s="23"/>
      <c r="GF865" s="23"/>
      <c r="GG865" s="23"/>
      <c r="GH865" s="23"/>
      <c r="GI865" s="23"/>
      <c r="GJ865" s="23"/>
      <c r="GK865" s="23"/>
      <c r="GL865" s="23"/>
      <c r="GM865" s="23"/>
      <c r="GN865" s="23"/>
      <c r="GO865" s="23"/>
      <c r="GP865" s="23"/>
      <c r="GQ865" s="23"/>
      <c r="GR865" s="23"/>
      <c r="GS865" s="23"/>
      <c r="GT865" s="23"/>
      <c r="GU865" s="23"/>
      <c r="GV865" s="23"/>
      <c r="GW865" s="23"/>
      <c r="GX865" s="23"/>
      <c r="GY865" s="23"/>
      <c r="GZ865" s="23"/>
      <c r="HA865" s="23"/>
      <c r="HB865" s="23"/>
      <c r="HC865" s="23"/>
      <c r="HD865" s="23"/>
      <c r="HE865" s="23"/>
      <c r="HF865" s="23"/>
      <c r="HG865" s="23"/>
      <c r="HH865" s="23"/>
      <c r="HI865" s="23"/>
      <c r="HJ865" s="23"/>
      <c r="HK865" s="23"/>
      <c r="HL865" s="23"/>
      <c r="HM865" s="23"/>
      <c r="HN865" s="23"/>
      <c r="HO865" s="23"/>
      <c r="HP865" s="23"/>
      <c r="HQ865" s="23"/>
      <c r="HR865" s="23"/>
      <c r="HS865" s="23"/>
      <c r="HT865" s="23"/>
      <c r="HU865" s="23"/>
      <c r="HV865" s="23"/>
      <c r="HW865" s="23"/>
      <c r="HX865" s="23"/>
      <c r="HY865" s="23"/>
      <c r="HZ865" s="23"/>
      <c r="IA865" s="23"/>
      <c r="IB865" s="23"/>
      <c r="IC865" s="23"/>
      <c r="ID865" s="23"/>
      <c r="IE865" s="23"/>
      <c r="IF865" s="23"/>
      <c r="IG865" s="23"/>
      <c r="IH865" s="23"/>
      <c r="II865" s="23"/>
      <c r="IJ865" s="23"/>
      <c r="IK865" s="23"/>
      <c r="IL865" s="23"/>
      <c r="IM865" s="23"/>
      <c r="IN865" s="23"/>
      <c r="IO865" s="23"/>
      <c r="IP865" s="23"/>
      <c r="IQ865" s="23"/>
    </row>
    <row r="866" spans="1:251" s="50" customFormat="1">
      <c r="A866" s="34"/>
      <c r="B866" s="205"/>
      <c r="C866" s="206"/>
      <c r="D866" s="206"/>
      <c r="E866" s="206"/>
      <c r="F866" s="206"/>
      <c r="G866" s="206"/>
      <c r="H866" s="206"/>
      <c r="I866" s="206"/>
      <c r="J866" s="206"/>
      <c r="K866" s="206"/>
      <c r="L866" s="206"/>
      <c r="M866" s="206"/>
      <c r="N866" s="206"/>
      <c r="O866" s="206"/>
      <c r="P866" s="206"/>
      <c r="Q866" s="206"/>
      <c r="R866" s="206"/>
      <c r="S866" s="206"/>
      <c r="T866" s="206"/>
      <c r="U866" s="206"/>
      <c r="V866" s="206"/>
      <c r="W866" s="206"/>
      <c r="X866" s="206"/>
      <c r="Y866" s="206"/>
      <c r="Z866" s="207"/>
      <c r="AA866" s="208"/>
      <c r="AB866" s="206"/>
      <c r="AC866" s="206"/>
      <c r="AD866" s="206"/>
      <c r="AE866" s="206"/>
      <c r="AF866" s="206"/>
      <c r="AG866" s="206"/>
      <c r="AH866" s="206"/>
      <c r="AI866" s="207"/>
      <c r="AJ866" s="208"/>
      <c r="AK866" s="206"/>
      <c r="AL866" s="206"/>
      <c r="AM866" s="206"/>
      <c r="AN866" s="206"/>
      <c r="AO866" s="206"/>
      <c r="AP866" s="206"/>
      <c r="AQ866" s="206"/>
      <c r="AR866" s="207"/>
      <c r="AS866" s="208"/>
      <c r="AT866" s="206"/>
      <c r="AU866" s="206"/>
      <c r="AV866" s="206"/>
      <c r="AW866" s="206"/>
      <c r="AX866" s="210"/>
      <c r="AY866" s="23"/>
      <c r="AZ866" s="23"/>
      <c r="BA866" s="23"/>
      <c r="BB866"/>
      <c r="BC866" s="45"/>
      <c r="BE866" s="23"/>
      <c r="BF866" s="23"/>
      <c r="BG866" s="23"/>
      <c r="BH866" s="23"/>
      <c r="BI866" s="23"/>
      <c r="BJ866" s="23"/>
      <c r="BK866" s="23"/>
      <c r="BL866" s="23"/>
      <c r="BM866" s="23"/>
      <c r="BN866" s="23"/>
      <c r="BO866" s="23"/>
      <c r="BP866" s="23"/>
      <c r="BQ866" s="23"/>
      <c r="BR866" s="23"/>
      <c r="BS866" s="23"/>
      <c r="BT866" s="23"/>
      <c r="BU866" s="23"/>
      <c r="BV866" s="23"/>
      <c r="BW866" s="23"/>
      <c r="BX866" s="23"/>
      <c r="BY866" s="23"/>
      <c r="BZ866" s="23"/>
      <c r="CA866" s="23"/>
      <c r="CB866" s="23"/>
      <c r="CC866" s="23"/>
      <c r="CD866" s="23"/>
      <c r="CE866" s="23"/>
      <c r="CF866" s="23"/>
      <c r="CG866" s="23"/>
      <c r="CH866" s="23"/>
      <c r="CI866" s="23"/>
      <c r="CJ866" s="23"/>
      <c r="CK866" s="23"/>
      <c r="CL866" s="23"/>
      <c r="CM866" s="23"/>
      <c r="CN866" s="23"/>
      <c r="CO866" s="23"/>
      <c r="CP866" s="23"/>
      <c r="CQ866" s="23"/>
      <c r="CR866" s="23"/>
      <c r="CS866" s="23"/>
      <c r="CT866" s="23"/>
      <c r="CU866" s="23"/>
      <c r="CV866" s="23"/>
      <c r="CW866" s="23"/>
      <c r="CX866" s="23"/>
      <c r="CY866" s="23"/>
      <c r="CZ866" s="23"/>
      <c r="DA866" s="23"/>
      <c r="DB866" s="23"/>
      <c r="DC866" s="23"/>
      <c r="DD866" s="23"/>
      <c r="DE866" s="23"/>
      <c r="DF866" s="23"/>
      <c r="DG866" s="23"/>
      <c r="DH866" s="23"/>
      <c r="DI866" s="23"/>
      <c r="DJ866" s="23"/>
      <c r="DK866" s="23"/>
      <c r="DL866" s="23"/>
      <c r="DM866" s="23"/>
      <c r="DN866" s="23"/>
      <c r="DO866" s="23"/>
      <c r="DP866" s="23"/>
      <c r="DQ866" s="23"/>
      <c r="DR866" s="23"/>
      <c r="DS866" s="23"/>
      <c r="DT866" s="23"/>
      <c r="DU866" s="23"/>
      <c r="DV866" s="23"/>
      <c r="DW866" s="23"/>
      <c r="DX866" s="23"/>
      <c r="DY866" s="23"/>
      <c r="DZ866" s="23"/>
      <c r="EA866" s="23"/>
      <c r="EB866" s="23"/>
      <c r="EC866" s="23"/>
      <c r="ED866" s="23"/>
      <c r="EE866" s="23"/>
      <c r="EF866" s="23"/>
      <c r="EG866" s="23"/>
      <c r="EH866" s="23"/>
      <c r="EI866" s="23"/>
      <c r="EJ866" s="23"/>
      <c r="EK866" s="23"/>
      <c r="EL866" s="23"/>
      <c r="EM866" s="23"/>
      <c r="EN866" s="23"/>
      <c r="EO866" s="23"/>
      <c r="EP866" s="23"/>
      <c r="EQ866" s="23"/>
      <c r="ER866" s="23"/>
      <c r="ES866" s="23"/>
      <c r="ET866" s="23"/>
      <c r="EU866" s="23"/>
      <c r="EV866" s="23"/>
      <c r="EW866" s="23"/>
      <c r="EX866" s="23"/>
      <c r="EY866" s="23"/>
      <c r="EZ866" s="23"/>
      <c r="FA866" s="23"/>
      <c r="FB866" s="23"/>
      <c r="FC866" s="23"/>
      <c r="FD866" s="23"/>
      <c r="FE866" s="23"/>
      <c r="FF866" s="23"/>
      <c r="FG866" s="23"/>
      <c r="FH866" s="23"/>
      <c r="FI866" s="23"/>
      <c r="FJ866" s="23"/>
      <c r="FK866" s="23"/>
      <c r="FL866" s="23"/>
      <c r="FM866" s="23"/>
      <c r="FN866" s="23"/>
      <c r="FO866" s="23"/>
      <c r="FP866" s="23"/>
      <c r="FQ866" s="23"/>
      <c r="FR866" s="23"/>
      <c r="FS866" s="23"/>
      <c r="FT866" s="23"/>
      <c r="FU866" s="23"/>
      <c r="FV866" s="23"/>
      <c r="FW866" s="23"/>
      <c r="FX866" s="23"/>
      <c r="FY866" s="23"/>
      <c r="FZ866" s="23"/>
      <c r="GA866" s="23"/>
      <c r="GB866" s="23"/>
      <c r="GC866" s="23"/>
      <c r="GD866" s="23"/>
      <c r="GE866" s="23"/>
      <c r="GF866" s="23"/>
      <c r="GG866" s="23"/>
      <c r="GH866" s="23"/>
      <c r="GI866" s="23"/>
      <c r="GJ866" s="23"/>
      <c r="GK866" s="23"/>
      <c r="GL866" s="23"/>
      <c r="GM866" s="23"/>
      <c r="GN866" s="23"/>
      <c r="GO866" s="23"/>
      <c r="GP866" s="23"/>
      <c r="GQ866" s="23"/>
      <c r="GR866" s="23"/>
      <c r="GS866" s="23"/>
      <c r="GT866" s="23"/>
      <c r="GU866" s="23"/>
      <c r="GV866" s="23"/>
      <c r="GW866" s="23"/>
      <c r="GX866" s="23"/>
      <c r="GY866" s="23"/>
      <c r="GZ866" s="23"/>
      <c r="HA866" s="23"/>
      <c r="HB866" s="23"/>
      <c r="HC866" s="23"/>
      <c r="HD866" s="23"/>
      <c r="HE866" s="23"/>
      <c r="HF866" s="23"/>
      <c r="HG866" s="23"/>
      <c r="HH866" s="23"/>
      <c r="HI866" s="23"/>
      <c r="HJ866" s="23"/>
      <c r="HK866" s="23"/>
      <c r="HL866" s="23"/>
      <c r="HM866" s="23"/>
      <c r="HN866" s="23"/>
      <c r="HO866" s="23"/>
      <c r="HP866" s="23"/>
      <c r="HQ866" s="23"/>
      <c r="HR866" s="23"/>
      <c r="HS866" s="23"/>
      <c r="HT866" s="23"/>
      <c r="HU866" s="23"/>
      <c r="HV866" s="23"/>
      <c r="HW866" s="23"/>
      <c r="HX866" s="23"/>
      <c r="HY866" s="23"/>
      <c r="HZ866" s="23"/>
      <c r="IA866" s="23"/>
      <c r="IB866" s="23"/>
      <c r="IC866" s="23"/>
      <c r="ID866" s="23"/>
      <c r="IE866" s="23"/>
      <c r="IF866" s="23"/>
      <c r="IG866" s="23"/>
      <c r="IH866" s="23"/>
      <c r="II866" s="23"/>
      <c r="IJ866" s="23"/>
      <c r="IK866" s="23"/>
      <c r="IL866" s="23"/>
      <c r="IM866" s="23"/>
      <c r="IN866" s="23"/>
      <c r="IO866" s="23"/>
      <c r="IP866" s="23"/>
      <c r="IQ866" s="23"/>
    </row>
    <row r="867" spans="1:251" s="50" customFormat="1" ht="18.75" customHeight="1">
      <c r="A867" s="34"/>
      <c r="B867" s="46"/>
      <c r="C867" s="130" t="s">
        <v>175</v>
      </c>
      <c r="D867" s="130"/>
      <c r="E867" s="130"/>
      <c r="F867" s="130"/>
      <c r="G867" s="130"/>
      <c r="H867" s="130"/>
      <c r="I867" s="130"/>
      <c r="J867" s="130"/>
      <c r="K867" s="130"/>
      <c r="L867" s="130"/>
      <c r="M867" s="130"/>
      <c r="N867" s="130"/>
      <c r="O867" s="130"/>
      <c r="P867" s="130"/>
      <c r="Q867" s="130"/>
      <c r="R867" s="130"/>
      <c r="S867" s="130"/>
      <c r="T867" s="130"/>
      <c r="U867" s="130"/>
      <c r="V867" s="130"/>
      <c r="W867" s="130"/>
      <c r="X867" s="130"/>
      <c r="Y867" s="130"/>
      <c r="Z867" s="131"/>
      <c r="AA867" s="132">
        <v>2355764</v>
      </c>
      <c r="AB867" s="196"/>
      <c r="AC867" s="196"/>
      <c r="AD867" s="196"/>
      <c r="AE867" s="196"/>
      <c r="AF867" s="196"/>
      <c r="AG867" s="196"/>
      <c r="AH867" s="196"/>
      <c r="AI867" s="197"/>
      <c r="AJ867" s="132">
        <v>2188464</v>
      </c>
      <c r="AK867" s="196"/>
      <c r="AL867" s="196"/>
      <c r="AM867" s="196"/>
      <c r="AN867" s="196"/>
      <c r="AO867" s="196"/>
      <c r="AP867" s="196"/>
      <c r="AQ867" s="196"/>
      <c r="AR867" s="197"/>
      <c r="AS867" s="132"/>
      <c r="AT867" s="196"/>
      <c r="AU867" s="196"/>
      <c r="AV867" s="196"/>
      <c r="AW867" s="196"/>
      <c r="AX867" s="202"/>
      <c r="AY867" s="23"/>
      <c r="AZ867" s="23"/>
      <c r="BA867" s="23"/>
      <c r="BB867" s="23"/>
      <c r="BC867" s="23"/>
      <c r="BD867" s="23"/>
      <c r="BE867" s="23"/>
      <c r="BF867" s="23"/>
      <c r="BG867" s="23"/>
      <c r="BH867" s="23"/>
      <c r="BI867" s="23"/>
      <c r="BJ867" s="23"/>
      <c r="BK867" s="23"/>
      <c r="BL867" s="23"/>
      <c r="BM867" s="23"/>
      <c r="BN867" s="23"/>
      <c r="BO867" s="23"/>
      <c r="BP867" s="23"/>
      <c r="BQ867" s="23"/>
      <c r="BR867" s="23"/>
      <c r="BS867" s="23"/>
      <c r="BT867" s="23"/>
      <c r="BU867" s="23"/>
      <c r="BV867" s="23"/>
      <c r="BW867" s="23"/>
      <c r="BX867" s="23"/>
      <c r="BY867" s="23"/>
      <c r="BZ867" s="23"/>
      <c r="CA867" s="23"/>
      <c r="CB867" s="23"/>
      <c r="CC867" s="23"/>
      <c r="CD867" s="23"/>
      <c r="CE867" s="23"/>
      <c r="CF867" s="23"/>
      <c r="CG867" s="23"/>
      <c r="CH867" s="23"/>
      <c r="CI867" s="23"/>
      <c r="CJ867" s="23"/>
      <c r="CK867" s="23"/>
      <c r="CL867" s="23"/>
      <c r="CM867" s="23"/>
      <c r="CN867" s="23"/>
      <c r="CO867" s="23"/>
      <c r="CP867" s="23"/>
      <c r="CQ867" s="23"/>
      <c r="CR867" s="23"/>
      <c r="CS867" s="23"/>
      <c r="CT867" s="23"/>
      <c r="CU867" s="23"/>
      <c r="CV867" s="23"/>
      <c r="CW867" s="23"/>
      <c r="CX867" s="23"/>
      <c r="CY867" s="23"/>
      <c r="CZ867" s="23"/>
      <c r="DA867" s="23"/>
      <c r="DB867" s="23"/>
      <c r="DC867" s="23"/>
      <c r="DD867" s="23"/>
      <c r="DE867" s="23"/>
      <c r="DF867" s="23"/>
      <c r="DG867" s="23"/>
      <c r="DH867" s="23"/>
      <c r="DI867" s="23"/>
      <c r="DJ867" s="23"/>
      <c r="DK867" s="23"/>
      <c r="DL867" s="23"/>
      <c r="DM867" s="23"/>
      <c r="DN867" s="23"/>
      <c r="DO867" s="23"/>
      <c r="DP867" s="23"/>
      <c r="DQ867" s="23"/>
      <c r="DR867" s="23"/>
      <c r="DS867" s="23"/>
      <c r="DT867" s="23"/>
      <c r="DU867" s="23"/>
      <c r="DV867" s="23"/>
      <c r="DW867" s="23"/>
      <c r="DX867" s="23"/>
      <c r="DY867" s="23"/>
      <c r="DZ867" s="23"/>
      <c r="EA867" s="23"/>
      <c r="EB867" s="23"/>
      <c r="EC867" s="23"/>
      <c r="ED867" s="23"/>
      <c r="EE867" s="23"/>
      <c r="EF867" s="23"/>
      <c r="EG867" s="23"/>
      <c r="EH867" s="23"/>
      <c r="EI867" s="23"/>
      <c r="EJ867" s="23"/>
      <c r="EK867" s="23"/>
      <c r="EL867" s="23"/>
      <c r="EM867" s="23"/>
      <c r="EN867" s="23"/>
      <c r="EO867" s="23"/>
      <c r="EP867" s="23"/>
      <c r="EQ867" s="23"/>
      <c r="ER867" s="23"/>
      <c r="ES867" s="23"/>
      <c r="ET867" s="23"/>
      <c r="EU867" s="23"/>
      <c r="EV867" s="23"/>
      <c r="EW867" s="23"/>
      <c r="EX867" s="23"/>
      <c r="EY867" s="23"/>
      <c r="EZ867" s="23"/>
      <c r="FA867" s="23"/>
      <c r="FB867" s="23"/>
      <c r="FC867" s="23"/>
      <c r="FD867" s="23"/>
      <c r="FE867" s="23"/>
      <c r="FF867" s="23"/>
      <c r="FG867" s="23"/>
      <c r="FH867" s="23"/>
      <c r="FI867" s="23"/>
      <c r="FJ867" s="23"/>
      <c r="FK867" s="23"/>
      <c r="FL867" s="23"/>
      <c r="FM867" s="23"/>
      <c r="FN867" s="23"/>
      <c r="FO867" s="23"/>
      <c r="FP867" s="23"/>
      <c r="FQ867" s="23"/>
      <c r="FR867" s="23"/>
      <c r="FS867" s="23"/>
      <c r="FT867" s="23"/>
      <c r="FU867" s="23"/>
      <c r="FV867" s="23"/>
      <c r="FW867" s="23"/>
      <c r="FX867" s="23"/>
      <c r="FY867" s="23"/>
      <c r="FZ867" s="23"/>
      <c r="GA867" s="23"/>
      <c r="GB867" s="23"/>
      <c r="GC867" s="23"/>
      <c r="GD867" s="23"/>
      <c r="GE867" s="23"/>
      <c r="GF867" s="23"/>
      <c r="GG867" s="23"/>
      <c r="GH867" s="23"/>
      <c r="GI867" s="23"/>
      <c r="GJ867" s="23"/>
      <c r="GK867" s="23"/>
      <c r="GL867" s="23"/>
      <c r="GM867" s="23"/>
      <c r="GN867" s="23"/>
      <c r="GO867" s="23"/>
      <c r="GP867" s="23"/>
      <c r="GQ867" s="23"/>
      <c r="GR867" s="23"/>
      <c r="GS867" s="23"/>
      <c r="GT867" s="23"/>
      <c r="GU867" s="23"/>
      <c r="GV867" s="23"/>
      <c r="GW867" s="23"/>
      <c r="GX867" s="23"/>
      <c r="GY867" s="23"/>
      <c r="GZ867" s="23"/>
      <c r="HA867" s="23"/>
      <c r="HB867" s="23"/>
      <c r="HC867" s="23"/>
      <c r="HD867" s="23"/>
      <c r="HE867" s="23"/>
      <c r="HF867" s="23"/>
      <c r="HG867" s="23"/>
      <c r="HH867" s="23"/>
      <c r="HI867" s="23"/>
      <c r="HJ867" s="23"/>
      <c r="HK867" s="23"/>
      <c r="HL867" s="23"/>
      <c r="HM867" s="23"/>
      <c r="HN867" s="23"/>
      <c r="HO867" s="23"/>
      <c r="HP867" s="23"/>
      <c r="HQ867" s="23"/>
      <c r="HR867" s="23"/>
      <c r="HS867" s="23"/>
      <c r="HT867" s="23"/>
      <c r="HU867" s="23"/>
      <c r="HV867" s="23"/>
      <c r="HW867" s="23"/>
      <c r="HX867" s="23"/>
      <c r="HY867" s="23"/>
      <c r="HZ867" s="23"/>
      <c r="IA867" s="23"/>
      <c r="IB867" s="23"/>
      <c r="IC867" s="23"/>
      <c r="ID867" s="23"/>
      <c r="IE867" s="23"/>
      <c r="IF867" s="23"/>
      <c r="IG867" s="23"/>
      <c r="IH867" s="23"/>
      <c r="II867" s="23"/>
      <c r="IJ867" s="23"/>
      <c r="IK867" s="23"/>
      <c r="IL867" s="23"/>
      <c r="IM867" s="23"/>
      <c r="IN867" s="23"/>
      <c r="IO867" s="23"/>
      <c r="IP867" s="23"/>
      <c r="IQ867" s="23"/>
    </row>
    <row r="868" spans="1:251" s="50" customFormat="1" ht="18.75" customHeight="1">
      <c r="A868" s="34"/>
      <c r="B868" s="47"/>
      <c r="C868" s="130" t="s">
        <v>176</v>
      </c>
      <c r="D868" s="130"/>
      <c r="E868" s="130"/>
      <c r="F868" s="130"/>
      <c r="G868" s="130"/>
      <c r="H868" s="130"/>
      <c r="I868" s="130"/>
      <c r="J868" s="130"/>
      <c r="K868" s="130"/>
      <c r="L868" s="130"/>
      <c r="M868" s="130"/>
      <c r="N868" s="130"/>
      <c r="O868" s="130"/>
      <c r="P868" s="130"/>
      <c r="Q868" s="130"/>
      <c r="R868" s="130"/>
      <c r="S868" s="130"/>
      <c r="T868" s="130"/>
      <c r="U868" s="130"/>
      <c r="V868" s="130"/>
      <c r="W868" s="130"/>
      <c r="X868" s="130"/>
      <c r="Y868" s="130"/>
      <c r="Z868" s="131"/>
      <c r="AA868" s="132">
        <v>14533</v>
      </c>
      <c r="AB868" s="196"/>
      <c r="AC868" s="196"/>
      <c r="AD868" s="196"/>
      <c r="AE868" s="196"/>
      <c r="AF868" s="196"/>
      <c r="AG868" s="196"/>
      <c r="AH868" s="196"/>
      <c r="AI868" s="197"/>
      <c r="AJ868" s="132">
        <v>977</v>
      </c>
      <c r="AK868" s="196"/>
      <c r="AL868" s="196"/>
      <c r="AM868" s="196"/>
      <c r="AN868" s="196"/>
      <c r="AO868" s="196"/>
      <c r="AP868" s="196"/>
      <c r="AQ868" s="196"/>
      <c r="AR868" s="197"/>
      <c r="AS868" s="132"/>
      <c r="AT868" s="196"/>
      <c r="AU868" s="196"/>
      <c r="AV868" s="196"/>
      <c r="AW868" s="196"/>
      <c r="AX868" s="202"/>
      <c r="AY868" s="23"/>
      <c r="AZ868" s="23"/>
      <c r="BA868" s="23"/>
      <c r="BB868" s="23"/>
      <c r="BC868" s="23"/>
      <c r="BD868" s="23"/>
      <c r="BE868" s="23"/>
      <c r="BF868" s="23"/>
      <c r="BG868" s="23"/>
      <c r="BH868" s="23"/>
      <c r="BI868" s="23"/>
      <c r="BJ868" s="23"/>
      <c r="BK868" s="23"/>
      <c r="BL868" s="23"/>
      <c r="BM868" s="23"/>
      <c r="BN868" s="23"/>
      <c r="BO868" s="23"/>
      <c r="BP868" s="23"/>
      <c r="BQ868" s="23"/>
      <c r="BR868" s="23"/>
      <c r="BS868" s="23"/>
      <c r="BT868" s="23"/>
      <c r="BU868" s="23"/>
      <c r="BV868" s="23"/>
      <c r="BW868" s="23"/>
      <c r="BX868" s="23"/>
      <c r="BY868" s="23"/>
      <c r="BZ868" s="23"/>
      <c r="CA868" s="23"/>
      <c r="CB868" s="23"/>
      <c r="CC868" s="23"/>
      <c r="CD868" s="23"/>
      <c r="CE868" s="23"/>
      <c r="CF868" s="23"/>
      <c r="CG868" s="23"/>
      <c r="CH868" s="23"/>
      <c r="CI868" s="23"/>
      <c r="CJ868" s="23"/>
      <c r="CK868" s="23"/>
      <c r="CL868" s="23"/>
      <c r="CM868" s="23"/>
      <c r="CN868" s="23"/>
      <c r="CO868" s="23"/>
      <c r="CP868" s="23"/>
      <c r="CQ868" s="23"/>
      <c r="CR868" s="23"/>
      <c r="CS868" s="23"/>
      <c r="CT868" s="23"/>
      <c r="CU868" s="23"/>
      <c r="CV868" s="23"/>
      <c r="CW868" s="23"/>
      <c r="CX868" s="23"/>
      <c r="CY868" s="23"/>
      <c r="CZ868" s="23"/>
      <c r="DA868" s="23"/>
      <c r="DB868" s="23"/>
      <c r="DC868" s="23"/>
      <c r="DD868" s="23"/>
      <c r="DE868" s="23"/>
      <c r="DF868" s="23"/>
      <c r="DG868" s="23"/>
      <c r="DH868" s="23"/>
      <c r="DI868" s="23"/>
      <c r="DJ868" s="23"/>
      <c r="DK868" s="23"/>
      <c r="DL868" s="23"/>
      <c r="DM868" s="23"/>
      <c r="DN868" s="23"/>
      <c r="DO868" s="23"/>
      <c r="DP868" s="23"/>
      <c r="DQ868" s="23"/>
      <c r="DR868" s="23"/>
      <c r="DS868" s="23"/>
      <c r="DT868" s="23"/>
      <c r="DU868" s="23"/>
      <c r="DV868" s="23"/>
      <c r="DW868" s="23"/>
      <c r="DX868" s="23"/>
      <c r="DY868" s="23"/>
      <c r="DZ868" s="23"/>
      <c r="EA868" s="23"/>
      <c r="EB868" s="23"/>
      <c r="EC868" s="23"/>
      <c r="ED868" s="23"/>
      <c r="EE868" s="23"/>
      <c r="EF868" s="23"/>
      <c r="EG868" s="23"/>
      <c r="EH868" s="23"/>
      <c r="EI868" s="23"/>
      <c r="EJ868" s="23"/>
      <c r="EK868" s="23"/>
      <c r="EL868" s="23"/>
      <c r="EM868" s="23"/>
      <c r="EN868" s="23"/>
      <c r="EO868" s="23"/>
      <c r="EP868" s="23"/>
      <c r="EQ868" s="23"/>
      <c r="ER868" s="23"/>
      <c r="ES868" s="23"/>
      <c r="ET868" s="23"/>
      <c r="EU868" s="23"/>
      <c r="EV868" s="23"/>
      <c r="EW868" s="23"/>
      <c r="EX868" s="23"/>
      <c r="EY868" s="23"/>
      <c r="EZ868" s="23"/>
      <c r="FA868" s="23"/>
      <c r="FB868" s="23"/>
      <c r="FC868" s="23"/>
      <c r="FD868" s="23"/>
      <c r="FE868" s="23"/>
      <c r="FF868" s="23"/>
      <c r="FG868" s="23"/>
      <c r="FH868" s="23"/>
      <c r="FI868" s="23"/>
      <c r="FJ868" s="23"/>
      <c r="FK868" s="23"/>
      <c r="FL868" s="23"/>
      <c r="FM868" s="23"/>
      <c r="FN868" s="23"/>
      <c r="FO868" s="23"/>
      <c r="FP868" s="23"/>
      <c r="FQ868" s="23"/>
      <c r="FR868" s="23"/>
      <c r="FS868" s="23"/>
      <c r="FT868" s="23"/>
      <c r="FU868" s="23"/>
      <c r="FV868" s="23"/>
      <c r="FW868" s="23"/>
      <c r="FX868" s="23"/>
      <c r="FY868" s="23"/>
      <c r="FZ868" s="23"/>
      <c r="GA868" s="23"/>
      <c r="GB868" s="23"/>
      <c r="GC868" s="23"/>
      <c r="GD868" s="23"/>
      <c r="GE868" s="23"/>
      <c r="GF868" s="23"/>
      <c r="GG868" s="23"/>
      <c r="GH868" s="23"/>
      <c r="GI868" s="23"/>
      <c r="GJ868" s="23"/>
      <c r="GK868" s="23"/>
      <c r="GL868" s="23"/>
      <c r="GM868" s="23"/>
      <c r="GN868" s="23"/>
      <c r="GO868" s="23"/>
      <c r="GP868" s="23"/>
      <c r="GQ868" s="23"/>
      <c r="GR868" s="23"/>
      <c r="GS868" s="23"/>
      <c r="GT868" s="23"/>
      <c r="GU868" s="23"/>
      <c r="GV868" s="23"/>
      <c r="GW868" s="23"/>
      <c r="GX868" s="23"/>
      <c r="GY868" s="23"/>
      <c r="GZ868" s="23"/>
      <c r="HA868" s="23"/>
      <c r="HB868" s="23"/>
      <c r="HC868" s="23"/>
      <c r="HD868" s="23"/>
      <c r="HE868" s="23"/>
      <c r="HF868" s="23"/>
      <c r="HG868" s="23"/>
      <c r="HH868" s="23"/>
      <c r="HI868" s="23"/>
      <c r="HJ868" s="23"/>
      <c r="HK868" s="23"/>
      <c r="HL868" s="23"/>
      <c r="HM868" s="23"/>
      <c r="HN868" s="23"/>
      <c r="HO868" s="23"/>
      <c r="HP868" s="23"/>
      <c r="HQ868" s="23"/>
      <c r="HR868" s="23"/>
      <c r="HS868" s="23"/>
      <c r="HT868" s="23"/>
      <c r="HU868" s="23"/>
      <c r="HV868" s="23"/>
      <c r="HW868" s="23"/>
      <c r="HX868" s="23"/>
      <c r="HY868" s="23"/>
      <c r="HZ868" s="23"/>
      <c r="IA868" s="23"/>
      <c r="IB868" s="23"/>
      <c r="IC868" s="23"/>
      <c r="ID868" s="23"/>
      <c r="IE868" s="23"/>
      <c r="IF868" s="23"/>
      <c r="IG868" s="23"/>
      <c r="IH868" s="23"/>
      <c r="II868" s="23"/>
      <c r="IJ868" s="23"/>
      <c r="IK868" s="23"/>
      <c r="IL868" s="23"/>
      <c r="IM868" s="23"/>
      <c r="IN868" s="23"/>
      <c r="IO868" s="23"/>
      <c r="IP868" s="23"/>
      <c r="IQ868" s="23"/>
    </row>
    <row r="869" spans="1:251" s="50" customFormat="1" ht="18.75" customHeight="1">
      <c r="A869" s="34"/>
      <c r="B869" s="47"/>
      <c r="C869" s="130" t="s">
        <v>177</v>
      </c>
      <c r="D869" s="130"/>
      <c r="E869" s="130"/>
      <c r="F869" s="130"/>
      <c r="G869" s="130"/>
      <c r="H869" s="130"/>
      <c r="I869" s="130"/>
      <c r="J869" s="130"/>
      <c r="K869" s="130"/>
      <c r="L869" s="130"/>
      <c r="M869" s="130"/>
      <c r="N869" s="130"/>
      <c r="O869" s="130"/>
      <c r="P869" s="130"/>
      <c r="Q869" s="130"/>
      <c r="R869" s="130"/>
      <c r="S869" s="130"/>
      <c r="T869" s="130"/>
      <c r="U869" s="130"/>
      <c r="V869" s="130"/>
      <c r="W869" s="130"/>
      <c r="X869" s="130"/>
      <c r="Y869" s="130"/>
      <c r="Z869" s="131"/>
      <c r="AA869" s="132">
        <v>954177</v>
      </c>
      <c r="AB869" s="196"/>
      <c r="AC869" s="196"/>
      <c r="AD869" s="196"/>
      <c r="AE869" s="196"/>
      <c r="AF869" s="196"/>
      <c r="AG869" s="196"/>
      <c r="AH869" s="196"/>
      <c r="AI869" s="197"/>
      <c r="AJ869" s="132">
        <v>742498</v>
      </c>
      <c r="AK869" s="196"/>
      <c r="AL869" s="196"/>
      <c r="AM869" s="196"/>
      <c r="AN869" s="196"/>
      <c r="AO869" s="196"/>
      <c r="AP869" s="196"/>
      <c r="AQ869" s="196"/>
      <c r="AR869" s="197"/>
      <c r="AS869" s="132"/>
      <c r="AT869" s="196"/>
      <c r="AU869" s="196"/>
      <c r="AV869" s="196"/>
      <c r="AW869" s="196"/>
      <c r="AX869" s="202"/>
      <c r="AY869" s="23"/>
      <c r="AZ869" s="23"/>
      <c r="BA869" s="23"/>
      <c r="BB869" s="23"/>
      <c r="BC869" s="23"/>
      <c r="BD869" s="23"/>
      <c r="BE869" s="23"/>
      <c r="BF869" s="23"/>
      <c r="BG869" s="23"/>
      <c r="BH869" s="23"/>
      <c r="BI869" s="23"/>
      <c r="BJ869" s="23"/>
      <c r="BK869" s="23"/>
      <c r="BL869" s="23"/>
      <c r="BM869" s="23"/>
      <c r="BN869" s="23"/>
      <c r="BO869" s="23"/>
      <c r="BP869" s="23"/>
      <c r="BQ869" s="23"/>
      <c r="BR869" s="23"/>
      <c r="BS869" s="23"/>
      <c r="BT869" s="23"/>
      <c r="BU869" s="23"/>
      <c r="BV869" s="23"/>
      <c r="BW869" s="23"/>
      <c r="BX869" s="23"/>
      <c r="BY869" s="23"/>
      <c r="BZ869" s="23"/>
      <c r="CA869" s="23"/>
      <c r="CB869" s="23"/>
      <c r="CC869" s="23"/>
      <c r="CD869" s="23"/>
      <c r="CE869" s="23"/>
      <c r="CF869" s="23"/>
      <c r="CG869" s="23"/>
      <c r="CH869" s="23"/>
      <c r="CI869" s="23"/>
      <c r="CJ869" s="23"/>
      <c r="CK869" s="23"/>
      <c r="CL869" s="23"/>
      <c r="CM869" s="23"/>
      <c r="CN869" s="23"/>
      <c r="CO869" s="23"/>
      <c r="CP869" s="23"/>
      <c r="CQ869" s="23"/>
      <c r="CR869" s="23"/>
      <c r="CS869" s="23"/>
      <c r="CT869" s="23"/>
      <c r="CU869" s="23"/>
      <c r="CV869" s="23"/>
      <c r="CW869" s="23"/>
      <c r="CX869" s="23"/>
      <c r="CY869" s="23"/>
      <c r="CZ869" s="23"/>
      <c r="DA869" s="23"/>
      <c r="DB869" s="23"/>
      <c r="DC869" s="23"/>
      <c r="DD869" s="23"/>
      <c r="DE869" s="23"/>
      <c r="DF869" s="23"/>
      <c r="DG869" s="23"/>
      <c r="DH869" s="23"/>
      <c r="DI869" s="23"/>
      <c r="DJ869" s="23"/>
      <c r="DK869" s="23"/>
      <c r="DL869" s="23"/>
      <c r="DM869" s="23"/>
      <c r="DN869" s="23"/>
      <c r="DO869" s="23"/>
      <c r="DP869" s="23"/>
      <c r="DQ869" s="23"/>
      <c r="DR869" s="23"/>
      <c r="DS869" s="23"/>
      <c r="DT869" s="23"/>
      <c r="DU869" s="23"/>
      <c r="DV869" s="23"/>
      <c r="DW869" s="23"/>
      <c r="DX869" s="23"/>
      <c r="DY869" s="23"/>
      <c r="DZ869" s="23"/>
      <c r="EA869" s="23"/>
      <c r="EB869" s="23"/>
      <c r="EC869" s="23"/>
      <c r="ED869" s="23"/>
      <c r="EE869" s="23"/>
      <c r="EF869" s="23"/>
      <c r="EG869" s="23"/>
      <c r="EH869" s="23"/>
      <c r="EI869" s="23"/>
      <c r="EJ869" s="23"/>
      <c r="EK869" s="23"/>
      <c r="EL869" s="23"/>
      <c r="EM869" s="23"/>
      <c r="EN869" s="23"/>
      <c r="EO869" s="23"/>
      <c r="EP869" s="23"/>
      <c r="EQ869" s="23"/>
      <c r="ER869" s="23"/>
      <c r="ES869" s="23"/>
      <c r="ET869" s="23"/>
      <c r="EU869" s="23"/>
      <c r="EV869" s="23"/>
      <c r="EW869" s="23"/>
      <c r="EX869" s="23"/>
      <c r="EY869" s="23"/>
      <c r="EZ869" s="23"/>
      <c r="FA869" s="23"/>
      <c r="FB869" s="23"/>
      <c r="FC869" s="23"/>
      <c r="FD869" s="23"/>
      <c r="FE869" s="23"/>
      <c r="FF869" s="23"/>
      <c r="FG869" s="23"/>
      <c r="FH869" s="23"/>
      <c r="FI869" s="23"/>
      <c r="FJ869" s="23"/>
      <c r="FK869" s="23"/>
      <c r="FL869" s="23"/>
      <c r="FM869" s="23"/>
      <c r="FN869" s="23"/>
      <c r="FO869" s="23"/>
      <c r="FP869" s="23"/>
      <c r="FQ869" s="23"/>
      <c r="FR869" s="23"/>
      <c r="FS869" s="23"/>
      <c r="FT869" s="23"/>
      <c r="FU869" s="23"/>
      <c r="FV869" s="23"/>
      <c r="FW869" s="23"/>
      <c r="FX869" s="23"/>
      <c r="FY869" s="23"/>
      <c r="FZ869" s="23"/>
      <c r="GA869" s="23"/>
      <c r="GB869" s="23"/>
      <c r="GC869" s="23"/>
      <c r="GD869" s="23"/>
      <c r="GE869" s="23"/>
      <c r="GF869" s="23"/>
      <c r="GG869" s="23"/>
      <c r="GH869" s="23"/>
      <c r="GI869" s="23"/>
      <c r="GJ869" s="23"/>
      <c r="GK869" s="23"/>
      <c r="GL869" s="23"/>
      <c r="GM869" s="23"/>
      <c r="GN869" s="23"/>
      <c r="GO869" s="23"/>
      <c r="GP869" s="23"/>
      <c r="GQ869" s="23"/>
      <c r="GR869" s="23"/>
      <c r="GS869" s="23"/>
      <c r="GT869" s="23"/>
      <c r="GU869" s="23"/>
      <c r="GV869" s="23"/>
      <c r="GW869" s="23"/>
      <c r="GX869" s="23"/>
      <c r="GY869" s="23"/>
      <c r="GZ869" s="23"/>
      <c r="HA869" s="23"/>
      <c r="HB869" s="23"/>
      <c r="HC869" s="23"/>
      <c r="HD869" s="23"/>
      <c r="HE869" s="23"/>
      <c r="HF869" s="23"/>
      <c r="HG869" s="23"/>
      <c r="HH869" s="23"/>
      <c r="HI869" s="23"/>
      <c r="HJ869" s="23"/>
      <c r="HK869" s="23"/>
      <c r="HL869" s="23"/>
      <c r="HM869" s="23"/>
      <c r="HN869" s="23"/>
      <c r="HO869" s="23"/>
      <c r="HP869" s="23"/>
      <c r="HQ869" s="23"/>
      <c r="HR869" s="23"/>
      <c r="HS869" s="23"/>
      <c r="HT869" s="23"/>
      <c r="HU869" s="23"/>
      <c r="HV869" s="23"/>
      <c r="HW869" s="23"/>
      <c r="HX869" s="23"/>
      <c r="HY869" s="23"/>
      <c r="HZ869" s="23"/>
      <c r="IA869" s="23"/>
      <c r="IB869" s="23"/>
      <c r="IC869" s="23"/>
      <c r="ID869" s="23"/>
      <c r="IE869" s="23"/>
      <c r="IF869" s="23"/>
      <c r="IG869" s="23"/>
      <c r="IH869" s="23"/>
      <c r="II869" s="23"/>
      <c r="IJ869" s="23"/>
      <c r="IK869" s="23"/>
      <c r="IL869" s="23"/>
      <c r="IM869" s="23"/>
      <c r="IN869" s="23"/>
      <c r="IO869" s="23"/>
      <c r="IP869" s="23"/>
      <c r="IQ869" s="23"/>
    </row>
    <row r="870" spans="1:251" s="50" customFormat="1" ht="18.75" customHeight="1">
      <c r="A870" s="34"/>
      <c r="B870" s="47"/>
      <c r="C870" s="130"/>
      <c r="D870" s="130"/>
      <c r="E870" s="130"/>
      <c r="F870" s="130"/>
      <c r="G870" s="130"/>
      <c r="H870" s="130"/>
      <c r="I870" s="130"/>
      <c r="J870" s="130"/>
      <c r="K870" s="130"/>
      <c r="L870" s="130"/>
      <c r="M870" s="130"/>
      <c r="N870" s="130"/>
      <c r="O870" s="130"/>
      <c r="P870" s="130"/>
      <c r="Q870" s="130"/>
      <c r="R870" s="130"/>
      <c r="S870" s="130"/>
      <c r="T870" s="130"/>
      <c r="U870" s="130"/>
      <c r="V870" s="130"/>
      <c r="W870" s="130"/>
      <c r="X870" s="130"/>
      <c r="Y870" s="130"/>
      <c r="Z870" s="131"/>
      <c r="AA870" s="132"/>
      <c r="AB870" s="200"/>
      <c r="AC870" s="200"/>
      <c r="AD870" s="200"/>
      <c r="AE870" s="200"/>
      <c r="AF870" s="200"/>
      <c r="AG870" s="200"/>
      <c r="AH870" s="200"/>
      <c r="AI870" s="201"/>
      <c r="AJ870" s="132"/>
      <c r="AK870" s="196"/>
      <c r="AL870" s="196"/>
      <c r="AM870" s="196"/>
      <c r="AN870" s="196"/>
      <c r="AO870" s="196"/>
      <c r="AP870" s="196"/>
      <c r="AQ870" s="196"/>
      <c r="AR870" s="197"/>
      <c r="AS870" s="132"/>
      <c r="AT870" s="196"/>
      <c r="AU870" s="196"/>
      <c r="AV870" s="196"/>
      <c r="AW870" s="196"/>
      <c r="AX870" s="202"/>
      <c r="AY870" s="23"/>
      <c r="AZ870" s="23"/>
      <c r="BA870" s="23"/>
      <c r="BB870" s="23"/>
      <c r="BC870" s="23"/>
      <c r="BD870" s="23"/>
      <c r="BE870" s="23"/>
      <c r="BF870" s="23"/>
      <c r="BG870" s="23"/>
      <c r="BH870" s="23"/>
      <c r="BI870" s="23"/>
      <c r="BJ870" s="23"/>
      <c r="BK870" s="23"/>
      <c r="BL870" s="23"/>
      <c r="BM870" s="23"/>
      <c r="BN870" s="23"/>
      <c r="BO870" s="23"/>
      <c r="BP870" s="23"/>
      <c r="BQ870" s="23"/>
      <c r="BR870" s="23"/>
      <c r="BS870" s="23"/>
      <c r="BT870" s="23"/>
      <c r="BU870" s="23"/>
      <c r="BV870" s="23"/>
      <c r="BW870" s="23"/>
      <c r="BX870" s="23"/>
      <c r="BY870" s="23"/>
      <c r="BZ870" s="23"/>
      <c r="CA870" s="23"/>
      <c r="CB870" s="23"/>
      <c r="CC870" s="23"/>
      <c r="CD870" s="23"/>
      <c r="CE870" s="23"/>
      <c r="CF870" s="23"/>
      <c r="CG870" s="23"/>
      <c r="CH870" s="23"/>
      <c r="CI870" s="23"/>
      <c r="CJ870" s="23"/>
      <c r="CK870" s="23"/>
      <c r="CL870" s="23"/>
      <c r="CM870" s="23"/>
      <c r="CN870" s="23"/>
      <c r="CO870" s="23"/>
      <c r="CP870" s="23"/>
      <c r="CQ870" s="23"/>
      <c r="CR870" s="23"/>
      <c r="CS870" s="23"/>
      <c r="CT870" s="23"/>
      <c r="CU870" s="23"/>
      <c r="CV870" s="23"/>
      <c r="CW870" s="23"/>
      <c r="CX870" s="23"/>
      <c r="CY870" s="23"/>
      <c r="CZ870" s="23"/>
      <c r="DA870" s="23"/>
      <c r="DB870" s="23"/>
      <c r="DC870" s="23"/>
      <c r="DD870" s="23"/>
      <c r="DE870" s="23"/>
      <c r="DF870" s="23"/>
      <c r="DG870" s="23"/>
      <c r="DH870" s="23"/>
      <c r="DI870" s="23"/>
      <c r="DJ870" s="23"/>
      <c r="DK870" s="23"/>
      <c r="DL870" s="23"/>
      <c r="DM870" s="23"/>
      <c r="DN870" s="23"/>
      <c r="DO870" s="23"/>
      <c r="DP870" s="23"/>
      <c r="DQ870" s="23"/>
      <c r="DR870" s="23"/>
      <c r="DS870" s="23"/>
      <c r="DT870" s="23"/>
      <c r="DU870" s="23"/>
      <c r="DV870" s="23"/>
      <c r="DW870" s="23"/>
      <c r="DX870" s="23"/>
      <c r="DY870" s="23"/>
      <c r="DZ870" s="23"/>
      <c r="EA870" s="23"/>
      <c r="EB870" s="23"/>
      <c r="EC870" s="23"/>
      <c r="ED870" s="23"/>
      <c r="EE870" s="23"/>
      <c r="EF870" s="23"/>
      <c r="EG870" s="23"/>
      <c r="EH870" s="23"/>
      <c r="EI870" s="23"/>
      <c r="EJ870" s="23"/>
      <c r="EK870" s="23"/>
      <c r="EL870" s="23"/>
      <c r="EM870" s="23"/>
      <c r="EN870" s="23"/>
      <c r="EO870" s="23"/>
      <c r="EP870" s="23"/>
      <c r="EQ870" s="23"/>
      <c r="ER870" s="23"/>
      <c r="ES870" s="23"/>
      <c r="ET870" s="23"/>
      <c r="EU870" s="23"/>
      <c r="EV870" s="23"/>
      <c r="EW870" s="23"/>
      <c r="EX870" s="23"/>
      <c r="EY870" s="23"/>
      <c r="EZ870" s="23"/>
      <c r="FA870" s="23"/>
      <c r="FB870" s="23"/>
      <c r="FC870" s="23"/>
      <c r="FD870" s="23"/>
      <c r="FE870" s="23"/>
      <c r="FF870" s="23"/>
      <c r="FG870" s="23"/>
      <c r="FH870" s="23"/>
      <c r="FI870" s="23"/>
      <c r="FJ870" s="23"/>
      <c r="FK870" s="23"/>
      <c r="FL870" s="23"/>
      <c r="FM870" s="23"/>
      <c r="FN870" s="23"/>
      <c r="FO870" s="23"/>
      <c r="FP870" s="23"/>
      <c r="FQ870" s="23"/>
      <c r="FR870" s="23"/>
      <c r="FS870" s="23"/>
      <c r="FT870" s="23"/>
      <c r="FU870" s="23"/>
      <c r="FV870" s="23"/>
      <c r="FW870" s="23"/>
      <c r="FX870" s="23"/>
      <c r="FY870" s="23"/>
      <c r="FZ870" s="23"/>
      <c r="GA870" s="23"/>
      <c r="GB870" s="23"/>
      <c r="GC870" s="23"/>
      <c r="GD870" s="23"/>
      <c r="GE870" s="23"/>
      <c r="GF870" s="23"/>
      <c r="GG870" s="23"/>
      <c r="GH870" s="23"/>
      <c r="GI870" s="23"/>
      <c r="GJ870" s="23"/>
      <c r="GK870" s="23"/>
      <c r="GL870" s="23"/>
      <c r="GM870" s="23"/>
      <c r="GN870" s="23"/>
      <c r="GO870" s="23"/>
      <c r="GP870" s="23"/>
      <c r="GQ870" s="23"/>
      <c r="GR870" s="23"/>
      <c r="GS870" s="23"/>
      <c r="GT870" s="23"/>
      <c r="GU870" s="23"/>
      <c r="GV870" s="23"/>
      <c r="GW870" s="23"/>
      <c r="GX870" s="23"/>
      <c r="GY870" s="23"/>
      <c r="GZ870" s="23"/>
      <c r="HA870" s="23"/>
      <c r="HB870" s="23"/>
      <c r="HC870" s="23"/>
      <c r="HD870" s="23"/>
      <c r="HE870" s="23"/>
      <c r="HF870" s="23"/>
      <c r="HG870" s="23"/>
      <c r="HH870" s="23"/>
      <c r="HI870" s="23"/>
      <c r="HJ870" s="23"/>
      <c r="HK870" s="23"/>
      <c r="HL870" s="23"/>
      <c r="HM870" s="23"/>
      <c r="HN870" s="23"/>
      <c r="HO870" s="23"/>
      <c r="HP870" s="23"/>
      <c r="HQ870" s="23"/>
      <c r="HR870" s="23"/>
      <c r="HS870" s="23"/>
      <c r="HT870" s="23"/>
      <c r="HU870" s="23"/>
      <c r="HV870" s="23"/>
      <c r="HW870" s="23"/>
      <c r="HX870" s="23"/>
      <c r="HY870" s="23"/>
      <c r="HZ870" s="23"/>
      <c r="IA870" s="23"/>
      <c r="IB870" s="23"/>
      <c r="IC870" s="23"/>
      <c r="ID870" s="23"/>
      <c r="IE870" s="23"/>
      <c r="IF870" s="23"/>
      <c r="IG870" s="23"/>
      <c r="IH870" s="23"/>
      <c r="II870" s="23"/>
      <c r="IJ870" s="23"/>
      <c r="IK870" s="23"/>
      <c r="IL870" s="23"/>
      <c r="IM870" s="23"/>
      <c r="IN870" s="23"/>
      <c r="IO870" s="23"/>
      <c r="IP870" s="23"/>
      <c r="IQ870" s="23"/>
    </row>
    <row r="871" spans="1:251" s="50" customFormat="1" ht="18.75" customHeight="1">
      <c r="A871" s="34"/>
      <c r="B871" s="48"/>
      <c r="C871" s="130"/>
      <c r="D871" s="130"/>
      <c r="E871" s="130"/>
      <c r="F871" s="130"/>
      <c r="G871" s="130"/>
      <c r="H871" s="130"/>
      <c r="I871" s="130"/>
      <c r="J871" s="130"/>
      <c r="K871" s="130"/>
      <c r="L871" s="130"/>
      <c r="M871" s="130"/>
      <c r="N871" s="130"/>
      <c r="O871" s="130"/>
      <c r="P871" s="130"/>
      <c r="Q871" s="130"/>
      <c r="R871" s="130"/>
      <c r="S871" s="130"/>
      <c r="T871" s="130"/>
      <c r="U871" s="130"/>
      <c r="V871" s="130"/>
      <c r="W871" s="130"/>
      <c r="X871" s="130"/>
      <c r="Y871" s="130"/>
      <c r="Z871" s="131"/>
      <c r="AA871" s="132"/>
      <c r="AB871" s="200"/>
      <c r="AC871" s="200"/>
      <c r="AD871" s="200"/>
      <c r="AE871" s="200"/>
      <c r="AF871" s="200"/>
      <c r="AG871" s="200"/>
      <c r="AH871" s="200"/>
      <c r="AI871" s="201"/>
      <c r="AJ871" s="132"/>
      <c r="AK871" s="196"/>
      <c r="AL871" s="196"/>
      <c r="AM871" s="196"/>
      <c r="AN871" s="196"/>
      <c r="AO871" s="196"/>
      <c r="AP871" s="196"/>
      <c r="AQ871" s="196"/>
      <c r="AR871" s="197"/>
      <c r="AS871" s="136"/>
      <c r="AT871" s="198"/>
      <c r="AU871" s="198"/>
      <c r="AV871" s="198"/>
      <c r="AW871" s="198"/>
      <c r="AX871" s="199"/>
      <c r="AY871" s="23"/>
      <c r="AZ871" s="23"/>
      <c r="BA871" s="23"/>
      <c r="BB871" s="23"/>
      <c r="BC871" s="23"/>
      <c r="BD871" s="23"/>
      <c r="BE871" s="23"/>
      <c r="BF871" s="23"/>
      <c r="BG871" s="23"/>
      <c r="BH871" s="23"/>
      <c r="BI871" s="23"/>
      <c r="BJ871" s="23"/>
      <c r="BK871" s="23"/>
      <c r="BL871" s="23"/>
      <c r="BM871" s="23"/>
      <c r="BN871" s="23"/>
      <c r="BO871" s="23"/>
      <c r="BP871" s="23"/>
      <c r="BQ871" s="23"/>
      <c r="BR871" s="23"/>
      <c r="BS871" s="23"/>
      <c r="BT871" s="23"/>
      <c r="BU871" s="23"/>
      <c r="BV871" s="23"/>
      <c r="BW871" s="23"/>
      <c r="BX871" s="23"/>
      <c r="BY871" s="23"/>
      <c r="BZ871" s="23"/>
      <c r="CA871" s="23"/>
      <c r="CB871" s="23"/>
      <c r="CC871" s="23"/>
      <c r="CD871" s="23"/>
      <c r="CE871" s="23"/>
      <c r="CF871" s="23"/>
      <c r="CG871" s="23"/>
      <c r="CH871" s="23"/>
      <c r="CI871" s="23"/>
      <c r="CJ871" s="23"/>
      <c r="CK871" s="23"/>
      <c r="CL871" s="23"/>
      <c r="CM871" s="23"/>
      <c r="CN871" s="23"/>
      <c r="CO871" s="23"/>
      <c r="CP871" s="23"/>
      <c r="CQ871" s="23"/>
      <c r="CR871" s="23"/>
      <c r="CS871" s="23"/>
      <c r="CT871" s="23"/>
      <c r="CU871" s="23"/>
      <c r="CV871" s="23"/>
      <c r="CW871" s="23"/>
      <c r="CX871" s="23"/>
      <c r="CY871" s="23"/>
      <c r="CZ871" s="23"/>
      <c r="DA871" s="23"/>
      <c r="DB871" s="23"/>
      <c r="DC871" s="23"/>
      <c r="DD871" s="23"/>
      <c r="DE871" s="23"/>
      <c r="DF871" s="23"/>
      <c r="DG871" s="23"/>
      <c r="DH871" s="23"/>
      <c r="DI871" s="23"/>
      <c r="DJ871" s="23"/>
      <c r="DK871" s="23"/>
      <c r="DL871" s="23"/>
      <c r="DM871" s="23"/>
      <c r="DN871" s="23"/>
      <c r="DO871" s="23"/>
      <c r="DP871" s="23"/>
      <c r="DQ871" s="23"/>
      <c r="DR871" s="23"/>
      <c r="DS871" s="23"/>
      <c r="DT871" s="23"/>
      <c r="DU871" s="23"/>
      <c r="DV871" s="23"/>
      <c r="DW871" s="23"/>
      <c r="DX871" s="23"/>
      <c r="DY871" s="23"/>
      <c r="DZ871" s="23"/>
      <c r="EA871" s="23"/>
      <c r="EB871" s="23"/>
      <c r="EC871" s="23"/>
      <c r="ED871" s="23"/>
      <c r="EE871" s="23"/>
      <c r="EF871" s="23"/>
      <c r="EG871" s="23"/>
      <c r="EH871" s="23"/>
      <c r="EI871" s="23"/>
      <c r="EJ871" s="23"/>
      <c r="EK871" s="23"/>
      <c r="EL871" s="23"/>
      <c r="EM871" s="23"/>
      <c r="EN871" s="23"/>
      <c r="EO871" s="23"/>
      <c r="EP871" s="23"/>
      <c r="EQ871" s="23"/>
      <c r="ER871" s="23"/>
      <c r="ES871" s="23"/>
      <c r="ET871" s="23"/>
      <c r="EU871" s="23"/>
      <c r="EV871" s="23"/>
      <c r="EW871" s="23"/>
      <c r="EX871" s="23"/>
      <c r="EY871" s="23"/>
      <c r="EZ871" s="23"/>
      <c r="FA871" s="23"/>
      <c r="FB871" s="23"/>
      <c r="FC871" s="23"/>
      <c r="FD871" s="23"/>
      <c r="FE871" s="23"/>
      <c r="FF871" s="23"/>
      <c r="FG871" s="23"/>
      <c r="FH871" s="23"/>
      <c r="FI871" s="23"/>
      <c r="FJ871" s="23"/>
      <c r="FK871" s="23"/>
      <c r="FL871" s="23"/>
      <c r="FM871" s="23"/>
      <c r="FN871" s="23"/>
      <c r="FO871" s="23"/>
      <c r="FP871" s="23"/>
      <c r="FQ871" s="23"/>
      <c r="FR871" s="23"/>
      <c r="FS871" s="23"/>
      <c r="FT871" s="23"/>
      <c r="FU871" s="23"/>
      <c r="FV871" s="23"/>
      <c r="FW871" s="23"/>
      <c r="FX871" s="23"/>
      <c r="FY871" s="23"/>
      <c r="FZ871" s="23"/>
      <c r="GA871" s="23"/>
      <c r="GB871" s="23"/>
      <c r="GC871" s="23"/>
      <c r="GD871" s="23"/>
      <c r="GE871" s="23"/>
      <c r="GF871" s="23"/>
      <c r="GG871" s="23"/>
      <c r="GH871" s="23"/>
      <c r="GI871" s="23"/>
      <c r="GJ871" s="23"/>
      <c r="GK871" s="23"/>
      <c r="GL871" s="23"/>
      <c r="GM871" s="23"/>
      <c r="GN871" s="23"/>
      <c r="GO871" s="23"/>
      <c r="GP871" s="23"/>
      <c r="GQ871" s="23"/>
      <c r="GR871" s="23"/>
      <c r="GS871" s="23"/>
      <c r="GT871" s="23"/>
      <c r="GU871" s="23"/>
      <c r="GV871" s="23"/>
      <c r="GW871" s="23"/>
      <c r="GX871" s="23"/>
      <c r="GY871" s="23"/>
      <c r="GZ871" s="23"/>
      <c r="HA871" s="23"/>
      <c r="HB871" s="23"/>
      <c r="HC871" s="23"/>
      <c r="HD871" s="23"/>
      <c r="HE871" s="23"/>
      <c r="HF871" s="23"/>
      <c r="HG871" s="23"/>
      <c r="HH871" s="23"/>
      <c r="HI871" s="23"/>
      <c r="HJ871" s="23"/>
      <c r="HK871" s="23"/>
      <c r="HL871" s="23"/>
      <c r="HM871" s="23"/>
      <c r="HN871" s="23"/>
      <c r="HO871" s="23"/>
      <c r="HP871" s="23"/>
      <c r="HQ871" s="23"/>
      <c r="HR871" s="23"/>
      <c r="HS871" s="23"/>
      <c r="HT871" s="23"/>
      <c r="HU871" s="23"/>
      <c r="HV871" s="23"/>
      <c r="HW871" s="23"/>
      <c r="HX871" s="23"/>
      <c r="HY871" s="23"/>
      <c r="HZ871" s="23"/>
      <c r="IA871" s="23"/>
      <c r="IB871" s="23"/>
      <c r="IC871" s="23"/>
      <c r="ID871" s="23"/>
      <c r="IE871" s="23"/>
      <c r="IF871" s="23"/>
      <c r="IG871" s="23"/>
      <c r="IH871" s="23"/>
      <c r="II871" s="23"/>
      <c r="IJ871" s="23"/>
      <c r="IK871" s="23"/>
      <c r="IL871" s="23"/>
      <c r="IM871" s="23"/>
      <c r="IN871" s="23"/>
      <c r="IO871" s="23"/>
      <c r="IP871" s="23"/>
      <c r="IQ871" s="23"/>
    </row>
    <row r="872" spans="1:251" s="50" customFormat="1" ht="18.75" customHeight="1">
      <c r="A872" s="34"/>
      <c r="B872" s="47"/>
      <c r="C872" s="130"/>
      <c r="D872" s="130"/>
      <c r="E872" s="130"/>
      <c r="F872" s="130"/>
      <c r="G872" s="130"/>
      <c r="H872" s="130"/>
      <c r="I872" s="130"/>
      <c r="J872" s="130"/>
      <c r="K872" s="130"/>
      <c r="L872" s="130"/>
      <c r="M872" s="130"/>
      <c r="N872" s="130"/>
      <c r="O872" s="130"/>
      <c r="P872" s="130"/>
      <c r="Q872" s="130"/>
      <c r="R872" s="130"/>
      <c r="S872" s="130"/>
      <c r="T872" s="130"/>
      <c r="U872" s="130"/>
      <c r="V872" s="130"/>
      <c r="W872" s="130"/>
      <c r="X872" s="130"/>
      <c r="Y872" s="130"/>
      <c r="Z872" s="131"/>
      <c r="AA872" s="132"/>
      <c r="AB872" s="200"/>
      <c r="AC872" s="200"/>
      <c r="AD872" s="200"/>
      <c r="AE872" s="200"/>
      <c r="AF872" s="200"/>
      <c r="AG872" s="200"/>
      <c r="AH872" s="200"/>
      <c r="AI872" s="201"/>
      <c r="AJ872" s="132"/>
      <c r="AK872" s="196"/>
      <c r="AL872" s="196"/>
      <c r="AM872" s="196"/>
      <c r="AN872" s="196"/>
      <c r="AO872" s="196"/>
      <c r="AP872" s="196"/>
      <c r="AQ872" s="196"/>
      <c r="AR872" s="197"/>
      <c r="AS872" s="132"/>
      <c r="AT872" s="196"/>
      <c r="AU872" s="196"/>
      <c r="AV872" s="196"/>
      <c r="AW872" s="196"/>
      <c r="AX872" s="202"/>
      <c r="AY872" s="23"/>
      <c r="AZ872" s="23"/>
      <c r="BA872" s="23"/>
      <c r="BB872" s="23"/>
      <c r="BC872" s="23"/>
      <c r="BD872" s="23"/>
      <c r="BE872" s="23"/>
      <c r="BF872" s="23"/>
      <c r="BG872" s="23"/>
      <c r="BH872" s="23"/>
      <c r="BI872" s="23"/>
      <c r="BJ872" s="23"/>
      <c r="BK872" s="23"/>
      <c r="BL872" s="23"/>
      <c r="BM872" s="23"/>
      <c r="BN872" s="23"/>
      <c r="BO872" s="23"/>
      <c r="BP872" s="23"/>
      <c r="BQ872" s="23"/>
      <c r="BR872" s="23"/>
      <c r="BS872" s="23"/>
      <c r="BT872" s="23"/>
      <c r="BU872" s="23"/>
      <c r="BV872" s="23"/>
      <c r="BW872" s="23"/>
      <c r="BX872" s="23"/>
      <c r="BY872" s="23"/>
      <c r="BZ872" s="23"/>
      <c r="CA872" s="23"/>
      <c r="CB872" s="23"/>
      <c r="CC872" s="23"/>
      <c r="CD872" s="23"/>
      <c r="CE872" s="23"/>
      <c r="CF872" s="23"/>
      <c r="CG872" s="23"/>
      <c r="CH872" s="23"/>
      <c r="CI872" s="23"/>
      <c r="CJ872" s="23"/>
      <c r="CK872" s="23"/>
      <c r="CL872" s="23"/>
      <c r="CM872" s="23"/>
      <c r="CN872" s="23"/>
      <c r="CO872" s="23"/>
      <c r="CP872" s="23"/>
      <c r="CQ872" s="23"/>
      <c r="CR872" s="23"/>
      <c r="CS872" s="23"/>
      <c r="CT872" s="23"/>
      <c r="CU872" s="23"/>
      <c r="CV872" s="23"/>
      <c r="CW872" s="23"/>
      <c r="CX872" s="23"/>
      <c r="CY872" s="23"/>
      <c r="CZ872" s="23"/>
      <c r="DA872" s="23"/>
      <c r="DB872" s="23"/>
      <c r="DC872" s="23"/>
      <c r="DD872" s="23"/>
      <c r="DE872" s="23"/>
      <c r="DF872" s="23"/>
      <c r="DG872" s="23"/>
      <c r="DH872" s="23"/>
      <c r="DI872" s="23"/>
      <c r="DJ872" s="23"/>
      <c r="DK872" s="23"/>
      <c r="DL872" s="23"/>
      <c r="DM872" s="23"/>
      <c r="DN872" s="23"/>
      <c r="DO872" s="23"/>
      <c r="DP872" s="23"/>
      <c r="DQ872" s="23"/>
      <c r="DR872" s="23"/>
      <c r="DS872" s="23"/>
      <c r="DT872" s="23"/>
      <c r="DU872" s="23"/>
      <c r="DV872" s="23"/>
      <c r="DW872" s="23"/>
      <c r="DX872" s="23"/>
      <c r="DY872" s="23"/>
      <c r="DZ872" s="23"/>
      <c r="EA872" s="23"/>
      <c r="EB872" s="23"/>
      <c r="EC872" s="23"/>
      <c r="ED872" s="23"/>
      <c r="EE872" s="23"/>
      <c r="EF872" s="23"/>
      <c r="EG872" s="23"/>
      <c r="EH872" s="23"/>
      <c r="EI872" s="23"/>
      <c r="EJ872" s="23"/>
      <c r="EK872" s="23"/>
      <c r="EL872" s="23"/>
      <c r="EM872" s="23"/>
      <c r="EN872" s="23"/>
      <c r="EO872" s="23"/>
      <c r="EP872" s="23"/>
      <c r="EQ872" s="23"/>
      <c r="ER872" s="23"/>
      <c r="ES872" s="23"/>
      <c r="ET872" s="23"/>
      <c r="EU872" s="23"/>
      <c r="EV872" s="23"/>
      <c r="EW872" s="23"/>
      <c r="EX872" s="23"/>
      <c r="EY872" s="23"/>
      <c r="EZ872" s="23"/>
      <c r="FA872" s="23"/>
      <c r="FB872" s="23"/>
      <c r="FC872" s="23"/>
      <c r="FD872" s="23"/>
      <c r="FE872" s="23"/>
      <c r="FF872" s="23"/>
      <c r="FG872" s="23"/>
      <c r="FH872" s="23"/>
      <c r="FI872" s="23"/>
      <c r="FJ872" s="23"/>
      <c r="FK872" s="23"/>
      <c r="FL872" s="23"/>
      <c r="FM872" s="23"/>
      <c r="FN872" s="23"/>
      <c r="FO872" s="23"/>
      <c r="FP872" s="23"/>
      <c r="FQ872" s="23"/>
      <c r="FR872" s="23"/>
      <c r="FS872" s="23"/>
      <c r="FT872" s="23"/>
      <c r="FU872" s="23"/>
      <c r="FV872" s="23"/>
      <c r="FW872" s="23"/>
      <c r="FX872" s="23"/>
      <c r="FY872" s="23"/>
      <c r="FZ872" s="23"/>
      <c r="GA872" s="23"/>
      <c r="GB872" s="23"/>
      <c r="GC872" s="23"/>
      <c r="GD872" s="23"/>
      <c r="GE872" s="23"/>
      <c r="GF872" s="23"/>
      <c r="GG872" s="23"/>
      <c r="GH872" s="23"/>
      <c r="GI872" s="23"/>
      <c r="GJ872" s="23"/>
      <c r="GK872" s="23"/>
      <c r="GL872" s="23"/>
      <c r="GM872" s="23"/>
      <c r="GN872" s="23"/>
      <c r="GO872" s="23"/>
      <c r="GP872" s="23"/>
      <c r="GQ872" s="23"/>
      <c r="GR872" s="23"/>
      <c r="GS872" s="23"/>
      <c r="GT872" s="23"/>
      <c r="GU872" s="23"/>
      <c r="GV872" s="23"/>
      <c r="GW872" s="23"/>
      <c r="GX872" s="23"/>
      <c r="GY872" s="23"/>
      <c r="GZ872" s="23"/>
      <c r="HA872" s="23"/>
      <c r="HB872" s="23"/>
      <c r="HC872" s="23"/>
      <c r="HD872" s="23"/>
      <c r="HE872" s="23"/>
      <c r="HF872" s="23"/>
      <c r="HG872" s="23"/>
      <c r="HH872" s="23"/>
      <c r="HI872" s="23"/>
      <c r="HJ872" s="23"/>
      <c r="HK872" s="23"/>
      <c r="HL872" s="23"/>
      <c r="HM872" s="23"/>
      <c r="HN872" s="23"/>
      <c r="HO872" s="23"/>
      <c r="HP872" s="23"/>
      <c r="HQ872" s="23"/>
      <c r="HR872" s="23"/>
      <c r="HS872" s="23"/>
      <c r="HT872" s="23"/>
      <c r="HU872" s="23"/>
      <c r="HV872" s="23"/>
      <c r="HW872" s="23"/>
      <c r="HX872" s="23"/>
      <c r="HY872" s="23"/>
      <c r="HZ872" s="23"/>
      <c r="IA872" s="23"/>
      <c r="IB872" s="23"/>
      <c r="IC872" s="23"/>
      <c r="ID872" s="23"/>
      <c r="IE872" s="23"/>
      <c r="IF872" s="23"/>
      <c r="IG872" s="23"/>
      <c r="IH872" s="23"/>
      <c r="II872" s="23"/>
      <c r="IJ872" s="23"/>
      <c r="IK872" s="23"/>
      <c r="IL872" s="23"/>
      <c r="IM872" s="23"/>
      <c r="IN872" s="23"/>
      <c r="IO872" s="23"/>
      <c r="IP872" s="23"/>
      <c r="IQ872" s="23"/>
    </row>
    <row r="873" spans="1:251" s="50" customFormat="1" ht="18.75" customHeight="1">
      <c r="A873" s="34"/>
      <c r="B873" s="48"/>
      <c r="C873" s="130"/>
      <c r="D873" s="130"/>
      <c r="E873" s="130"/>
      <c r="F873" s="130"/>
      <c r="G873" s="130"/>
      <c r="H873" s="130"/>
      <c r="I873" s="130"/>
      <c r="J873" s="130"/>
      <c r="K873" s="130"/>
      <c r="L873" s="130"/>
      <c r="M873" s="130"/>
      <c r="N873" s="130"/>
      <c r="O873" s="130"/>
      <c r="P873" s="130"/>
      <c r="Q873" s="130"/>
      <c r="R873" s="130"/>
      <c r="S873" s="130"/>
      <c r="T873" s="130"/>
      <c r="U873" s="130"/>
      <c r="V873" s="130"/>
      <c r="W873" s="130"/>
      <c r="X873" s="130"/>
      <c r="Y873" s="130"/>
      <c r="Z873" s="131"/>
      <c r="AA873" s="132"/>
      <c r="AB873" s="200"/>
      <c r="AC873" s="200"/>
      <c r="AD873" s="200"/>
      <c r="AE873" s="200"/>
      <c r="AF873" s="200"/>
      <c r="AG873" s="200"/>
      <c r="AH873" s="200"/>
      <c r="AI873" s="201"/>
      <c r="AJ873" s="132"/>
      <c r="AK873" s="133"/>
      <c r="AL873" s="133"/>
      <c r="AM873" s="133"/>
      <c r="AN873" s="133"/>
      <c r="AO873" s="133"/>
      <c r="AP873" s="133"/>
      <c r="AQ873" s="133"/>
      <c r="AR873" s="134"/>
      <c r="AS873" s="132"/>
      <c r="AT873" s="196"/>
      <c r="AU873" s="196"/>
      <c r="AV873" s="196"/>
      <c r="AW873" s="196"/>
      <c r="AX873" s="202"/>
      <c r="AY873" s="23"/>
      <c r="AZ873" s="23"/>
      <c r="BA873" s="23"/>
      <c r="BB873" s="23"/>
      <c r="BC873" s="23"/>
      <c r="BD873" s="23"/>
      <c r="BE873" s="23"/>
      <c r="BF873" s="23"/>
      <c r="BG873" s="23"/>
      <c r="BH873" s="23"/>
      <c r="BI873" s="23"/>
      <c r="BJ873" s="23"/>
      <c r="BK873" s="23"/>
      <c r="BL873" s="23"/>
      <c r="BM873" s="23"/>
      <c r="BN873" s="23"/>
      <c r="BO873" s="23"/>
      <c r="BP873" s="23"/>
      <c r="BQ873" s="23"/>
      <c r="BR873" s="23"/>
      <c r="BS873" s="23"/>
      <c r="BT873" s="23"/>
      <c r="BU873" s="23"/>
      <c r="BV873" s="23"/>
      <c r="BW873" s="23"/>
      <c r="BX873" s="23"/>
      <c r="BY873" s="23"/>
      <c r="BZ873" s="23"/>
      <c r="CA873" s="23"/>
      <c r="CB873" s="23"/>
      <c r="CC873" s="23"/>
      <c r="CD873" s="23"/>
      <c r="CE873" s="23"/>
      <c r="CF873" s="23"/>
      <c r="CG873" s="23"/>
      <c r="CH873" s="23"/>
      <c r="CI873" s="23"/>
      <c r="CJ873" s="23"/>
      <c r="CK873" s="23"/>
      <c r="CL873" s="23"/>
      <c r="CM873" s="23"/>
      <c r="CN873" s="23"/>
      <c r="CO873" s="23"/>
      <c r="CP873" s="23"/>
      <c r="CQ873" s="23"/>
      <c r="CR873" s="23"/>
      <c r="CS873" s="23"/>
      <c r="CT873" s="23"/>
      <c r="CU873" s="23"/>
      <c r="CV873" s="23"/>
      <c r="CW873" s="23"/>
      <c r="CX873" s="23"/>
      <c r="CY873" s="23"/>
      <c r="CZ873" s="23"/>
      <c r="DA873" s="23"/>
      <c r="DB873" s="23"/>
      <c r="DC873" s="23"/>
      <c r="DD873" s="23"/>
      <c r="DE873" s="23"/>
      <c r="DF873" s="23"/>
      <c r="DG873" s="23"/>
      <c r="DH873" s="23"/>
      <c r="DI873" s="23"/>
      <c r="DJ873" s="23"/>
      <c r="DK873" s="23"/>
      <c r="DL873" s="23"/>
      <c r="DM873" s="23"/>
      <c r="DN873" s="23"/>
      <c r="DO873" s="23"/>
      <c r="DP873" s="23"/>
      <c r="DQ873" s="23"/>
      <c r="DR873" s="23"/>
      <c r="DS873" s="23"/>
      <c r="DT873" s="23"/>
      <c r="DU873" s="23"/>
      <c r="DV873" s="23"/>
      <c r="DW873" s="23"/>
      <c r="DX873" s="23"/>
      <c r="DY873" s="23"/>
      <c r="DZ873" s="23"/>
      <c r="EA873" s="23"/>
      <c r="EB873" s="23"/>
      <c r="EC873" s="23"/>
      <c r="ED873" s="23"/>
      <c r="EE873" s="23"/>
      <c r="EF873" s="23"/>
      <c r="EG873" s="23"/>
      <c r="EH873" s="23"/>
      <c r="EI873" s="23"/>
      <c r="EJ873" s="23"/>
      <c r="EK873" s="23"/>
      <c r="EL873" s="23"/>
      <c r="EM873" s="23"/>
      <c r="EN873" s="23"/>
      <c r="EO873" s="23"/>
      <c r="EP873" s="23"/>
      <c r="EQ873" s="23"/>
      <c r="ER873" s="23"/>
      <c r="ES873" s="23"/>
      <c r="ET873" s="23"/>
      <c r="EU873" s="23"/>
      <c r="EV873" s="23"/>
      <c r="EW873" s="23"/>
      <c r="EX873" s="23"/>
      <c r="EY873" s="23"/>
      <c r="EZ873" s="23"/>
      <c r="FA873" s="23"/>
      <c r="FB873" s="23"/>
      <c r="FC873" s="23"/>
      <c r="FD873" s="23"/>
      <c r="FE873" s="23"/>
      <c r="FF873" s="23"/>
      <c r="FG873" s="23"/>
      <c r="FH873" s="23"/>
      <c r="FI873" s="23"/>
      <c r="FJ873" s="23"/>
      <c r="FK873" s="23"/>
      <c r="FL873" s="23"/>
      <c r="FM873" s="23"/>
      <c r="FN873" s="23"/>
      <c r="FO873" s="23"/>
      <c r="FP873" s="23"/>
      <c r="FQ873" s="23"/>
      <c r="FR873" s="23"/>
      <c r="FS873" s="23"/>
      <c r="FT873" s="23"/>
      <c r="FU873" s="23"/>
      <c r="FV873" s="23"/>
      <c r="FW873" s="23"/>
      <c r="FX873" s="23"/>
      <c r="FY873" s="23"/>
      <c r="FZ873" s="23"/>
      <c r="GA873" s="23"/>
      <c r="GB873" s="23"/>
      <c r="GC873" s="23"/>
      <c r="GD873" s="23"/>
      <c r="GE873" s="23"/>
      <c r="GF873" s="23"/>
      <c r="GG873" s="23"/>
      <c r="GH873" s="23"/>
      <c r="GI873" s="23"/>
      <c r="GJ873" s="23"/>
      <c r="GK873" s="23"/>
      <c r="GL873" s="23"/>
      <c r="GM873" s="23"/>
      <c r="GN873" s="23"/>
      <c r="GO873" s="23"/>
      <c r="GP873" s="23"/>
      <c r="GQ873" s="23"/>
      <c r="GR873" s="23"/>
      <c r="GS873" s="23"/>
      <c r="GT873" s="23"/>
      <c r="GU873" s="23"/>
      <c r="GV873" s="23"/>
      <c r="GW873" s="23"/>
      <c r="GX873" s="23"/>
      <c r="GY873" s="23"/>
      <c r="GZ873" s="23"/>
      <c r="HA873" s="23"/>
      <c r="HB873" s="23"/>
      <c r="HC873" s="23"/>
      <c r="HD873" s="23"/>
      <c r="HE873" s="23"/>
      <c r="HF873" s="23"/>
      <c r="HG873" s="23"/>
      <c r="HH873" s="23"/>
      <c r="HI873" s="23"/>
      <c r="HJ873" s="23"/>
      <c r="HK873" s="23"/>
      <c r="HL873" s="23"/>
      <c r="HM873" s="23"/>
      <c r="HN873" s="23"/>
      <c r="HO873" s="23"/>
      <c r="HP873" s="23"/>
      <c r="HQ873" s="23"/>
      <c r="HR873" s="23"/>
      <c r="HS873" s="23"/>
      <c r="HT873" s="23"/>
      <c r="HU873" s="23"/>
      <c r="HV873" s="23"/>
      <c r="HW873" s="23"/>
      <c r="HX873" s="23"/>
      <c r="HY873" s="23"/>
      <c r="HZ873" s="23"/>
      <c r="IA873" s="23"/>
      <c r="IB873" s="23"/>
      <c r="IC873" s="23"/>
      <c r="ID873" s="23"/>
      <c r="IE873" s="23"/>
      <c r="IF873" s="23"/>
      <c r="IG873" s="23"/>
      <c r="IH873" s="23"/>
      <c r="II873" s="23"/>
      <c r="IJ873" s="23"/>
      <c r="IK873" s="23"/>
      <c r="IL873" s="23"/>
      <c r="IM873" s="23"/>
      <c r="IN873" s="23"/>
      <c r="IO873" s="23"/>
      <c r="IP873" s="23"/>
      <c r="IQ873" s="23"/>
    </row>
    <row r="874" spans="1:251" s="50" customFormat="1" ht="18.75" customHeight="1" thickBot="1">
      <c r="A874" s="34"/>
      <c r="B874" s="49"/>
      <c r="C874" s="158"/>
      <c r="D874" s="158"/>
      <c r="E874" s="158"/>
      <c r="F874" s="158"/>
      <c r="G874" s="158"/>
      <c r="H874" s="158"/>
      <c r="I874" s="158"/>
      <c r="J874" s="158"/>
      <c r="K874" s="158"/>
      <c r="L874" s="158"/>
      <c r="M874" s="158"/>
      <c r="N874" s="158"/>
      <c r="O874" s="158"/>
      <c r="P874" s="158"/>
      <c r="Q874" s="158"/>
      <c r="R874" s="158"/>
      <c r="S874" s="158"/>
      <c r="T874" s="158"/>
      <c r="U874" s="158"/>
      <c r="V874" s="158"/>
      <c r="W874" s="158"/>
      <c r="X874" s="158"/>
      <c r="Y874" s="158"/>
      <c r="Z874" s="159"/>
      <c r="AA874" s="160"/>
      <c r="AB874" s="211"/>
      <c r="AC874" s="211"/>
      <c r="AD874" s="211"/>
      <c r="AE874" s="211"/>
      <c r="AF874" s="211"/>
      <c r="AG874" s="211"/>
      <c r="AH874" s="211"/>
      <c r="AI874" s="212"/>
      <c r="AJ874" s="160"/>
      <c r="AK874" s="161"/>
      <c r="AL874" s="161"/>
      <c r="AM874" s="161"/>
      <c r="AN874" s="161"/>
      <c r="AO874" s="161"/>
      <c r="AP874" s="161"/>
      <c r="AQ874" s="161"/>
      <c r="AR874" s="162"/>
      <c r="AS874" s="188"/>
      <c r="AT874" s="213"/>
      <c r="AU874" s="213"/>
      <c r="AV874" s="213"/>
      <c r="AW874" s="213"/>
      <c r="AX874" s="214"/>
      <c r="AY874" s="23"/>
      <c r="AZ874" s="23"/>
      <c r="BA874" s="23"/>
      <c r="BB874" s="23"/>
      <c r="BC874" s="23"/>
      <c r="BD874" s="23"/>
      <c r="BE874" s="23"/>
      <c r="BF874" s="23"/>
      <c r="BG874" s="23"/>
      <c r="BH874" s="23"/>
      <c r="BI874" s="23"/>
      <c r="BJ874" s="23"/>
      <c r="BK874" s="23"/>
      <c r="BL874" s="23"/>
      <c r="BM874" s="23"/>
      <c r="BN874" s="23"/>
      <c r="BO874" s="23"/>
      <c r="BP874" s="23"/>
      <c r="BQ874" s="23"/>
      <c r="BR874" s="23"/>
      <c r="BS874" s="23"/>
      <c r="BT874" s="23"/>
      <c r="BU874" s="23"/>
      <c r="BV874" s="23"/>
      <c r="BW874" s="23"/>
      <c r="BX874" s="23"/>
      <c r="BY874" s="23"/>
      <c r="BZ874" s="23"/>
      <c r="CA874" s="23"/>
      <c r="CB874" s="23"/>
      <c r="CC874" s="23"/>
      <c r="CD874" s="23"/>
      <c r="CE874" s="23"/>
      <c r="CF874" s="23"/>
      <c r="CG874" s="23"/>
      <c r="CH874" s="23"/>
      <c r="CI874" s="23"/>
      <c r="CJ874" s="23"/>
      <c r="CK874" s="23"/>
      <c r="CL874" s="23"/>
      <c r="CM874" s="23"/>
      <c r="CN874" s="23"/>
      <c r="CO874" s="23"/>
      <c r="CP874" s="23"/>
      <c r="CQ874" s="23"/>
      <c r="CR874" s="23"/>
      <c r="CS874" s="23"/>
      <c r="CT874" s="23"/>
      <c r="CU874" s="23"/>
      <c r="CV874" s="23"/>
      <c r="CW874" s="23"/>
      <c r="CX874" s="23"/>
      <c r="CY874" s="23"/>
      <c r="CZ874" s="23"/>
      <c r="DA874" s="23"/>
      <c r="DB874" s="23"/>
      <c r="DC874" s="23"/>
      <c r="DD874" s="23"/>
      <c r="DE874" s="23"/>
      <c r="DF874" s="23"/>
      <c r="DG874" s="23"/>
      <c r="DH874" s="23"/>
      <c r="DI874" s="23"/>
      <c r="DJ874" s="23"/>
      <c r="DK874" s="23"/>
      <c r="DL874" s="23"/>
      <c r="DM874" s="23"/>
      <c r="DN874" s="23"/>
      <c r="DO874" s="23"/>
      <c r="DP874" s="23"/>
      <c r="DQ874" s="23"/>
      <c r="DR874" s="23"/>
      <c r="DS874" s="23"/>
      <c r="DT874" s="23"/>
      <c r="DU874" s="23"/>
      <c r="DV874" s="23"/>
      <c r="DW874" s="23"/>
      <c r="DX874" s="23"/>
      <c r="DY874" s="23"/>
      <c r="DZ874" s="23"/>
      <c r="EA874" s="23"/>
      <c r="EB874" s="23"/>
      <c r="EC874" s="23"/>
      <c r="ED874" s="23"/>
      <c r="EE874" s="23"/>
      <c r="EF874" s="23"/>
      <c r="EG874" s="23"/>
      <c r="EH874" s="23"/>
      <c r="EI874" s="23"/>
      <c r="EJ874" s="23"/>
      <c r="EK874" s="23"/>
      <c r="EL874" s="23"/>
      <c r="EM874" s="23"/>
      <c r="EN874" s="23"/>
      <c r="EO874" s="23"/>
      <c r="EP874" s="23"/>
      <c r="EQ874" s="23"/>
      <c r="ER874" s="23"/>
      <c r="ES874" s="23"/>
      <c r="ET874" s="23"/>
      <c r="EU874" s="23"/>
      <c r="EV874" s="23"/>
      <c r="EW874" s="23"/>
      <c r="EX874" s="23"/>
      <c r="EY874" s="23"/>
      <c r="EZ874" s="23"/>
      <c r="FA874" s="23"/>
      <c r="FB874" s="23"/>
      <c r="FC874" s="23"/>
      <c r="FD874" s="23"/>
      <c r="FE874" s="23"/>
      <c r="FF874" s="23"/>
      <c r="FG874" s="23"/>
      <c r="FH874" s="23"/>
      <c r="FI874" s="23"/>
      <c r="FJ874" s="23"/>
      <c r="FK874" s="23"/>
      <c r="FL874" s="23"/>
      <c r="FM874" s="23"/>
      <c r="FN874" s="23"/>
      <c r="FO874" s="23"/>
      <c r="FP874" s="23"/>
      <c r="FQ874" s="23"/>
      <c r="FR874" s="23"/>
      <c r="FS874" s="23"/>
      <c r="FT874" s="23"/>
      <c r="FU874" s="23"/>
      <c r="FV874" s="23"/>
      <c r="FW874" s="23"/>
      <c r="FX874" s="23"/>
      <c r="FY874" s="23"/>
      <c r="FZ874" s="23"/>
      <c r="GA874" s="23"/>
      <c r="GB874" s="23"/>
      <c r="GC874" s="23"/>
      <c r="GD874" s="23"/>
      <c r="GE874" s="23"/>
      <c r="GF874" s="23"/>
      <c r="GG874" s="23"/>
      <c r="GH874" s="23"/>
      <c r="GI874" s="23"/>
      <c r="GJ874" s="23"/>
      <c r="GK874" s="23"/>
      <c r="GL874" s="23"/>
      <c r="GM874" s="23"/>
      <c r="GN874" s="23"/>
      <c r="GO874" s="23"/>
      <c r="GP874" s="23"/>
      <c r="GQ874" s="23"/>
      <c r="GR874" s="23"/>
      <c r="GS874" s="23"/>
      <c r="GT874" s="23"/>
      <c r="GU874" s="23"/>
      <c r="GV874" s="23"/>
      <c r="GW874" s="23"/>
      <c r="GX874" s="23"/>
      <c r="GY874" s="23"/>
      <c r="GZ874" s="23"/>
      <c r="HA874" s="23"/>
      <c r="HB874" s="23"/>
      <c r="HC874" s="23"/>
      <c r="HD874" s="23"/>
      <c r="HE874" s="23"/>
      <c r="HF874" s="23"/>
      <c r="HG874" s="23"/>
      <c r="HH874" s="23"/>
      <c r="HI874" s="23"/>
      <c r="HJ874" s="23"/>
      <c r="HK874" s="23"/>
      <c r="HL874" s="23"/>
      <c r="HM874" s="23"/>
      <c r="HN874" s="23"/>
      <c r="HO874" s="23"/>
      <c r="HP874" s="23"/>
      <c r="HQ874" s="23"/>
      <c r="HR874" s="23"/>
      <c r="HS874" s="23"/>
      <c r="HT874" s="23"/>
      <c r="HU874" s="23"/>
      <c r="HV874" s="23"/>
      <c r="HW874" s="23"/>
      <c r="HX874" s="23"/>
      <c r="HY874" s="23"/>
      <c r="HZ874" s="23"/>
      <c r="IA874" s="23"/>
      <c r="IB874" s="23"/>
      <c r="IC874" s="23"/>
      <c r="ID874" s="23"/>
      <c r="IE874" s="23"/>
      <c r="IF874" s="23"/>
      <c r="IG874" s="23"/>
      <c r="IH874" s="23"/>
      <c r="II874" s="23"/>
      <c r="IJ874" s="23"/>
      <c r="IK874" s="23"/>
      <c r="IL874" s="23"/>
      <c r="IM874" s="23"/>
      <c r="IN874" s="23"/>
      <c r="IO874" s="23"/>
      <c r="IP874" s="23"/>
      <c r="IQ874" s="23"/>
    </row>
    <row r="875" spans="1:251" s="50" customFormat="1" ht="18.75" customHeight="1" thickTop="1" thickBot="1">
      <c r="A875" s="38"/>
      <c r="B875" s="164" t="s">
        <v>105</v>
      </c>
      <c r="C875" s="191"/>
      <c r="D875" s="191"/>
      <c r="E875" s="191"/>
      <c r="F875" s="191"/>
      <c r="G875" s="191"/>
      <c r="H875" s="191"/>
      <c r="I875" s="191"/>
      <c r="J875" s="191"/>
      <c r="K875" s="191"/>
      <c r="L875" s="191"/>
      <c r="M875" s="191"/>
      <c r="N875" s="191"/>
      <c r="O875" s="191"/>
      <c r="P875" s="191"/>
      <c r="Q875" s="191"/>
      <c r="R875" s="191"/>
      <c r="S875" s="191"/>
      <c r="T875" s="191"/>
      <c r="U875" s="191"/>
      <c r="V875" s="191"/>
      <c r="W875" s="191"/>
      <c r="X875" s="191"/>
      <c r="Y875" s="191"/>
      <c r="Z875" s="192"/>
      <c r="AA875" s="167">
        <f>SUM(AA867:AA874)</f>
        <v>3324474</v>
      </c>
      <c r="AB875" s="215"/>
      <c r="AC875" s="215"/>
      <c r="AD875" s="215"/>
      <c r="AE875" s="215"/>
      <c r="AF875" s="215"/>
      <c r="AG875" s="215"/>
      <c r="AH875" s="215"/>
      <c r="AI875" s="216"/>
      <c r="AJ875" s="167">
        <f>SUM(AJ867:AJ874)</f>
        <v>2931939</v>
      </c>
      <c r="AK875" s="215"/>
      <c r="AL875" s="215"/>
      <c r="AM875" s="215"/>
      <c r="AN875" s="215"/>
      <c r="AO875" s="215"/>
      <c r="AP875" s="215"/>
      <c r="AQ875" s="215"/>
      <c r="AR875" s="216"/>
      <c r="AS875" s="167"/>
      <c r="AT875" s="215"/>
      <c r="AU875" s="215"/>
      <c r="AV875" s="215"/>
      <c r="AW875" s="215"/>
      <c r="AX875" s="217"/>
      <c r="AY875" s="23"/>
      <c r="AZ875" s="23"/>
      <c r="BA875" s="23"/>
      <c r="BB875" s="23"/>
      <c r="BC875" s="23"/>
      <c r="BD875" s="23"/>
      <c r="BE875" s="23"/>
      <c r="BF875" s="23"/>
      <c r="BG875" s="23"/>
      <c r="BH875" s="23"/>
      <c r="BI875" s="23"/>
      <c r="BJ875" s="23"/>
      <c r="BK875" s="23"/>
      <c r="BL875" s="23"/>
      <c r="BM875" s="23"/>
      <c r="BN875" s="23"/>
      <c r="BO875" s="23"/>
      <c r="BP875" s="23"/>
      <c r="BQ875" s="23"/>
      <c r="BR875" s="23"/>
      <c r="BS875" s="23"/>
      <c r="BT875" s="23"/>
      <c r="BU875" s="23"/>
      <c r="BV875" s="23"/>
      <c r="BW875" s="23"/>
      <c r="BX875" s="23"/>
      <c r="BY875" s="23"/>
      <c r="BZ875" s="23"/>
      <c r="CA875" s="23"/>
      <c r="CB875" s="23"/>
      <c r="CC875" s="23"/>
      <c r="CD875" s="23"/>
      <c r="CE875" s="23"/>
      <c r="CF875" s="23"/>
      <c r="CG875" s="23"/>
      <c r="CH875" s="23"/>
      <c r="CI875" s="23"/>
      <c r="CJ875" s="23"/>
      <c r="CK875" s="23"/>
      <c r="CL875" s="23"/>
      <c r="CM875" s="23"/>
      <c r="CN875" s="23"/>
      <c r="CO875" s="23"/>
      <c r="CP875" s="23"/>
      <c r="CQ875" s="23"/>
      <c r="CR875" s="23"/>
      <c r="CS875" s="23"/>
      <c r="CT875" s="23"/>
      <c r="CU875" s="23"/>
      <c r="CV875" s="23"/>
      <c r="CW875" s="23"/>
      <c r="CX875" s="23"/>
      <c r="CY875" s="23"/>
      <c r="CZ875" s="23"/>
      <c r="DA875" s="23"/>
      <c r="DB875" s="23"/>
      <c r="DC875" s="23"/>
      <c r="DD875" s="23"/>
      <c r="DE875" s="23"/>
      <c r="DF875" s="23"/>
      <c r="DG875" s="23"/>
      <c r="DH875" s="23"/>
      <c r="DI875" s="23"/>
      <c r="DJ875" s="23"/>
      <c r="DK875" s="23"/>
      <c r="DL875" s="23"/>
      <c r="DM875" s="23"/>
      <c r="DN875" s="23"/>
      <c r="DO875" s="23"/>
      <c r="DP875" s="23"/>
      <c r="DQ875" s="23"/>
      <c r="DR875" s="23"/>
      <c r="DS875" s="23"/>
      <c r="DT875" s="23"/>
      <c r="DU875" s="23"/>
      <c r="DV875" s="23"/>
      <c r="DW875" s="23"/>
      <c r="DX875" s="23"/>
      <c r="DY875" s="23"/>
      <c r="DZ875" s="23"/>
      <c r="EA875" s="23"/>
      <c r="EB875" s="23"/>
      <c r="EC875" s="23"/>
      <c r="ED875" s="23"/>
      <c r="EE875" s="23"/>
      <c r="EF875" s="23"/>
      <c r="EG875" s="23"/>
      <c r="EH875" s="23"/>
      <c r="EI875" s="23"/>
      <c r="EJ875" s="23"/>
      <c r="EK875" s="23"/>
      <c r="EL875" s="23"/>
      <c r="EM875" s="23"/>
      <c r="EN875" s="23"/>
      <c r="EO875" s="23"/>
      <c r="EP875" s="23"/>
      <c r="EQ875" s="23"/>
      <c r="ER875" s="23"/>
      <c r="ES875" s="23"/>
      <c r="ET875" s="23"/>
      <c r="EU875" s="23"/>
      <c r="EV875" s="23"/>
      <c r="EW875" s="23"/>
      <c r="EX875" s="23"/>
      <c r="EY875" s="23"/>
      <c r="EZ875" s="23"/>
      <c r="FA875" s="23"/>
      <c r="FB875" s="23"/>
      <c r="FC875" s="23"/>
      <c r="FD875" s="23"/>
      <c r="FE875" s="23"/>
      <c r="FF875" s="23"/>
      <c r="FG875" s="23"/>
      <c r="FH875" s="23"/>
      <c r="FI875" s="23"/>
      <c r="FJ875" s="23"/>
      <c r="FK875" s="23"/>
      <c r="FL875" s="23"/>
      <c r="FM875" s="23"/>
      <c r="FN875" s="23"/>
      <c r="FO875" s="23"/>
      <c r="FP875" s="23"/>
      <c r="FQ875" s="23"/>
      <c r="FR875" s="23"/>
      <c r="FS875" s="23"/>
      <c r="FT875" s="23"/>
      <c r="FU875" s="23"/>
      <c r="FV875" s="23"/>
      <c r="FW875" s="23"/>
      <c r="FX875" s="23"/>
      <c r="FY875" s="23"/>
      <c r="FZ875" s="23"/>
      <c r="GA875" s="23"/>
      <c r="GB875" s="23"/>
      <c r="GC875" s="23"/>
      <c r="GD875" s="23"/>
      <c r="GE875" s="23"/>
      <c r="GF875" s="23"/>
      <c r="GG875" s="23"/>
      <c r="GH875" s="23"/>
      <c r="GI875" s="23"/>
      <c r="GJ875" s="23"/>
      <c r="GK875" s="23"/>
      <c r="GL875" s="23"/>
      <c r="GM875" s="23"/>
      <c r="GN875" s="23"/>
      <c r="GO875" s="23"/>
      <c r="GP875" s="23"/>
      <c r="GQ875" s="23"/>
      <c r="GR875" s="23"/>
      <c r="GS875" s="23"/>
      <c r="GT875" s="23"/>
      <c r="GU875" s="23"/>
      <c r="GV875" s="23"/>
      <c r="GW875" s="23"/>
      <c r="GX875" s="23"/>
      <c r="GY875" s="23"/>
      <c r="GZ875" s="23"/>
      <c r="HA875" s="23"/>
      <c r="HB875" s="23"/>
      <c r="HC875" s="23"/>
      <c r="HD875" s="23"/>
      <c r="HE875" s="23"/>
      <c r="HF875" s="23"/>
      <c r="HG875" s="23"/>
      <c r="HH875" s="23"/>
      <c r="HI875" s="23"/>
      <c r="HJ875" s="23"/>
      <c r="HK875" s="23"/>
      <c r="HL875" s="23"/>
      <c r="HM875" s="23"/>
      <c r="HN875" s="23"/>
      <c r="HO875" s="23"/>
      <c r="HP875" s="23"/>
      <c r="HQ875" s="23"/>
      <c r="HR875" s="23"/>
      <c r="HS875" s="23"/>
      <c r="HT875" s="23"/>
      <c r="HU875" s="23"/>
      <c r="HV875" s="23"/>
      <c r="HW875" s="23"/>
      <c r="HX875" s="23"/>
      <c r="HY875" s="23"/>
      <c r="HZ875" s="23"/>
      <c r="IA875" s="23"/>
      <c r="IB875" s="23"/>
      <c r="IC875" s="23"/>
      <c r="ID875" s="23"/>
      <c r="IE875" s="23"/>
      <c r="IF875" s="23"/>
      <c r="IG875" s="23"/>
      <c r="IH875" s="23"/>
      <c r="II875" s="23"/>
      <c r="IJ875" s="23"/>
      <c r="IK875" s="23"/>
      <c r="IL875" s="23"/>
      <c r="IM875" s="23"/>
      <c r="IN875" s="23"/>
      <c r="IO875" s="23"/>
      <c r="IP875" s="23"/>
      <c r="IQ875" s="23"/>
    </row>
    <row r="877" spans="1:251" s="23" customFormat="1" ht="19.2">
      <c r="A877" s="22" t="s">
        <v>86</v>
      </c>
      <c r="AW877" s="24"/>
      <c r="AX877" s="25"/>
      <c r="AY877" s="24"/>
    </row>
    <row r="878" spans="1:251" s="23" customFormat="1" ht="13.2"/>
    <row r="879" spans="1:251" s="23" customFormat="1">
      <c r="A879" s="26"/>
      <c r="B879" s="115" t="s">
        <v>87</v>
      </c>
      <c r="C879" s="153"/>
      <c r="D879" s="153"/>
      <c r="E879" s="153"/>
      <c r="F879" s="153"/>
      <c r="G879" s="153"/>
      <c r="H879" s="153"/>
      <c r="I879" s="153"/>
      <c r="J879" s="153"/>
      <c r="K879" s="153"/>
      <c r="L879" s="153"/>
      <c r="M879" s="153"/>
      <c r="N879" s="153"/>
      <c r="O879" s="153"/>
      <c r="P879" s="153"/>
      <c r="Q879" s="153"/>
      <c r="R879" s="153"/>
      <c r="S879" s="153"/>
      <c r="T879" s="153"/>
      <c r="U879" s="153"/>
      <c r="V879" s="153"/>
      <c r="W879" s="153"/>
      <c r="X879" s="153"/>
      <c r="Y879" s="153"/>
      <c r="Z879" s="153"/>
      <c r="AA879" s="153"/>
      <c r="AB879" s="153"/>
      <c r="AC879" s="153"/>
      <c r="AD879" s="153"/>
      <c r="AE879" s="153"/>
      <c r="AF879" s="153"/>
      <c r="AG879" s="153"/>
      <c r="AH879" s="153"/>
      <c r="AI879" s="153"/>
      <c r="AJ879" s="153"/>
      <c r="AK879" s="153"/>
      <c r="AL879" s="153"/>
      <c r="AM879" s="153"/>
      <c r="AN879" s="153"/>
      <c r="AO879" s="153"/>
      <c r="AP879" s="153"/>
      <c r="AQ879" s="153"/>
      <c r="AR879" s="153"/>
      <c r="AS879" s="153"/>
      <c r="AT879" s="153"/>
      <c r="AU879" s="153"/>
      <c r="AV879" s="153"/>
      <c r="AW879" s="153"/>
      <c r="AX879" s="153"/>
      <c r="AY879" s="26"/>
    </row>
    <row r="880" spans="1:251" s="23" customFormat="1" ht="13.2">
      <c r="Z880" s="27"/>
      <c r="AD880" s="27"/>
      <c r="AE880" s="27"/>
      <c r="AF880" s="27"/>
      <c r="AG880" s="27"/>
      <c r="AH880" s="27"/>
      <c r="AI880" s="27"/>
      <c r="AO880" s="27"/>
    </row>
    <row r="881" spans="1:113" s="23" customFormat="1" ht="13.8" thickBot="1">
      <c r="Z881" s="27"/>
      <c r="AD881" s="27"/>
      <c r="AE881" s="27"/>
      <c r="AF881" s="27"/>
      <c r="AG881" s="27"/>
      <c r="AH881" s="27"/>
      <c r="AI881" s="27"/>
      <c r="AO881" s="27"/>
      <c r="DI881" s="28"/>
    </row>
    <row r="882" spans="1:113" s="23" customFormat="1" ht="24.6" customHeight="1" thickBot="1">
      <c r="A882" s="116" t="s">
        <v>88</v>
      </c>
      <c r="B882" s="117"/>
      <c r="C882" s="117"/>
      <c r="D882" s="117"/>
      <c r="E882" s="117"/>
      <c r="F882" s="117"/>
      <c r="G882" s="117"/>
      <c r="H882" s="117"/>
      <c r="I882" s="117"/>
      <c r="J882" s="117"/>
      <c r="K882" s="118"/>
      <c r="L882" s="154">
        <v>26</v>
      </c>
      <c r="M882" s="154"/>
      <c r="N882" s="154"/>
      <c r="O882" s="155"/>
      <c r="P882" s="122" t="s">
        <v>89</v>
      </c>
      <c r="Q882" s="120"/>
      <c r="R882" s="120"/>
      <c r="S882" s="120"/>
      <c r="T882" s="120"/>
      <c r="U882" s="123"/>
      <c r="V882" s="156" t="s">
        <v>178</v>
      </c>
      <c r="W882" s="156"/>
      <c r="X882" s="156"/>
      <c r="Y882" s="156"/>
      <c r="Z882" s="156"/>
      <c r="AA882" s="156"/>
      <c r="AB882" s="156"/>
      <c r="AC882" s="156"/>
      <c r="AD882" s="156"/>
      <c r="AE882" s="156"/>
      <c r="AF882" s="156"/>
      <c r="AG882" s="156"/>
      <c r="AH882" s="156"/>
      <c r="AI882" s="156"/>
      <c r="AJ882" s="156"/>
      <c r="AK882" s="156"/>
      <c r="AL882" s="156"/>
      <c r="AM882" s="156"/>
      <c r="AN882" s="156"/>
      <c r="AO882" s="156"/>
      <c r="AP882" s="156"/>
      <c r="AQ882" s="156"/>
      <c r="AR882" s="156"/>
      <c r="AS882" s="156"/>
      <c r="AT882" s="156"/>
      <c r="AU882" s="156"/>
      <c r="AV882" s="156"/>
      <c r="AW882" s="156"/>
      <c r="AX882" s="157"/>
      <c r="DI882" s="28"/>
    </row>
    <row r="883" spans="1:113" s="23" customFormat="1" ht="14.4">
      <c r="A883" s="29"/>
      <c r="B883" s="29"/>
      <c r="C883" s="29"/>
      <c r="D883" s="29"/>
      <c r="E883" s="29"/>
      <c r="F883" s="29"/>
      <c r="G883" s="29"/>
      <c r="H883" s="29"/>
      <c r="I883" s="29"/>
      <c r="J883" s="29"/>
      <c r="K883" s="29"/>
      <c r="L883" s="30"/>
      <c r="M883" s="30"/>
      <c r="N883" s="30"/>
      <c r="O883" s="30"/>
      <c r="P883" s="29"/>
      <c r="Q883" s="29"/>
      <c r="R883" s="29"/>
      <c r="S883" s="29"/>
      <c r="T883" s="29"/>
      <c r="U883" s="29"/>
      <c r="V883" s="31"/>
      <c r="W883" s="31"/>
      <c r="X883" s="31"/>
      <c r="Y883" s="31"/>
      <c r="Z883" s="31"/>
      <c r="AA883" s="31"/>
      <c r="AB883" s="31"/>
      <c r="AC883" s="31"/>
      <c r="AD883" s="31"/>
      <c r="AE883" s="31"/>
      <c r="AF883" s="31"/>
      <c r="AG883" s="31"/>
      <c r="AH883" s="31"/>
      <c r="AI883" s="31"/>
      <c r="AJ883" s="31"/>
      <c r="AK883" s="31"/>
      <c r="AL883" s="31"/>
      <c r="AM883" s="31"/>
      <c r="AN883" s="31"/>
      <c r="AO883" s="31"/>
      <c r="AP883" s="31"/>
      <c r="AQ883" s="31"/>
      <c r="AR883" s="31"/>
      <c r="AS883" s="31"/>
      <c r="AT883" s="31"/>
      <c r="AU883" s="31"/>
      <c r="AV883" s="31"/>
      <c r="AW883" s="31"/>
      <c r="AX883" s="31"/>
      <c r="DI883" s="28"/>
    </row>
    <row r="884" spans="1:113" s="23" customFormat="1" ht="15" thickBot="1">
      <c r="A884" s="32"/>
      <c r="B884" s="33" t="s">
        <v>91</v>
      </c>
      <c r="C884" s="34"/>
      <c r="D884" s="34"/>
      <c r="E884" s="34"/>
      <c r="F884" s="34"/>
      <c r="G884" s="34"/>
      <c r="H884" s="34"/>
      <c r="I884" s="34"/>
      <c r="J884" s="34"/>
      <c r="K884" s="34"/>
      <c r="L884" s="35"/>
      <c r="M884" s="35"/>
      <c r="N884" s="35"/>
      <c r="O884" s="35"/>
      <c r="P884" s="34"/>
      <c r="Q884" s="34"/>
      <c r="R884" s="34"/>
      <c r="S884" s="34"/>
      <c r="T884" s="34"/>
      <c r="U884" s="34"/>
      <c r="V884" s="33"/>
      <c r="W884" s="33"/>
      <c r="X884" s="33"/>
      <c r="Y884" s="33"/>
      <c r="Z884" s="33"/>
      <c r="AA884" s="33"/>
      <c r="AB884" s="33"/>
      <c r="AC884" s="33"/>
      <c r="AD884" s="33"/>
      <c r="AE884" s="33"/>
      <c r="AF884" s="33"/>
      <c r="AG884" s="33"/>
      <c r="AH884" s="33"/>
      <c r="AI884" s="33"/>
      <c r="AJ884" s="33"/>
      <c r="AK884" s="33"/>
      <c r="AL884" s="33"/>
      <c r="AM884" s="33"/>
      <c r="AN884" s="33"/>
      <c r="AO884" s="33"/>
      <c r="AP884" s="33"/>
      <c r="AQ884" s="33"/>
      <c r="AR884" s="33"/>
      <c r="AS884" s="33"/>
      <c r="AT884" s="33"/>
      <c r="AU884" s="33"/>
      <c r="AV884" s="33"/>
      <c r="AW884" s="33"/>
      <c r="AX884" s="33"/>
      <c r="DI884" s="28"/>
    </row>
    <row r="885" spans="1:113" s="23" customFormat="1" ht="14.4">
      <c r="A885" s="34"/>
      <c r="B885" s="36"/>
      <c r="C885" s="29"/>
      <c r="D885" s="29"/>
      <c r="E885" s="29"/>
      <c r="F885" s="29"/>
      <c r="G885" s="29"/>
      <c r="H885" s="29"/>
      <c r="I885" s="29"/>
      <c r="J885" s="29"/>
      <c r="K885" s="29"/>
      <c r="L885" s="30"/>
      <c r="M885" s="30"/>
      <c r="N885" s="30"/>
      <c r="O885" s="30"/>
      <c r="P885" s="29"/>
      <c r="Q885" s="29"/>
      <c r="R885" s="29"/>
      <c r="S885" s="29"/>
      <c r="T885" s="29"/>
      <c r="U885" s="29"/>
      <c r="V885" s="31"/>
      <c r="W885" s="31"/>
      <c r="X885" s="31"/>
      <c r="Y885" s="31"/>
      <c r="Z885" s="31"/>
      <c r="AA885" s="31"/>
      <c r="AB885" s="31"/>
      <c r="AC885" s="31"/>
      <c r="AD885" s="31"/>
      <c r="AE885" s="31"/>
      <c r="AF885" s="31"/>
      <c r="AG885" s="31"/>
      <c r="AH885" s="31"/>
      <c r="AI885" s="31"/>
      <c r="AJ885" s="31"/>
      <c r="AK885" s="31"/>
      <c r="AL885" s="31"/>
      <c r="AM885" s="31"/>
      <c r="AN885" s="31"/>
      <c r="AO885" s="31"/>
      <c r="AP885" s="31"/>
      <c r="AQ885" s="31"/>
      <c r="AR885" s="31"/>
      <c r="AS885" s="31"/>
      <c r="AT885" s="31"/>
      <c r="AU885" s="31"/>
      <c r="AV885" s="31"/>
      <c r="AW885" s="31"/>
      <c r="AX885" s="37"/>
    </row>
    <row r="886" spans="1:113" s="23" customFormat="1" ht="10.8" customHeight="1">
      <c r="A886" s="34"/>
      <c r="B886" s="127" t="s">
        <v>179</v>
      </c>
      <c r="C886" s="128"/>
      <c r="D886" s="128"/>
      <c r="E886" s="128"/>
      <c r="F886" s="128"/>
      <c r="G886" s="128"/>
      <c r="H886" s="128"/>
      <c r="I886" s="128"/>
      <c r="J886" s="128"/>
      <c r="K886" s="128"/>
      <c r="L886" s="128"/>
      <c r="M886" s="128"/>
      <c r="N886" s="128"/>
      <c r="O886" s="128"/>
      <c r="P886" s="128"/>
      <c r="Q886" s="128"/>
      <c r="R886" s="128"/>
      <c r="S886" s="128"/>
      <c r="T886" s="128"/>
      <c r="U886" s="128"/>
      <c r="V886" s="128"/>
      <c r="W886" s="128"/>
      <c r="X886" s="128"/>
      <c r="Y886" s="128"/>
      <c r="Z886" s="128"/>
      <c r="AA886" s="128"/>
      <c r="AB886" s="128"/>
      <c r="AC886" s="128"/>
      <c r="AD886" s="128"/>
      <c r="AE886" s="128"/>
      <c r="AF886" s="128"/>
      <c r="AG886" s="128"/>
      <c r="AH886" s="128"/>
      <c r="AI886" s="128"/>
      <c r="AJ886" s="128"/>
      <c r="AK886" s="128"/>
      <c r="AL886" s="128"/>
      <c r="AM886" s="128"/>
      <c r="AN886" s="128"/>
      <c r="AO886" s="128"/>
      <c r="AP886" s="128"/>
      <c r="AQ886" s="128"/>
      <c r="AR886" s="128"/>
      <c r="AS886" s="128"/>
      <c r="AT886" s="128"/>
      <c r="AU886" s="128"/>
      <c r="AV886" s="128"/>
      <c r="AW886" s="128"/>
      <c r="AX886" s="129"/>
    </row>
    <row r="887" spans="1:113" s="23" customFormat="1" ht="10.8" customHeight="1">
      <c r="A887" s="34"/>
      <c r="B887" s="127"/>
      <c r="C887" s="128"/>
      <c r="D887" s="128"/>
      <c r="E887" s="128"/>
      <c r="F887" s="128"/>
      <c r="G887" s="128"/>
      <c r="H887" s="128"/>
      <c r="I887" s="128"/>
      <c r="J887" s="128"/>
      <c r="K887" s="128"/>
      <c r="L887" s="128"/>
      <c r="M887" s="128"/>
      <c r="N887" s="128"/>
      <c r="O887" s="128"/>
      <c r="P887" s="128"/>
      <c r="Q887" s="128"/>
      <c r="R887" s="128"/>
      <c r="S887" s="128"/>
      <c r="T887" s="128"/>
      <c r="U887" s="128"/>
      <c r="V887" s="128"/>
      <c r="W887" s="128"/>
      <c r="X887" s="128"/>
      <c r="Y887" s="128"/>
      <c r="Z887" s="128"/>
      <c r="AA887" s="128"/>
      <c r="AB887" s="128"/>
      <c r="AC887" s="128"/>
      <c r="AD887" s="128"/>
      <c r="AE887" s="128"/>
      <c r="AF887" s="128"/>
      <c r="AG887" s="128"/>
      <c r="AH887" s="128"/>
      <c r="AI887" s="128"/>
      <c r="AJ887" s="128"/>
      <c r="AK887" s="128"/>
      <c r="AL887" s="128"/>
      <c r="AM887" s="128"/>
      <c r="AN887" s="128"/>
      <c r="AO887" s="128"/>
      <c r="AP887" s="128"/>
      <c r="AQ887" s="128"/>
      <c r="AR887" s="128"/>
      <c r="AS887" s="128"/>
      <c r="AT887" s="128"/>
      <c r="AU887" s="128"/>
      <c r="AV887" s="128"/>
      <c r="AW887" s="128"/>
      <c r="AX887" s="129"/>
      <c r="BC887" s="17"/>
    </row>
    <row r="888" spans="1:113" s="23" customFormat="1" ht="10.8" customHeight="1">
      <c r="A888" s="34"/>
      <c r="B888" s="127"/>
      <c r="C888" s="128"/>
      <c r="D888" s="128"/>
      <c r="E888" s="128"/>
      <c r="F888" s="128"/>
      <c r="G888" s="128"/>
      <c r="H888" s="128"/>
      <c r="I888" s="128"/>
      <c r="J888" s="128"/>
      <c r="K888" s="128"/>
      <c r="L888" s="128"/>
      <c r="M888" s="128"/>
      <c r="N888" s="128"/>
      <c r="O888" s="128"/>
      <c r="P888" s="128"/>
      <c r="Q888" s="128"/>
      <c r="R888" s="128"/>
      <c r="S888" s="128"/>
      <c r="T888" s="128"/>
      <c r="U888" s="128"/>
      <c r="V888" s="128"/>
      <c r="W888" s="128"/>
      <c r="X888" s="128"/>
      <c r="Y888" s="128"/>
      <c r="Z888" s="128"/>
      <c r="AA888" s="128"/>
      <c r="AB888" s="128"/>
      <c r="AC888" s="128"/>
      <c r="AD888" s="128"/>
      <c r="AE888" s="128"/>
      <c r="AF888" s="128"/>
      <c r="AG888" s="128"/>
      <c r="AH888" s="128"/>
      <c r="AI888" s="128"/>
      <c r="AJ888" s="128"/>
      <c r="AK888" s="128"/>
      <c r="AL888" s="128"/>
      <c r="AM888" s="128"/>
      <c r="AN888" s="128"/>
      <c r="AO888" s="128"/>
      <c r="AP888" s="128"/>
      <c r="AQ888" s="128"/>
      <c r="AR888" s="128"/>
      <c r="AS888" s="128"/>
      <c r="AT888" s="128"/>
      <c r="AU888" s="128"/>
      <c r="AV888" s="128"/>
      <c r="AW888" s="128"/>
      <c r="AX888" s="129"/>
    </row>
    <row r="889" spans="1:113" s="23" customFormat="1" ht="10.8" customHeight="1">
      <c r="A889" s="34"/>
      <c r="B889" s="127"/>
      <c r="C889" s="128"/>
      <c r="D889" s="128"/>
      <c r="E889" s="128"/>
      <c r="F889" s="128"/>
      <c r="G889" s="128"/>
      <c r="H889" s="128"/>
      <c r="I889" s="128"/>
      <c r="J889" s="128"/>
      <c r="K889" s="128"/>
      <c r="L889" s="128"/>
      <c r="M889" s="128"/>
      <c r="N889" s="128"/>
      <c r="O889" s="128"/>
      <c r="P889" s="128"/>
      <c r="Q889" s="128"/>
      <c r="R889" s="128"/>
      <c r="S889" s="128"/>
      <c r="T889" s="128"/>
      <c r="U889" s="128"/>
      <c r="V889" s="128"/>
      <c r="W889" s="128"/>
      <c r="X889" s="128"/>
      <c r="Y889" s="128"/>
      <c r="Z889" s="128"/>
      <c r="AA889" s="128"/>
      <c r="AB889" s="128"/>
      <c r="AC889" s="128"/>
      <c r="AD889" s="128"/>
      <c r="AE889" s="128"/>
      <c r="AF889" s="128"/>
      <c r="AG889" s="128"/>
      <c r="AH889" s="128"/>
      <c r="AI889" s="128"/>
      <c r="AJ889" s="128"/>
      <c r="AK889" s="128"/>
      <c r="AL889" s="128"/>
      <c r="AM889" s="128"/>
      <c r="AN889" s="128"/>
      <c r="AO889" s="128"/>
      <c r="AP889" s="128"/>
      <c r="AQ889" s="128"/>
      <c r="AR889" s="128"/>
      <c r="AS889" s="128"/>
      <c r="AT889" s="128"/>
      <c r="AU889" s="128"/>
      <c r="AV889" s="128"/>
      <c r="AW889" s="128"/>
      <c r="AX889" s="129"/>
    </row>
    <row r="890" spans="1:113" s="23" customFormat="1" ht="10.8" customHeight="1">
      <c r="A890" s="34"/>
      <c r="B890" s="127"/>
      <c r="C890" s="128"/>
      <c r="D890" s="128"/>
      <c r="E890" s="128"/>
      <c r="F890" s="128"/>
      <c r="G890" s="128"/>
      <c r="H890" s="128"/>
      <c r="I890" s="128"/>
      <c r="J890" s="128"/>
      <c r="K890" s="128"/>
      <c r="L890" s="128"/>
      <c r="M890" s="128"/>
      <c r="N890" s="128"/>
      <c r="O890" s="128"/>
      <c r="P890" s="128"/>
      <c r="Q890" s="128"/>
      <c r="R890" s="128"/>
      <c r="S890" s="128"/>
      <c r="T890" s="128"/>
      <c r="U890" s="128"/>
      <c r="V890" s="128"/>
      <c r="W890" s="128"/>
      <c r="X890" s="128"/>
      <c r="Y890" s="128"/>
      <c r="Z890" s="128"/>
      <c r="AA890" s="128"/>
      <c r="AB890" s="128"/>
      <c r="AC890" s="128"/>
      <c r="AD890" s="128"/>
      <c r="AE890" s="128"/>
      <c r="AF890" s="128"/>
      <c r="AG890" s="128"/>
      <c r="AH890" s="128"/>
      <c r="AI890" s="128"/>
      <c r="AJ890" s="128"/>
      <c r="AK890" s="128"/>
      <c r="AL890" s="128"/>
      <c r="AM890" s="128"/>
      <c r="AN890" s="128"/>
      <c r="AO890" s="128"/>
      <c r="AP890" s="128"/>
      <c r="AQ890" s="128"/>
      <c r="AR890" s="128"/>
      <c r="AS890" s="128"/>
      <c r="AT890" s="128"/>
      <c r="AU890" s="128"/>
      <c r="AV890" s="128"/>
      <c r="AW890" s="128"/>
      <c r="AX890" s="129"/>
    </row>
    <row r="891" spans="1:113" s="23" customFormat="1" ht="10.8" customHeight="1">
      <c r="A891" s="34"/>
      <c r="B891" s="127"/>
      <c r="C891" s="128"/>
      <c r="D891" s="128"/>
      <c r="E891" s="128"/>
      <c r="F891" s="128"/>
      <c r="G891" s="128"/>
      <c r="H891" s="128"/>
      <c r="I891" s="128"/>
      <c r="J891" s="128"/>
      <c r="K891" s="128"/>
      <c r="L891" s="128"/>
      <c r="M891" s="128"/>
      <c r="N891" s="128"/>
      <c r="O891" s="128"/>
      <c r="P891" s="128"/>
      <c r="Q891" s="128"/>
      <c r="R891" s="128"/>
      <c r="S891" s="128"/>
      <c r="T891" s="128"/>
      <c r="U891" s="128"/>
      <c r="V891" s="128"/>
      <c r="W891" s="128"/>
      <c r="X891" s="128"/>
      <c r="Y891" s="128"/>
      <c r="Z891" s="128"/>
      <c r="AA891" s="128"/>
      <c r="AB891" s="128"/>
      <c r="AC891" s="128"/>
      <c r="AD891" s="128"/>
      <c r="AE891" s="128"/>
      <c r="AF891" s="128"/>
      <c r="AG891" s="128"/>
      <c r="AH891" s="128"/>
      <c r="AI891" s="128"/>
      <c r="AJ891" s="128"/>
      <c r="AK891" s="128"/>
      <c r="AL891" s="128"/>
      <c r="AM891" s="128"/>
      <c r="AN891" s="128"/>
      <c r="AO891" s="128"/>
      <c r="AP891" s="128"/>
      <c r="AQ891" s="128"/>
      <c r="AR891" s="128"/>
      <c r="AS891" s="128"/>
      <c r="AT891" s="128"/>
      <c r="AU891" s="128"/>
      <c r="AV891" s="128"/>
      <c r="AW891" s="128"/>
      <c r="AX891" s="129"/>
    </row>
    <row r="892" spans="1:113" s="23" customFormat="1" ht="10.8" customHeight="1">
      <c r="A892" s="34"/>
      <c r="B892" s="127"/>
      <c r="C892" s="128"/>
      <c r="D892" s="128"/>
      <c r="E892" s="128"/>
      <c r="F892" s="128"/>
      <c r="G892" s="128"/>
      <c r="H892" s="128"/>
      <c r="I892" s="128"/>
      <c r="J892" s="128"/>
      <c r="K892" s="128"/>
      <c r="L892" s="128"/>
      <c r="M892" s="128"/>
      <c r="N892" s="128"/>
      <c r="O892" s="128"/>
      <c r="P892" s="128"/>
      <c r="Q892" s="128"/>
      <c r="R892" s="128"/>
      <c r="S892" s="128"/>
      <c r="T892" s="128"/>
      <c r="U892" s="128"/>
      <c r="V892" s="128"/>
      <c r="W892" s="128"/>
      <c r="X892" s="128"/>
      <c r="Y892" s="128"/>
      <c r="Z892" s="128"/>
      <c r="AA892" s="128"/>
      <c r="AB892" s="128"/>
      <c r="AC892" s="128"/>
      <c r="AD892" s="128"/>
      <c r="AE892" s="128"/>
      <c r="AF892" s="128"/>
      <c r="AG892" s="128"/>
      <c r="AH892" s="128"/>
      <c r="AI892" s="128"/>
      <c r="AJ892" s="128"/>
      <c r="AK892" s="128"/>
      <c r="AL892" s="128"/>
      <c r="AM892" s="128"/>
      <c r="AN892" s="128"/>
      <c r="AO892" s="128"/>
      <c r="AP892" s="128"/>
      <c r="AQ892" s="128"/>
      <c r="AR892" s="128"/>
      <c r="AS892" s="128"/>
      <c r="AT892" s="128"/>
      <c r="AU892" s="128"/>
      <c r="AV892" s="128"/>
      <c r="AW892" s="128"/>
      <c r="AX892" s="129"/>
    </row>
    <row r="893" spans="1:113" s="23" customFormat="1" ht="10.8" customHeight="1">
      <c r="A893" s="34"/>
      <c r="B893" s="127"/>
      <c r="C893" s="128"/>
      <c r="D893" s="128"/>
      <c r="E893" s="128"/>
      <c r="F893" s="128"/>
      <c r="G893" s="128"/>
      <c r="H893" s="128"/>
      <c r="I893" s="128"/>
      <c r="J893" s="128"/>
      <c r="K893" s="128"/>
      <c r="L893" s="128"/>
      <c r="M893" s="128"/>
      <c r="N893" s="128"/>
      <c r="O893" s="128"/>
      <c r="P893" s="128"/>
      <c r="Q893" s="128"/>
      <c r="R893" s="128"/>
      <c r="S893" s="128"/>
      <c r="T893" s="128"/>
      <c r="U893" s="128"/>
      <c r="V893" s="128"/>
      <c r="W893" s="128"/>
      <c r="X893" s="128"/>
      <c r="Y893" s="128"/>
      <c r="Z893" s="128"/>
      <c r="AA893" s="128"/>
      <c r="AB893" s="128"/>
      <c r="AC893" s="128"/>
      <c r="AD893" s="128"/>
      <c r="AE893" s="128"/>
      <c r="AF893" s="128"/>
      <c r="AG893" s="128"/>
      <c r="AH893" s="128"/>
      <c r="AI893" s="128"/>
      <c r="AJ893" s="128"/>
      <c r="AK893" s="128"/>
      <c r="AL893" s="128"/>
      <c r="AM893" s="128"/>
      <c r="AN893" s="128"/>
      <c r="AO893" s="128"/>
      <c r="AP893" s="128"/>
      <c r="AQ893" s="128"/>
      <c r="AR893" s="128"/>
      <c r="AS893" s="128"/>
      <c r="AT893" s="128"/>
      <c r="AU893" s="128"/>
      <c r="AV893" s="128"/>
      <c r="AW893" s="128"/>
      <c r="AX893" s="129"/>
    </row>
    <row r="894" spans="1:113" s="23" customFormat="1" ht="10.8" customHeight="1">
      <c r="A894" s="34"/>
      <c r="B894" s="127"/>
      <c r="C894" s="128"/>
      <c r="D894" s="128"/>
      <c r="E894" s="128"/>
      <c r="F894" s="128"/>
      <c r="G894" s="128"/>
      <c r="H894" s="128"/>
      <c r="I894" s="128"/>
      <c r="J894" s="128"/>
      <c r="K894" s="128"/>
      <c r="L894" s="128"/>
      <c r="M894" s="128"/>
      <c r="N894" s="128"/>
      <c r="O894" s="128"/>
      <c r="P894" s="128"/>
      <c r="Q894" s="128"/>
      <c r="R894" s="128"/>
      <c r="S894" s="128"/>
      <c r="T894" s="128"/>
      <c r="U894" s="128"/>
      <c r="V894" s="128"/>
      <c r="W894" s="128"/>
      <c r="X894" s="128"/>
      <c r="Y894" s="128"/>
      <c r="Z894" s="128"/>
      <c r="AA894" s="128"/>
      <c r="AB894" s="128"/>
      <c r="AC894" s="128"/>
      <c r="AD894" s="128"/>
      <c r="AE894" s="128"/>
      <c r="AF894" s="128"/>
      <c r="AG894" s="128"/>
      <c r="AH894" s="128"/>
      <c r="AI894" s="128"/>
      <c r="AJ894" s="128"/>
      <c r="AK894" s="128"/>
      <c r="AL894" s="128"/>
      <c r="AM894" s="128"/>
      <c r="AN894" s="128"/>
      <c r="AO894" s="128"/>
      <c r="AP894" s="128"/>
      <c r="AQ894" s="128"/>
      <c r="AR894" s="128"/>
      <c r="AS894" s="128"/>
      <c r="AT894" s="128"/>
      <c r="AU894" s="128"/>
      <c r="AV894" s="128"/>
      <c r="AW894" s="128"/>
      <c r="AX894" s="129"/>
    </row>
    <row r="895" spans="1:113" s="23" customFormat="1" ht="10.8" customHeight="1">
      <c r="A895" s="34"/>
      <c r="B895" s="127"/>
      <c r="C895" s="128"/>
      <c r="D895" s="128"/>
      <c r="E895" s="128"/>
      <c r="F895" s="128"/>
      <c r="G895" s="128"/>
      <c r="H895" s="128"/>
      <c r="I895" s="128"/>
      <c r="J895" s="128"/>
      <c r="K895" s="128"/>
      <c r="L895" s="128"/>
      <c r="M895" s="128"/>
      <c r="N895" s="128"/>
      <c r="O895" s="128"/>
      <c r="P895" s="128"/>
      <c r="Q895" s="128"/>
      <c r="R895" s="128"/>
      <c r="S895" s="128"/>
      <c r="T895" s="128"/>
      <c r="U895" s="128"/>
      <c r="V895" s="128"/>
      <c r="W895" s="128"/>
      <c r="X895" s="128"/>
      <c r="Y895" s="128"/>
      <c r="Z895" s="128"/>
      <c r="AA895" s="128"/>
      <c r="AB895" s="128"/>
      <c r="AC895" s="128"/>
      <c r="AD895" s="128"/>
      <c r="AE895" s="128"/>
      <c r="AF895" s="128"/>
      <c r="AG895" s="128"/>
      <c r="AH895" s="128"/>
      <c r="AI895" s="128"/>
      <c r="AJ895" s="128"/>
      <c r="AK895" s="128"/>
      <c r="AL895" s="128"/>
      <c r="AM895" s="128"/>
      <c r="AN895" s="128"/>
      <c r="AO895" s="128"/>
      <c r="AP895" s="128"/>
      <c r="AQ895" s="128"/>
      <c r="AR895" s="128"/>
      <c r="AS895" s="128"/>
      <c r="AT895" s="128"/>
      <c r="AU895" s="128"/>
      <c r="AV895" s="128"/>
      <c r="AW895" s="128"/>
      <c r="AX895" s="129"/>
    </row>
    <row r="896" spans="1:113" s="23" customFormat="1" ht="15" thickBot="1">
      <c r="A896" s="38"/>
      <c r="B896" s="39"/>
      <c r="C896" s="40"/>
      <c r="D896" s="40"/>
      <c r="E896" s="40"/>
      <c r="F896" s="40"/>
      <c r="G896" s="40"/>
      <c r="H896" s="40"/>
      <c r="I896" s="40"/>
      <c r="J896" s="40"/>
      <c r="K896" s="40"/>
      <c r="L896" s="40"/>
      <c r="M896" s="40"/>
      <c r="N896" s="40"/>
      <c r="O896" s="40"/>
      <c r="P896" s="40"/>
      <c r="Q896" s="40"/>
      <c r="R896" s="40"/>
      <c r="S896" s="40"/>
      <c r="T896" s="40"/>
      <c r="U896" s="40"/>
      <c r="V896" s="40"/>
      <c r="W896" s="40"/>
      <c r="X896" s="40"/>
      <c r="Y896" s="40"/>
      <c r="Z896" s="40"/>
      <c r="AA896" s="40"/>
      <c r="AB896" s="40"/>
      <c r="AC896" s="40"/>
      <c r="AD896" s="40"/>
      <c r="AE896" s="40"/>
      <c r="AF896" s="40"/>
      <c r="AG896" s="40"/>
      <c r="AH896" s="40"/>
      <c r="AI896" s="40"/>
      <c r="AJ896" s="40"/>
      <c r="AK896" s="40"/>
      <c r="AL896" s="40"/>
      <c r="AM896" s="40"/>
      <c r="AN896" s="40"/>
      <c r="AO896" s="40"/>
      <c r="AP896" s="40"/>
      <c r="AQ896" s="40"/>
      <c r="AR896" s="40"/>
      <c r="AS896" s="40"/>
      <c r="AT896" s="40"/>
      <c r="AU896" s="40"/>
      <c r="AV896" s="40"/>
      <c r="AW896" s="40"/>
      <c r="AX896" s="41"/>
    </row>
    <row r="897" spans="1:251" s="23" customFormat="1" ht="13.2">
      <c r="B897" s="42"/>
    </row>
    <row r="898" spans="1:251" s="23" customFormat="1" ht="14.4">
      <c r="B898" s="33" t="s">
        <v>93</v>
      </c>
      <c r="C898" s="34"/>
      <c r="D898" s="34"/>
      <c r="E898" s="34"/>
      <c r="F898" s="34"/>
      <c r="G898" s="34"/>
      <c r="H898" s="34"/>
      <c r="I898" s="34"/>
      <c r="J898" s="34"/>
      <c r="K898" s="34"/>
      <c r="L898" s="35"/>
      <c r="M898" s="35"/>
      <c r="N898" s="35"/>
      <c r="O898" s="35"/>
      <c r="P898" s="34"/>
      <c r="Q898" s="34"/>
      <c r="R898" s="34"/>
      <c r="S898" s="34"/>
      <c r="T898" s="34"/>
      <c r="U898" s="34"/>
      <c r="V898" s="33"/>
      <c r="W898" s="33"/>
      <c r="X898" s="33"/>
      <c r="Y898" s="33"/>
      <c r="Z898" s="33"/>
      <c r="AA898" s="33"/>
      <c r="AB898" s="33"/>
      <c r="AC898" s="33"/>
      <c r="AD898" s="33"/>
      <c r="AE898" s="33"/>
      <c r="AF898" s="33"/>
      <c r="AG898" s="33"/>
      <c r="AH898" s="33"/>
      <c r="AI898" s="33"/>
      <c r="AJ898" s="33"/>
      <c r="AK898" s="33"/>
      <c r="AL898" s="33"/>
      <c r="AM898" s="33"/>
      <c r="AN898" s="33"/>
      <c r="AO898" s="33"/>
      <c r="AP898" s="33"/>
      <c r="AQ898" s="33"/>
      <c r="AR898" s="33"/>
      <c r="AS898" s="33"/>
      <c r="AT898" s="33"/>
      <c r="AU898" s="33"/>
      <c r="AV898" s="33"/>
      <c r="AW898" s="33"/>
      <c r="AX898" s="33"/>
    </row>
    <row r="899" spans="1:251" s="23" customFormat="1" ht="15" thickBot="1">
      <c r="B899" s="33"/>
      <c r="C899" s="34"/>
      <c r="D899" s="34"/>
      <c r="E899" s="34"/>
      <c r="F899" s="34"/>
      <c r="G899" s="34"/>
      <c r="H899" s="34"/>
      <c r="I899" s="34"/>
      <c r="J899" s="34"/>
      <c r="K899" s="34"/>
      <c r="L899" s="35"/>
      <c r="M899" s="35"/>
      <c r="N899" s="35"/>
      <c r="O899" s="35"/>
      <c r="P899" s="34"/>
      <c r="Q899" s="34"/>
      <c r="R899" s="34"/>
      <c r="S899" s="34"/>
      <c r="T899" s="34"/>
      <c r="U899" s="34"/>
      <c r="V899" s="33"/>
      <c r="W899" s="33"/>
      <c r="X899" s="33"/>
      <c r="Y899" s="33"/>
      <c r="Z899" s="33"/>
      <c r="AA899" s="33"/>
      <c r="AB899" s="33"/>
      <c r="AC899" s="33"/>
      <c r="AD899" s="33"/>
      <c r="AE899" s="33"/>
      <c r="AF899" s="33"/>
      <c r="AG899" s="33"/>
      <c r="AH899" s="33"/>
      <c r="AI899" s="33"/>
      <c r="AJ899" s="33"/>
      <c r="AK899" s="33"/>
      <c r="AL899" s="33"/>
      <c r="AM899" s="33"/>
      <c r="AN899" s="33"/>
      <c r="AO899" s="33"/>
      <c r="AP899" s="33"/>
      <c r="AQ899" s="33"/>
      <c r="AR899" s="33"/>
      <c r="AS899" s="33"/>
      <c r="AT899" s="33"/>
      <c r="AU899" s="33"/>
      <c r="AV899" s="33"/>
      <c r="AW899" s="33"/>
      <c r="AX899" s="43" t="s">
        <v>94</v>
      </c>
    </row>
    <row r="900" spans="1:251" s="50" customFormat="1" ht="13.5" customHeight="1">
      <c r="A900" s="34"/>
      <c r="B900" s="139" t="s">
        <v>95</v>
      </c>
      <c r="C900" s="203"/>
      <c r="D900" s="203"/>
      <c r="E900" s="203"/>
      <c r="F900" s="203"/>
      <c r="G900" s="203"/>
      <c r="H900" s="203"/>
      <c r="I900" s="203"/>
      <c r="J900" s="203"/>
      <c r="K900" s="203"/>
      <c r="L900" s="203"/>
      <c r="M900" s="203"/>
      <c r="N900" s="203"/>
      <c r="O900" s="203"/>
      <c r="P900" s="203"/>
      <c r="Q900" s="203"/>
      <c r="R900" s="203"/>
      <c r="S900" s="203"/>
      <c r="T900" s="203"/>
      <c r="U900" s="203"/>
      <c r="V900" s="203"/>
      <c r="W900" s="203"/>
      <c r="X900" s="203"/>
      <c r="Y900" s="203"/>
      <c r="Z900" s="204"/>
      <c r="AA900" s="145" t="s">
        <v>116</v>
      </c>
      <c r="AB900" s="203"/>
      <c r="AC900" s="203"/>
      <c r="AD900" s="203"/>
      <c r="AE900" s="203"/>
      <c r="AF900" s="203"/>
      <c r="AG900" s="203"/>
      <c r="AH900" s="203"/>
      <c r="AI900" s="204"/>
      <c r="AJ900" s="145" t="s">
        <v>117</v>
      </c>
      <c r="AK900" s="203"/>
      <c r="AL900" s="203"/>
      <c r="AM900" s="203"/>
      <c r="AN900" s="203"/>
      <c r="AO900" s="203"/>
      <c r="AP900" s="203"/>
      <c r="AQ900" s="203"/>
      <c r="AR900" s="204"/>
      <c r="AS900" s="145" t="s">
        <v>98</v>
      </c>
      <c r="AT900" s="203"/>
      <c r="AU900" s="203"/>
      <c r="AV900" s="203"/>
      <c r="AW900" s="203"/>
      <c r="AX900" s="209"/>
      <c r="AY900" s="23"/>
      <c r="AZ900" s="23"/>
      <c r="BA900" s="23"/>
      <c r="BB900" s="23"/>
      <c r="BC900" s="23"/>
      <c r="BD900" s="23"/>
      <c r="BE900" s="23"/>
      <c r="BF900" s="23"/>
      <c r="BG900" s="23"/>
      <c r="BH900" s="23"/>
      <c r="BI900" s="23"/>
      <c r="BJ900" s="23"/>
      <c r="BK900" s="23"/>
      <c r="BL900" s="23"/>
      <c r="BM900" s="23"/>
      <c r="BN900" s="23"/>
      <c r="BO900" s="23"/>
      <c r="BP900" s="23"/>
      <c r="BQ900" s="23"/>
      <c r="BR900" s="23"/>
      <c r="BS900" s="23"/>
      <c r="BT900" s="23"/>
      <c r="BU900" s="23"/>
      <c r="BV900" s="23"/>
      <c r="BW900" s="23"/>
      <c r="BX900" s="23"/>
      <c r="BY900" s="23"/>
      <c r="BZ900" s="23"/>
      <c r="CA900" s="23"/>
      <c r="CB900" s="23"/>
      <c r="CC900" s="23"/>
      <c r="CD900" s="23"/>
      <c r="CE900" s="23"/>
      <c r="CF900" s="23"/>
      <c r="CG900" s="23"/>
      <c r="CH900" s="23"/>
      <c r="CI900" s="23"/>
      <c r="CJ900" s="23"/>
      <c r="CK900" s="23"/>
      <c r="CL900" s="23"/>
      <c r="CM900" s="23"/>
      <c r="CN900" s="23"/>
      <c r="CO900" s="23"/>
      <c r="CP900" s="23"/>
      <c r="CQ900" s="23"/>
      <c r="CR900" s="23"/>
      <c r="CS900" s="23"/>
      <c r="CT900" s="23"/>
      <c r="CU900" s="23"/>
      <c r="CV900" s="23"/>
      <c r="CW900" s="23"/>
      <c r="CX900" s="23"/>
      <c r="CY900" s="23"/>
      <c r="CZ900" s="23"/>
      <c r="DA900" s="23"/>
      <c r="DB900" s="23"/>
      <c r="DC900" s="23"/>
      <c r="DD900" s="23"/>
      <c r="DE900" s="23"/>
      <c r="DF900" s="23"/>
      <c r="DG900" s="23"/>
      <c r="DH900" s="23"/>
      <c r="DI900" s="23"/>
      <c r="DJ900" s="23"/>
      <c r="DK900" s="23"/>
      <c r="DL900" s="23"/>
      <c r="DM900" s="23"/>
      <c r="DN900" s="23"/>
      <c r="DO900" s="23"/>
      <c r="DP900" s="23"/>
      <c r="DQ900" s="23"/>
      <c r="DR900" s="23"/>
      <c r="DS900" s="23"/>
      <c r="DT900" s="23"/>
      <c r="DU900" s="23"/>
      <c r="DV900" s="23"/>
      <c r="DW900" s="23"/>
      <c r="DX900" s="23"/>
      <c r="DY900" s="23"/>
      <c r="DZ900" s="23"/>
      <c r="EA900" s="23"/>
      <c r="EB900" s="23"/>
      <c r="EC900" s="23"/>
      <c r="ED900" s="23"/>
      <c r="EE900" s="23"/>
      <c r="EF900" s="23"/>
      <c r="EG900" s="23"/>
      <c r="EH900" s="23"/>
      <c r="EI900" s="23"/>
      <c r="EJ900" s="23"/>
      <c r="EK900" s="23"/>
      <c r="EL900" s="23"/>
      <c r="EM900" s="23"/>
      <c r="EN900" s="23"/>
      <c r="EO900" s="23"/>
      <c r="EP900" s="23"/>
      <c r="EQ900" s="23"/>
      <c r="ER900" s="23"/>
      <c r="ES900" s="23"/>
      <c r="ET900" s="23"/>
      <c r="EU900" s="23"/>
      <c r="EV900" s="23"/>
      <c r="EW900" s="23"/>
      <c r="EX900" s="23"/>
      <c r="EY900" s="23"/>
      <c r="EZ900" s="23"/>
      <c r="FA900" s="23"/>
      <c r="FB900" s="23"/>
      <c r="FC900" s="23"/>
      <c r="FD900" s="23"/>
      <c r="FE900" s="23"/>
      <c r="FF900" s="23"/>
      <c r="FG900" s="23"/>
      <c r="FH900" s="23"/>
      <c r="FI900" s="23"/>
      <c r="FJ900" s="23"/>
      <c r="FK900" s="23"/>
      <c r="FL900" s="23"/>
      <c r="FM900" s="23"/>
      <c r="FN900" s="23"/>
      <c r="FO900" s="23"/>
      <c r="FP900" s="23"/>
      <c r="FQ900" s="23"/>
      <c r="FR900" s="23"/>
      <c r="FS900" s="23"/>
      <c r="FT900" s="23"/>
      <c r="FU900" s="23"/>
      <c r="FV900" s="23"/>
      <c r="FW900" s="23"/>
      <c r="FX900" s="23"/>
      <c r="FY900" s="23"/>
      <c r="FZ900" s="23"/>
      <c r="GA900" s="23"/>
      <c r="GB900" s="23"/>
      <c r="GC900" s="23"/>
      <c r="GD900" s="23"/>
      <c r="GE900" s="23"/>
      <c r="GF900" s="23"/>
      <c r="GG900" s="23"/>
      <c r="GH900" s="23"/>
      <c r="GI900" s="23"/>
      <c r="GJ900" s="23"/>
      <c r="GK900" s="23"/>
      <c r="GL900" s="23"/>
      <c r="GM900" s="23"/>
      <c r="GN900" s="23"/>
      <c r="GO900" s="23"/>
      <c r="GP900" s="23"/>
      <c r="GQ900" s="23"/>
      <c r="GR900" s="23"/>
      <c r="GS900" s="23"/>
      <c r="GT900" s="23"/>
      <c r="GU900" s="23"/>
      <c r="GV900" s="23"/>
      <c r="GW900" s="23"/>
      <c r="GX900" s="23"/>
      <c r="GY900" s="23"/>
      <c r="GZ900" s="23"/>
      <c r="HA900" s="23"/>
      <c r="HB900" s="23"/>
      <c r="HC900" s="23"/>
      <c r="HD900" s="23"/>
      <c r="HE900" s="23"/>
      <c r="HF900" s="23"/>
      <c r="HG900" s="23"/>
      <c r="HH900" s="23"/>
      <c r="HI900" s="23"/>
      <c r="HJ900" s="23"/>
      <c r="HK900" s="23"/>
      <c r="HL900" s="23"/>
      <c r="HM900" s="23"/>
      <c r="HN900" s="23"/>
      <c r="HO900" s="23"/>
      <c r="HP900" s="23"/>
      <c r="HQ900" s="23"/>
      <c r="HR900" s="23"/>
      <c r="HS900" s="23"/>
      <c r="HT900" s="23"/>
      <c r="HU900" s="23"/>
      <c r="HV900" s="23"/>
      <c r="HW900" s="23"/>
      <c r="HX900" s="23"/>
      <c r="HY900" s="23"/>
      <c r="HZ900" s="23"/>
      <c r="IA900" s="23"/>
      <c r="IB900" s="23"/>
      <c r="IC900" s="23"/>
      <c r="ID900" s="23"/>
      <c r="IE900" s="23"/>
      <c r="IF900" s="23"/>
      <c r="IG900" s="23"/>
      <c r="IH900" s="23"/>
      <c r="II900" s="23"/>
      <c r="IJ900" s="23"/>
      <c r="IK900" s="23"/>
      <c r="IL900" s="23"/>
      <c r="IM900" s="23"/>
      <c r="IN900" s="23"/>
      <c r="IO900" s="23"/>
      <c r="IP900" s="23"/>
      <c r="IQ900" s="23"/>
    </row>
    <row r="901" spans="1:251" s="50" customFormat="1">
      <c r="A901" s="34"/>
      <c r="B901" s="205"/>
      <c r="C901" s="206"/>
      <c r="D901" s="206"/>
      <c r="E901" s="206"/>
      <c r="F901" s="206"/>
      <c r="G901" s="206"/>
      <c r="H901" s="206"/>
      <c r="I901" s="206"/>
      <c r="J901" s="206"/>
      <c r="K901" s="206"/>
      <c r="L901" s="206"/>
      <c r="M901" s="206"/>
      <c r="N901" s="206"/>
      <c r="O901" s="206"/>
      <c r="P901" s="206"/>
      <c r="Q901" s="206"/>
      <c r="R901" s="206"/>
      <c r="S901" s="206"/>
      <c r="T901" s="206"/>
      <c r="U901" s="206"/>
      <c r="V901" s="206"/>
      <c r="W901" s="206"/>
      <c r="X901" s="206"/>
      <c r="Y901" s="206"/>
      <c r="Z901" s="207"/>
      <c r="AA901" s="208"/>
      <c r="AB901" s="206"/>
      <c r="AC901" s="206"/>
      <c r="AD901" s="206"/>
      <c r="AE901" s="206"/>
      <c r="AF901" s="206"/>
      <c r="AG901" s="206"/>
      <c r="AH901" s="206"/>
      <c r="AI901" s="207"/>
      <c r="AJ901" s="208"/>
      <c r="AK901" s="206"/>
      <c r="AL901" s="206"/>
      <c r="AM901" s="206"/>
      <c r="AN901" s="206"/>
      <c r="AO901" s="206"/>
      <c r="AP901" s="206"/>
      <c r="AQ901" s="206"/>
      <c r="AR901" s="207"/>
      <c r="AS901" s="208"/>
      <c r="AT901" s="206"/>
      <c r="AU901" s="206"/>
      <c r="AV901" s="206"/>
      <c r="AW901" s="206"/>
      <c r="AX901" s="210"/>
      <c r="AY901" s="23"/>
      <c r="AZ901" s="23"/>
      <c r="BA901" s="23"/>
      <c r="BB901"/>
      <c r="BC901" s="45"/>
      <c r="BE901" s="23"/>
      <c r="BF901" s="23"/>
      <c r="BG901" s="23"/>
      <c r="BH901" s="23"/>
      <c r="BI901" s="23"/>
      <c r="BJ901" s="23"/>
      <c r="BK901" s="23"/>
      <c r="BL901" s="23"/>
      <c r="BM901" s="23"/>
      <c r="BN901" s="23"/>
      <c r="BO901" s="23"/>
      <c r="BP901" s="23"/>
      <c r="BQ901" s="23"/>
      <c r="BR901" s="23"/>
      <c r="BS901" s="23"/>
      <c r="BT901" s="23"/>
      <c r="BU901" s="23"/>
      <c r="BV901" s="23"/>
      <c r="BW901" s="23"/>
      <c r="BX901" s="23"/>
      <c r="BY901" s="23"/>
      <c r="BZ901" s="23"/>
      <c r="CA901" s="23"/>
      <c r="CB901" s="23"/>
      <c r="CC901" s="23"/>
      <c r="CD901" s="23"/>
      <c r="CE901" s="23"/>
      <c r="CF901" s="23"/>
      <c r="CG901" s="23"/>
      <c r="CH901" s="23"/>
      <c r="CI901" s="23"/>
      <c r="CJ901" s="23"/>
      <c r="CK901" s="23"/>
      <c r="CL901" s="23"/>
      <c r="CM901" s="23"/>
      <c r="CN901" s="23"/>
      <c r="CO901" s="23"/>
      <c r="CP901" s="23"/>
      <c r="CQ901" s="23"/>
      <c r="CR901" s="23"/>
      <c r="CS901" s="23"/>
      <c r="CT901" s="23"/>
      <c r="CU901" s="23"/>
      <c r="CV901" s="23"/>
      <c r="CW901" s="23"/>
      <c r="CX901" s="23"/>
      <c r="CY901" s="23"/>
      <c r="CZ901" s="23"/>
      <c r="DA901" s="23"/>
      <c r="DB901" s="23"/>
      <c r="DC901" s="23"/>
      <c r="DD901" s="23"/>
      <c r="DE901" s="23"/>
      <c r="DF901" s="23"/>
      <c r="DG901" s="23"/>
      <c r="DH901" s="23"/>
      <c r="DI901" s="23"/>
      <c r="DJ901" s="23"/>
      <c r="DK901" s="23"/>
      <c r="DL901" s="23"/>
      <c r="DM901" s="23"/>
      <c r="DN901" s="23"/>
      <c r="DO901" s="23"/>
      <c r="DP901" s="23"/>
      <c r="DQ901" s="23"/>
      <c r="DR901" s="23"/>
      <c r="DS901" s="23"/>
      <c r="DT901" s="23"/>
      <c r="DU901" s="23"/>
      <c r="DV901" s="23"/>
      <c r="DW901" s="23"/>
      <c r="DX901" s="23"/>
      <c r="DY901" s="23"/>
      <c r="DZ901" s="23"/>
      <c r="EA901" s="23"/>
      <c r="EB901" s="23"/>
      <c r="EC901" s="23"/>
      <c r="ED901" s="23"/>
      <c r="EE901" s="23"/>
      <c r="EF901" s="23"/>
      <c r="EG901" s="23"/>
      <c r="EH901" s="23"/>
      <c r="EI901" s="23"/>
      <c r="EJ901" s="23"/>
      <c r="EK901" s="23"/>
      <c r="EL901" s="23"/>
      <c r="EM901" s="23"/>
      <c r="EN901" s="23"/>
      <c r="EO901" s="23"/>
      <c r="EP901" s="23"/>
      <c r="EQ901" s="23"/>
      <c r="ER901" s="23"/>
      <c r="ES901" s="23"/>
      <c r="ET901" s="23"/>
      <c r="EU901" s="23"/>
      <c r="EV901" s="23"/>
      <c r="EW901" s="23"/>
      <c r="EX901" s="23"/>
      <c r="EY901" s="23"/>
      <c r="EZ901" s="23"/>
      <c r="FA901" s="23"/>
      <c r="FB901" s="23"/>
      <c r="FC901" s="23"/>
      <c r="FD901" s="23"/>
      <c r="FE901" s="23"/>
      <c r="FF901" s="23"/>
      <c r="FG901" s="23"/>
      <c r="FH901" s="23"/>
      <c r="FI901" s="23"/>
      <c r="FJ901" s="23"/>
      <c r="FK901" s="23"/>
      <c r="FL901" s="23"/>
      <c r="FM901" s="23"/>
      <c r="FN901" s="23"/>
      <c r="FO901" s="23"/>
      <c r="FP901" s="23"/>
      <c r="FQ901" s="23"/>
      <c r="FR901" s="23"/>
      <c r="FS901" s="23"/>
      <c r="FT901" s="23"/>
      <c r="FU901" s="23"/>
      <c r="FV901" s="23"/>
      <c r="FW901" s="23"/>
      <c r="FX901" s="23"/>
      <c r="FY901" s="23"/>
      <c r="FZ901" s="23"/>
      <c r="GA901" s="23"/>
      <c r="GB901" s="23"/>
      <c r="GC901" s="23"/>
      <c r="GD901" s="23"/>
      <c r="GE901" s="23"/>
      <c r="GF901" s="23"/>
      <c r="GG901" s="23"/>
      <c r="GH901" s="23"/>
      <c r="GI901" s="23"/>
      <c r="GJ901" s="23"/>
      <c r="GK901" s="23"/>
      <c r="GL901" s="23"/>
      <c r="GM901" s="23"/>
      <c r="GN901" s="23"/>
      <c r="GO901" s="23"/>
      <c r="GP901" s="23"/>
      <c r="GQ901" s="23"/>
      <c r="GR901" s="23"/>
      <c r="GS901" s="23"/>
      <c r="GT901" s="23"/>
      <c r="GU901" s="23"/>
      <c r="GV901" s="23"/>
      <c r="GW901" s="23"/>
      <c r="GX901" s="23"/>
      <c r="GY901" s="23"/>
      <c r="GZ901" s="23"/>
      <c r="HA901" s="23"/>
      <c r="HB901" s="23"/>
      <c r="HC901" s="23"/>
      <c r="HD901" s="23"/>
      <c r="HE901" s="23"/>
      <c r="HF901" s="23"/>
      <c r="HG901" s="23"/>
      <c r="HH901" s="23"/>
      <c r="HI901" s="23"/>
      <c r="HJ901" s="23"/>
      <c r="HK901" s="23"/>
      <c r="HL901" s="23"/>
      <c r="HM901" s="23"/>
      <c r="HN901" s="23"/>
      <c r="HO901" s="23"/>
      <c r="HP901" s="23"/>
      <c r="HQ901" s="23"/>
      <c r="HR901" s="23"/>
      <c r="HS901" s="23"/>
      <c r="HT901" s="23"/>
      <c r="HU901" s="23"/>
      <c r="HV901" s="23"/>
      <c r="HW901" s="23"/>
      <c r="HX901" s="23"/>
      <c r="HY901" s="23"/>
      <c r="HZ901" s="23"/>
      <c r="IA901" s="23"/>
      <c r="IB901" s="23"/>
      <c r="IC901" s="23"/>
      <c r="ID901" s="23"/>
      <c r="IE901" s="23"/>
      <c r="IF901" s="23"/>
      <c r="IG901" s="23"/>
      <c r="IH901" s="23"/>
      <c r="II901" s="23"/>
      <c r="IJ901" s="23"/>
      <c r="IK901" s="23"/>
      <c r="IL901" s="23"/>
      <c r="IM901" s="23"/>
      <c r="IN901" s="23"/>
      <c r="IO901" s="23"/>
      <c r="IP901" s="23"/>
      <c r="IQ901" s="23"/>
    </row>
    <row r="902" spans="1:251" s="50" customFormat="1" ht="18.75" customHeight="1">
      <c r="A902" s="34"/>
      <c r="B902" s="46"/>
      <c r="C902" s="130" t="s">
        <v>180</v>
      </c>
      <c r="D902" s="130"/>
      <c r="E902" s="130"/>
      <c r="F902" s="130"/>
      <c r="G902" s="130"/>
      <c r="H902" s="130"/>
      <c r="I902" s="130"/>
      <c r="J902" s="130"/>
      <c r="K902" s="130"/>
      <c r="L902" s="130"/>
      <c r="M902" s="130"/>
      <c r="N902" s="130"/>
      <c r="O902" s="130"/>
      <c r="P902" s="130"/>
      <c r="Q902" s="130"/>
      <c r="R902" s="130"/>
      <c r="S902" s="130"/>
      <c r="T902" s="130"/>
      <c r="U902" s="130"/>
      <c r="V902" s="130"/>
      <c r="W902" s="130"/>
      <c r="X902" s="130"/>
      <c r="Y902" s="130"/>
      <c r="Z902" s="131"/>
      <c r="AA902" s="220">
        <v>414440</v>
      </c>
      <c r="AB902" s="221"/>
      <c r="AC902" s="221"/>
      <c r="AD902" s="221"/>
      <c r="AE902" s="221"/>
      <c r="AF902" s="221"/>
      <c r="AG902" s="221"/>
      <c r="AH902" s="221"/>
      <c r="AI902" s="222"/>
      <c r="AJ902" s="220">
        <v>317442</v>
      </c>
      <c r="AK902" s="221"/>
      <c r="AL902" s="221"/>
      <c r="AM902" s="221"/>
      <c r="AN902" s="221"/>
      <c r="AO902" s="221"/>
      <c r="AP902" s="221"/>
      <c r="AQ902" s="221"/>
      <c r="AR902" s="222"/>
      <c r="AS902" s="132"/>
      <c r="AT902" s="196"/>
      <c r="AU902" s="196"/>
      <c r="AV902" s="196"/>
      <c r="AW902" s="196"/>
      <c r="AX902" s="202"/>
      <c r="AY902" s="23"/>
      <c r="AZ902" s="23"/>
      <c r="BA902" s="23"/>
      <c r="BB902" s="23"/>
      <c r="BC902" s="23"/>
      <c r="BD902" s="23"/>
      <c r="BE902" s="23"/>
      <c r="BF902" s="23"/>
      <c r="BG902" s="23"/>
      <c r="BH902" s="23"/>
      <c r="BI902" s="23"/>
      <c r="BJ902" s="23"/>
      <c r="BK902" s="23"/>
      <c r="BL902" s="23"/>
      <c r="BM902" s="23"/>
      <c r="BN902" s="23"/>
      <c r="BO902" s="23"/>
      <c r="BP902" s="23"/>
      <c r="BQ902" s="23"/>
      <c r="BR902" s="23"/>
      <c r="BS902" s="23"/>
      <c r="BT902" s="23"/>
      <c r="BU902" s="23"/>
      <c r="BV902" s="23"/>
      <c r="BW902" s="23"/>
      <c r="BX902" s="23"/>
      <c r="BY902" s="23"/>
      <c r="BZ902" s="23"/>
      <c r="CA902" s="23"/>
      <c r="CB902" s="23"/>
      <c r="CC902" s="23"/>
      <c r="CD902" s="23"/>
      <c r="CE902" s="23"/>
      <c r="CF902" s="23"/>
      <c r="CG902" s="23"/>
      <c r="CH902" s="23"/>
      <c r="CI902" s="23"/>
      <c r="CJ902" s="23"/>
      <c r="CK902" s="23"/>
      <c r="CL902" s="23"/>
      <c r="CM902" s="23"/>
      <c r="CN902" s="23"/>
      <c r="CO902" s="23"/>
      <c r="CP902" s="23"/>
      <c r="CQ902" s="23"/>
      <c r="CR902" s="23"/>
      <c r="CS902" s="23"/>
      <c r="CT902" s="23"/>
      <c r="CU902" s="23"/>
      <c r="CV902" s="23"/>
      <c r="CW902" s="23"/>
      <c r="CX902" s="23"/>
      <c r="CY902" s="23"/>
      <c r="CZ902" s="23"/>
      <c r="DA902" s="23"/>
      <c r="DB902" s="23"/>
      <c r="DC902" s="23"/>
      <c r="DD902" s="23"/>
      <c r="DE902" s="23"/>
      <c r="DF902" s="23"/>
      <c r="DG902" s="23"/>
      <c r="DH902" s="23"/>
      <c r="DI902" s="23"/>
      <c r="DJ902" s="23"/>
      <c r="DK902" s="23"/>
      <c r="DL902" s="23"/>
      <c r="DM902" s="23"/>
      <c r="DN902" s="23"/>
      <c r="DO902" s="23"/>
      <c r="DP902" s="23"/>
      <c r="DQ902" s="23"/>
      <c r="DR902" s="23"/>
      <c r="DS902" s="23"/>
      <c r="DT902" s="23"/>
      <c r="DU902" s="23"/>
      <c r="DV902" s="23"/>
      <c r="DW902" s="23"/>
      <c r="DX902" s="23"/>
      <c r="DY902" s="23"/>
      <c r="DZ902" s="23"/>
      <c r="EA902" s="23"/>
      <c r="EB902" s="23"/>
      <c r="EC902" s="23"/>
      <c r="ED902" s="23"/>
      <c r="EE902" s="23"/>
      <c r="EF902" s="23"/>
      <c r="EG902" s="23"/>
      <c r="EH902" s="23"/>
      <c r="EI902" s="23"/>
      <c r="EJ902" s="23"/>
      <c r="EK902" s="23"/>
      <c r="EL902" s="23"/>
      <c r="EM902" s="23"/>
      <c r="EN902" s="23"/>
      <c r="EO902" s="23"/>
      <c r="EP902" s="23"/>
      <c r="EQ902" s="23"/>
      <c r="ER902" s="23"/>
      <c r="ES902" s="23"/>
      <c r="ET902" s="23"/>
      <c r="EU902" s="23"/>
      <c r="EV902" s="23"/>
      <c r="EW902" s="23"/>
      <c r="EX902" s="23"/>
      <c r="EY902" s="23"/>
      <c r="EZ902" s="23"/>
      <c r="FA902" s="23"/>
      <c r="FB902" s="23"/>
      <c r="FC902" s="23"/>
      <c r="FD902" s="23"/>
      <c r="FE902" s="23"/>
      <c r="FF902" s="23"/>
      <c r="FG902" s="23"/>
      <c r="FH902" s="23"/>
      <c r="FI902" s="23"/>
      <c r="FJ902" s="23"/>
      <c r="FK902" s="23"/>
      <c r="FL902" s="23"/>
      <c r="FM902" s="23"/>
      <c r="FN902" s="23"/>
      <c r="FO902" s="23"/>
      <c r="FP902" s="23"/>
      <c r="FQ902" s="23"/>
      <c r="FR902" s="23"/>
      <c r="FS902" s="23"/>
      <c r="FT902" s="23"/>
      <c r="FU902" s="23"/>
      <c r="FV902" s="23"/>
      <c r="FW902" s="23"/>
      <c r="FX902" s="23"/>
      <c r="FY902" s="23"/>
      <c r="FZ902" s="23"/>
      <c r="GA902" s="23"/>
      <c r="GB902" s="23"/>
      <c r="GC902" s="23"/>
      <c r="GD902" s="23"/>
      <c r="GE902" s="23"/>
      <c r="GF902" s="23"/>
      <c r="GG902" s="23"/>
      <c r="GH902" s="23"/>
      <c r="GI902" s="23"/>
      <c r="GJ902" s="23"/>
      <c r="GK902" s="23"/>
      <c r="GL902" s="23"/>
      <c r="GM902" s="23"/>
      <c r="GN902" s="23"/>
      <c r="GO902" s="23"/>
      <c r="GP902" s="23"/>
      <c r="GQ902" s="23"/>
      <c r="GR902" s="23"/>
      <c r="GS902" s="23"/>
      <c r="GT902" s="23"/>
      <c r="GU902" s="23"/>
      <c r="GV902" s="23"/>
      <c r="GW902" s="23"/>
      <c r="GX902" s="23"/>
      <c r="GY902" s="23"/>
      <c r="GZ902" s="23"/>
      <c r="HA902" s="23"/>
      <c r="HB902" s="23"/>
      <c r="HC902" s="23"/>
      <c r="HD902" s="23"/>
      <c r="HE902" s="23"/>
      <c r="HF902" s="23"/>
      <c r="HG902" s="23"/>
      <c r="HH902" s="23"/>
      <c r="HI902" s="23"/>
      <c r="HJ902" s="23"/>
      <c r="HK902" s="23"/>
      <c r="HL902" s="23"/>
      <c r="HM902" s="23"/>
      <c r="HN902" s="23"/>
      <c r="HO902" s="23"/>
      <c r="HP902" s="23"/>
      <c r="HQ902" s="23"/>
      <c r="HR902" s="23"/>
      <c r="HS902" s="23"/>
      <c r="HT902" s="23"/>
      <c r="HU902" s="23"/>
      <c r="HV902" s="23"/>
      <c r="HW902" s="23"/>
      <c r="HX902" s="23"/>
      <c r="HY902" s="23"/>
      <c r="HZ902" s="23"/>
      <c r="IA902" s="23"/>
      <c r="IB902" s="23"/>
      <c r="IC902" s="23"/>
      <c r="ID902" s="23"/>
      <c r="IE902" s="23"/>
      <c r="IF902" s="23"/>
      <c r="IG902" s="23"/>
      <c r="IH902" s="23"/>
      <c r="II902" s="23"/>
      <c r="IJ902" s="23"/>
      <c r="IK902" s="23"/>
      <c r="IL902" s="23"/>
      <c r="IM902" s="23"/>
      <c r="IN902" s="23"/>
      <c r="IO902" s="23"/>
      <c r="IP902" s="23"/>
      <c r="IQ902" s="23"/>
    </row>
    <row r="903" spans="1:251" s="50" customFormat="1" ht="18.75" customHeight="1">
      <c r="A903" s="34"/>
      <c r="B903" s="47"/>
      <c r="C903" s="130"/>
      <c r="D903" s="130"/>
      <c r="E903" s="130"/>
      <c r="F903" s="130"/>
      <c r="G903" s="130"/>
      <c r="H903" s="130"/>
      <c r="I903" s="130"/>
      <c r="J903" s="130"/>
      <c r="K903" s="130"/>
      <c r="L903" s="130"/>
      <c r="M903" s="130"/>
      <c r="N903" s="130"/>
      <c r="O903" s="130"/>
      <c r="P903" s="130"/>
      <c r="Q903" s="130"/>
      <c r="R903" s="130"/>
      <c r="S903" s="130"/>
      <c r="T903" s="130"/>
      <c r="U903" s="130"/>
      <c r="V903" s="130"/>
      <c r="W903" s="130"/>
      <c r="X903" s="130"/>
      <c r="Y903" s="130"/>
      <c r="Z903" s="131"/>
      <c r="AA903" s="132"/>
      <c r="AB903" s="200"/>
      <c r="AC903" s="200"/>
      <c r="AD903" s="200"/>
      <c r="AE903" s="200"/>
      <c r="AF903" s="200"/>
      <c r="AG903" s="200"/>
      <c r="AH903" s="200"/>
      <c r="AI903" s="201"/>
      <c r="AJ903" s="132"/>
      <c r="AK903" s="196"/>
      <c r="AL903" s="196"/>
      <c r="AM903" s="196"/>
      <c r="AN903" s="196"/>
      <c r="AO903" s="196"/>
      <c r="AP903" s="196"/>
      <c r="AQ903" s="196"/>
      <c r="AR903" s="197"/>
      <c r="AS903" s="132"/>
      <c r="AT903" s="196"/>
      <c r="AU903" s="196"/>
      <c r="AV903" s="196"/>
      <c r="AW903" s="196"/>
      <c r="AX903" s="202"/>
      <c r="AY903" s="23"/>
      <c r="AZ903" s="23"/>
      <c r="BA903" s="23"/>
      <c r="BB903" s="23"/>
      <c r="BC903" s="23"/>
      <c r="BD903" s="23"/>
      <c r="BE903" s="23"/>
      <c r="BF903" s="23"/>
      <c r="BG903" s="23"/>
      <c r="BH903" s="23"/>
      <c r="BI903" s="23"/>
      <c r="BJ903" s="23"/>
      <c r="BK903" s="23"/>
      <c r="BL903" s="23"/>
      <c r="BM903" s="23"/>
      <c r="BN903" s="23"/>
      <c r="BO903" s="23"/>
      <c r="BP903" s="23"/>
      <c r="BQ903" s="23"/>
      <c r="BR903" s="23"/>
      <c r="BS903" s="23"/>
      <c r="BT903" s="23"/>
      <c r="BU903" s="23"/>
      <c r="BV903" s="23"/>
      <c r="BW903" s="23"/>
      <c r="BX903" s="23"/>
      <c r="BY903" s="23"/>
      <c r="BZ903" s="23"/>
      <c r="CA903" s="23"/>
      <c r="CB903" s="23"/>
      <c r="CC903" s="23"/>
      <c r="CD903" s="23"/>
      <c r="CE903" s="23"/>
      <c r="CF903" s="23"/>
      <c r="CG903" s="23"/>
      <c r="CH903" s="23"/>
      <c r="CI903" s="23"/>
      <c r="CJ903" s="23"/>
      <c r="CK903" s="23"/>
      <c r="CL903" s="23"/>
      <c r="CM903" s="23"/>
      <c r="CN903" s="23"/>
      <c r="CO903" s="23"/>
      <c r="CP903" s="23"/>
      <c r="CQ903" s="23"/>
      <c r="CR903" s="23"/>
      <c r="CS903" s="23"/>
      <c r="CT903" s="23"/>
      <c r="CU903" s="23"/>
      <c r="CV903" s="23"/>
      <c r="CW903" s="23"/>
      <c r="CX903" s="23"/>
      <c r="CY903" s="23"/>
      <c r="CZ903" s="23"/>
      <c r="DA903" s="23"/>
      <c r="DB903" s="23"/>
      <c r="DC903" s="23"/>
      <c r="DD903" s="23"/>
      <c r="DE903" s="23"/>
      <c r="DF903" s="23"/>
      <c r="DG903" s="23"/>
      <c r="DH903" s="23"/>
      <c r="DI903" s="23"/>
      <c r="DJ903" s="23"/>
      <c r="DK903" s="23"/>
      <c r="DL903" s="23"/>
      <c r="DM903" s="23"/>
      <c r="DN903" s="23"/>
      <c r="DO903" s="23"/>
      <c r="DP903" s="23"/>
      <c r="DQ903" s="23"/>
      <c r="DR903" s="23"/>
      <c r="DS903" s="23"/>
      <c r="DT903" s="23"/>
      <c r="DU903" s="23"/>
      <c r="DV903" s="23"/>
      <c r="DW903" s="23"/>
      <c r="DX903" s="23"/>
      <c r="DY903" s="23"/>
      <c r="DZ903" s="23"/>
      <c r="EA903" s="23"/>
      <c r="EB903" s="23"/>
      <c r="EC903" s="23"/>
      <c r="ED903" s="23"/>
      <c r="EE903" s="23"/>
      <c r="EF903" s="23"/>
      <c r="EG903" s="23"/>
      <c r="EH903" s="23"/>
      <c r="EI903" s="23"/>
      <c r="EJ903" s="23"/>
      <c r="EK903" s="23"/>
      <c r="EL903" s="23"/>
      <c r="EM903" s="23"/>
      <c r="EN903" s="23"/>
      <c r="EO903" s="23"/>
      <c r="EP903" s="23"/>
      <c r="EQ903" s="23"/>
      <c r="ER903" s="23"/>
      <c r="ES903" s="23"/>
      <c r="ET903" s="23"/>
      <c r="EU903" s="23"/>
      <c r="EV903" s="23"/>
      <c r="EW903" s="23"/>
      <c r="EX903" s="23"/>
      <c r="EY903" s="23"/>
      <c r="EZ903" s="23"/>
      <c r="FA903" s="23"/>
      <c r="FB903" s="23"/>
      <c r="FC903" s="23"/>
      <c r="FD903" s="23"/>
      <c r="FE903" s="23"/>
      <c r="FF903" s="23"/>
      <c r="FG903" s="23"/>
      <c r="FH903" s="23"/>
      <c r="FI903" s="23"/>
      <c r="FJ903" s="23"/>
      <c r="FK903" s="23"/>
      <c r="FL903" s="23"/>
      <c r="FM903" s="23"/>
      <c r="FN903" s="23"/>
      <c r="FO903" s="23"/>
      <c r="FP903" s="23"/>
      <c r="FQ903" s="23"/>
      <c r="FR903" s="23"/>
      <c r="FS903" s="23"/>
      <c r="FT903" s="23"/>
      <c r="FU903" s="23"/>
      <c r="FV903" s="23"/>
      <c r="FW903" s="23"/>
      <c r="FX903" s="23"/>
      <c r="FY903" s="23"/>
      <c r="FZ903" s="23"/>
      <c r="GA903" s="23"/>
      <c r="GB903" s="23"/>
      <c r="GC903" s="23"/>
      <c r="GD903" s="23"/>
      <c r="GE903" s="23"/>
      <c r="GF903" s="23"/>
      <c r="GG903" s="23"/>
      <c r="GH903" s="23"/>
      <c r="GI903" s="23"/>
      <c r="GJ903" s="23"/>
      <c r="GK903" s="23"/>
      <c r="GL903" s="23"/>
      <c r="GM903" s="23"/>
      <c r="GN903" s="23"/>
      <c r="GO903" s="23"/>
      <c r="GP903" s="23"/>
      <c r="GQ903" s="23"/>
      <c r="GR903" s="23"/>
      <c r="GS903" s="23"/>
      <c r="GT903" s="23"/>
      <c r="GU903" s="23"/>
      <c r="GV903" s="23"/>
      <c r="GW903" s="23"/>
      <c r="GX903" s="23"/>
      <c r="GY903" s="23"/>
      <c r="GZ903" s="23"/>
      <c r="HA903" s="23"/>
      <c r="HB903" s="23"/>
      <c r="HC903" s="23"/>
      <c r="HD903" s="23"/>
      <c r="HE903" s="23"/>
      <c r="HF903" s="23"/>
      <c r="HG903" s="23"/>
      <c r="HH903" s="23"/>
      <c r="HI903" s="23"/>
      <c r="HJ903" s="23"/>
      <c r="HK903" s="23"/>
      <c r="HL903" s="23"/>
      <c r="HM903" s="23"/>
      <c r="HN903" s="23"/>
      <c r="HO903" s="23"/>
      <c r="HP903" s="23"/>
      <c r="HQ903" s="23"/>
      <c r="HR903" s="23"/>
      <c r="HS903" s="23"/>
      <c r="HT903" s="23"/>
      <c r="HU903" s="23"/>
      <c r="HV903" s="23"/>
      <c r="HW903" s="23"/>
      <c r="HX903" s="23"/>
      <c r="HY903" s="23"/>
      <c r="HZ903" s="23"/>
      <c r="IA903" s="23"/>
      <c r="IB903" s="23"/>
      <c r="IC903" s="23"/>
      <c r="ID903" s="23"/>
      <c r="IE903" s="23"/>
      <c r="IF903" s="23"/>
      <c r="IG903" s="23"/>
      <c r="IH903" s="23"/>
      <c r="II903" s="23"/>
      <c r="IJ903" s="23"/>
      <c r="IK903" s="23"/>
      <c r="IL903" s="23"/>
      <c r="IM903" s="23"/>
      <c r="IN903" s="23"/>
      <c r="IO903" s="23"/>
      <c r="IP903" s="23"/>
      <c r="IQ903" s="23"/>
    </row>
    <row r="904" spans="1:251" s="50" customFormat="1" ht="18.75" customHeight="1">
      <c r="A904" s="34"/>
      <c r="B904" s="47"/>
      <c r="C904" s="130"/>
      <c r="D904" s="130"/>
      <c r="E904" s="130"/>
      <c r="F904" s="130"/>
      <c r="G904" s="130"/>
      <c r="H904" s="130"/>
      <c r="I904" s="130"/>
      <c r="J904" s="130"/>
      <c r="K904" s="130"/>
      <c r="L904" s="130"/>
      <c r="M904" s="130"/>
      <c r="N904" s="130"/>
      <c r="O904" s="130"/>
      <c r="P904" s="130"/>
      <c r="Q904" s="130"/>
      <c r="R904" s="130"/>
      <c r="S904" s="130"/>
      <c r="T904" s="130"/>
      <c r="U904" s="130"/>
      <c r="V904" s="130"/>
      <c r="W904" s="130"/>
      <c r="X904" s="130"/>
      <c r="Y904" s="130"/>
      <c r="Z904" s="131"/>
      <c r="AA904" s="132"/>
      <c r="AB904" s="200"/>
      <c r="AC904" s="200"/>
      <c r="AD904" s="200"/>
      <c r="AE904" s="200"/>
      <c r="AF904" s="200"/>
      <c r="AG904" s="200"/>
      <c r="AH904" s="200"/>
      <c r="AI904" s="201"/>
      <c r="AJ904" s="132"/>
      <c r="AK904" s="196"/>
      <c r="AL904" s="196"/>
      <c r="AM904" s="196"/>
      <c r="AN904" s="196"/>
      <c r="AO904" s="196"/>
      <c r="AP904" s="196"/>
      <c r="AQ904" s="196"/>
      <c r="AR904" s="197"/>
      <c r="AS904" s="132"/>
      <c r="AT904" s="196"/>
      <c r="AU904" s="196"/>
      <c r="AV904" s="196"/>
      <c r="AW904" s="196"/>
      <c r="AX904" s="202"/>
      <c r="AY904" s="23"/>
      <c r="AZ904" s="23"/>
      <c r="BA904" s="23"/>
      <c r="BB904" s="23"/>
      <c r="BC904" s="23"/>
      <c r="BD904" s="23"/>
      <c r="BE904" s="23"/>
      <c r="BF904" s="23"/>
      <c r="BG904" s="23"/>
      <c r="BH904" s="23"/>
      <c r="BI904" s="23"/>
      <c r="BJ904" s="23"/>
      <c r="BK904" s="23"/>
      <c r="BL904" s="23"/>
      <c r="BM904" s="23"/>
      <c r="BN904" s="23"/>
      <c r="BO904" s="23"/>
      <c r="BP904" s="23"/>
      <c r="BQ904" s="23"/>
      <c r="BR904" s="23"/>
      <c r="BS904" s="23"/>
      <c r="BT904" s="23"/>
      <c r="BU904" s="23"/>
      <c r="BV904" s="23"/>
      <c r="BW904" s="23"/>
      <c r="BX904" s="23"/>
      <c r="BY904" s="23"/>
      <c r="BZ904" s="23"/>
      <c r="CA904" s="23"/>
      <c r="CB904" s="23"/>
      <c r="CC904" s="23"/>
      <c r="CD904" s="23"/>
      <c r="CE904" s="23"/>
      <c r="CF904" s="23"/>
      <c r="CG904" s="23"/>
      <c r="CH904" s="23"/>
      <c r="CI904" s="23"/>
      <c r="CJ904" s="23"/>
      <c r="CK904" s="23"/>
      <c r="CL904" s="23"/>
      <c r="CM904" s="23"/>
      <c r="CN904" s="23"/>
      <c r="CO904" s="23"/>
      <c r="CP904" s="23"/>
      <c r="CQ904" s="23"/>
      <c r="CR904" s="23"/>
      <c r="CS904" s="23"/>
      <c r="CT904" s="23"/>
      <c r="CU904" s="23"/>
      <c r="CV904" s="23"/>
      <c r="CW904" s="23"/>
      <c r="CX904" s="23"/>
      <c r="CY904" s="23"/>
      <c r="CZ904" s="23"/>
      <c r="DA904" s="23"/>
      <c r="DB904" s="23"/>
      <c r="DC904" s="23"/>
      <c r="DD904" s="23"/>
      <c r="DE904" s="23"/>
      <c r="DF904" s="23"/>
      <c r="DG904" s="23"/>
      <c r="DH904" s="23"/>
      <c r="DI904" s="23"/>
      <c r="DJ904" s="23"/>
      <c r="DK904" s="23"/>
      <c r="DL904" s="23"/>
      <c r="DM904" s="23"/>
      <c r="DN904" s="23"/>
      <c r="DO904" s="23"/>
      <c r="DP904" s="23"/>
      <c r="DQ904" s="23"/>
      <c r="DR904" s="23"/>
      <c r="DS904" s="23"/>
      <c r="DT904" s="23"/>
      <c r="DU904" s="23"/>
      <c r="DV904" s="23"/>
      <c r="DW904" s="23"/>
      <c r="DX904" s="23"/>
      <c r="DY904" s="23"/>
      <c r="DZ904" s="23"/>
      <c r="EA904" s="23"/>
      <c r="EB904" s="23"/>
      <c r="EC904" s="23"/>
      <c r="ED904" s="23"/>
      <c r="EE904" s="23"/>
      <c r="EF904" s="23"/>
      <c r="EG904" s="23"/>
      <c r="EH904" s="23"/>
      <c r="EI904" s="23"/>
      <c r="EJ904" s="23"/>
      <c r="EK904" s="23"/>
      <c r="EL904" s="23"/>
      <c r="EM904" s="23"/>
      <c r="EN904" s="23"/>
      <c r="EO904" s="23"/>
      <c r="EP904" s="23"/>
      <c r="EQ904" s="23"/>
      <c r="ER904" s="23"/>
      <c r="ES904" s="23"/>
      <c r="ET904" s="23"/>
      <c r="EU904" s="23"/>
      <c r="EV904" s="23"/>
      <c r="EW904" s="23"/>
      <c r="EX904" s="23"/>
      <c r="EY904" s="23"/>
      <c r="EZ904" s="23"/>
      <c r="FA904" s="23"/>
      <c r="FB904" s="23"/>
      <c r="FC904" s="23"/>
      <c r="FD904" s="23"/>
      <c r="FE904" s="23"/>
      <c r="FF904" s="23"/>
      <c r="FG904" s="23"/>
      <c r="FH904" s="23"/>
      <c r="FI904" s="23"/>
      <c r="FJ904" s="23"/>
      <c r="FK904" s="23"/>
      <c r="FL904" s="23"/>
      <c r="FM904" s="23"/>
      <c r="FN904" s="23"/>
      <c r="FO904" s="23"/>
      <c r="FP904" s="23"/>
      <c r="FQ904" s="23"/>
      <c r="FR904" s="23"/>
      <c r="FS904" s="23"/>
      <c r="FT904" s="23"/>
      <c r="FU904" s="23"/>
      <c r="FV904" s="23"/>
      <c r="FW904" s="23"/>
      <c r="FX904" s="23"/>
      <c r="FY904" s="23"/>
      <c r="FZ904" s="23"/>
      <c r="GA904" s="23"/>
      <c r="GB904" s="23"/>
      <c r="GC904" s="23"/>
      <c r="GD904" s="23"/>
      <c r="GE904" s="23"/>
      <c r="GF904" s="23"/>
      <c r="GG904" s="23"/>
      <c r="GH904" s="23"/>
      <c r="GI904" s="23"/>
      <c r="GJ904" s="23"/>
      <c r="GK904" s="23"/>
      <c r="GL904" s="23"/>
      <c r="GM904" s="23"/>
      <c r="GN904" s="23"/>
      <c r="GO904" s="23"/>
      <c r="GP904" s="23"/>
      <c r="GQ904" s="23"/>
      <c r="GR904" s="23"/>
      <c r="GS904" s="23"/>
      <c r="GT904" s="23"/>
      <c r="GU904" s="23"/>
      <c r="GV904" s="23"/>
      <c r="GW904" s="23"/>
      <c r="GX904" s="23"/>
      <c r="GY904" s="23"/>
      <c r="GZ904" s="23"/>
      <c r="HA904" s="23"/>
      <c r="HB904" s="23"/>
      <c r="HC904" s="23"/>
      <c r="HD904" s="23"/>
      <c r="HE904" s="23"/>
      <c r="HF904" s="23"/>
      <c r="HG904" s="23"/>
      <c r="HH904" s="23"/>
      <c r="HI904" s="23"/>
      <c r="HJ904" s="23"/>
      <c r="HK904" s="23"/>
      <c r="HL904" s="23"/>
      <c r="HM904" s="23"/>
      <c r="HN904" s="23"/>
      <c r="HO904" s="23"/>
      <c r="HP904" s="23"/>
      <c r="HQ904" s="23"/>
      <c r="HR904" s="23"/>
      <c r="HS904" s="23"/>
      <c r="HT904" s="23"/>
      <c r="HU904" s="23"/>
      <c r="HV904" s="23"/>
      <c r="HW904" s="23"/>
      <c r="HX904" s="23"/>
      <c r="HY904" s="23"/>
      <c r="HZ904" s="23"/>
      <c r="IA904" s="23"/>
      <c r="IB904" s="23"/>
      <c r="IC904" s="23"/>
      <c r="ID904" s="23"/>
      <c r="IE904" s="23"/>
      <c r="IF904" s="23"/>
      <c r="IG904" s="23"/>
      <c r="IH904" s="23"/>
      <c r="II904" s="23"/>
      <c r="IJ904" s="23"/>
      <c r="IK904" s="23"/>
      <c r="IL904" s="23"/>
      <c r="IM904" s="23"/>
      <c r="IN904" s="23"/>
      <c r="IO904" s="23"/>
      <c r="IP904" s="23"/>
      <c r="IQ904" s="23"/>
    </row>
    <row r="905" spans="1:251" s="50" customFormat="1" ht="18.75" customHeight="1">
      <c r="A905" s="34"/>
      <c r="B905" s="47"/>
      <c r="C905" s="130"/>
      <c r="D905" s="130"/>
      <c r="E905" s="130"/>
      <c r="F905" s="130"/>
      <c r="G905" s="130"/>
      <c r="H905" s="130"/>
      <c r="I905" s="130"/>
      <c r="J905" s="130"/>
      <c r="K905" s="130"/>
      <c r="L905" s="130"/>
      <c r="M905" s="130"/>
      <c r="N905" s="130"/>
      <c r="O905" s="130"/>
      <c r="P905" s="130"/>
      <c r="Q905" s="130"/>
      <c r="R905" s="130"/>
      <c r="S905" s="130"/>
      <c r="T905" s="130"/>
      <c r="U905" s="130"/>
      <c r="V905" s="130"/>
      <c r="W905" s="130"/>
      <c r="X905" s="130"/>
      <c r="Y905" s="130"/>
      <c r="Z905" s="131"/>
      <c r="AA905" s="132"/>
      <c r="AB905" s="200"/>
      <c r="AC905" s="200"/>
      <c r="AD905" s="200"/>
      <c r="AE905" s="200"/>
      <c r="AF905" s="200"/>
      <c r="AG905" s="200"/>
      <c r="AH905" s="200"/>
      <c r="AI905" s="201"/>
      <c r="AJ905" s="132"/>
      <c r="AK905" s="196"/>
      <c r="AL905" s="196"/>
      <c r="AM905" s="196"/>
      <c r="AN905" s="196"/>
      <c r="AO905" s="196"/>
      <c r="AP905" s="196"/>
      <c r="AQ905" s="196"/>
      <c r="AR905" s="197"/>
      <c r="AS905" s="132"/>
      <c r="AT905" s="196"/>
      <c r="AU905" s="196"/>
      <c r="AV905" s="196"/>
      <c r="AW905" s="196"/>
      <c r="AX905" s="202"/>
      <c r="AY905" s="23"/>
      <c r="AZ905" s="23"/>
      <c r="BA905" s="23"/>
      <c r="BB905" s="23"/>
      <c r="BC905" s="23"/>
      <c r="BD905" s="23"/>
      <c r="BE905" s="23"/>
      <c r="BF905" s="23"/>
      <c r="BG905" s="23"/>
      <c r="BH905" s="23"/>
      <c r="BI905" s="23"/>
      <c r="BJ905" s="23"/>
      <c r="BK905" s="23"/>
      <c r="BL905" s="23"/>
      <c r="BM905" s="23"/>
      <c r="BN905" s="23"/>
      <c r="BO905" s="23"/>
      <c r="BP905" s="23"/>
      <c r="BQ905" s="23"/>
      <c r="BR905" s="23"/>
      <c r="BS905" s="23"/>
      <c r="BT905" s="23"/>
      <c r="BU905" s="23"/>
      <c r="BV905" s="23"/>
      <c r="BW905" s="23"/>
      <c r="BX905" s="23"/>
      <c r="BY905" s="23"/>
      <c r="BZ905" s="23"/>
      <c r="CA905" s="23"/>
      <c r="CB905" s="23"/>
      <c r="CC905" s="23"/>
      <c r="CD905" s="23"/>
      <c r="CE905" s="23"/>
      <c r="CF905" s="23"/>
      <c r="CG905" s="23"/>
      <c r="CH905" s="23"/>
      <c r="CI905" s="23"/>
      <c r="CJ905" s="23"/>
      <c r="CK905" s="23"/>
      <c r="CL905" s="23"/>
      <c r="CM905" s="23"/>
      <c r="CN905" s="23"/>
      <c r="CO905" s="23"/>
      <c r="CP905" s="23"/>
      <c r="CQ905" s="23"/>
      <c r="CR905" s="23"/>
      <c r="CS905" s="23"/>
      <c r="CT905" s="23"/>
      <c r="CU905" s="23"/>
      <c r="CV905" s="23"/>
      <c r="CW905" s="23"/>
      <c r="CX905" s="23"/>
      <c r="CY905" s="23"/>
      <c r="CZ905" s="23"/>
      <c r="DA905" s="23"/>
      <c r="DB905" s="23"/>
      <c r="DC905" s="23"/>
      <c r="DD905" s="23"/>
      <c r="DE905" s="23"/>
      <c r="DF905" s="23"/>
      <c r="DG905" s="23"/>
      <c r="DH905" s="23"/>
      <c r="DI905" s="23"/>
      <c r="DJ905" s="23"/>
      <c r="DK905" s="23"/>
      <c r="DL905" s="23"/>
      <c r="DM905" s="23"/>
      <c r="DN905" s="23"/>
      <c r="DO905" s="23"/>
      <c r="DP905" s="23"/>
      <c r="DQ905" s="23"/>
      <c r="DR905" s="23"/>
      <c r="DS905" s="23"/>
      <c r="DT905" s="23"/>
      <c r="DU905" s="23"/>
      <c r="DV905" s="23"/>
      <c r="DW905" s="23"/>
      <c r="DX905" s="23"/>
      <c r="DY905" s="23"/>
      <c r="DZ905" s="23"/>
      <c r="EA905" s="23"/>
      <c r="EB905" s="23"/>
      <c r="EC905" s="23"/>
      <c r="ED905" s="23"/>
      <c r="EE905" s="23"/>
      <c r="EF905" s="23"/>
      <c r="EG905" s="23"/>
      <c r="EH905" s="23"/>
      <c r="EI905" s="23"/>
      <c r="EJ905" s="23"/>
      <c r="EK905" s="23"/>
      <c r="EL905" s="23"/>
      <c r="EM905" s="23"/>
      <c r="EN905" s="23"/>
      <c r="EO905" s="23"/>
      <c r="EP905" s="23"/>
      <c r="EQ905" s="23"/>
      <c r="ER905" s="23"/>
      <c r="ES905" s="23"/>
      <c r="ET905" s="23"/>
      <c r="EU905" s="23"/>
      <c r="EV905" s="23"/>
      <c r="EW905" s="23"/>
      <c r="EX905" s="23"/>
      <c r="EY905" s="23"/>
      <c r="EZ905" s="23"/>
      <c r="FA905" s="23"/>
      <c r="FB905" s="23"/>
      <c r="FC905" s="23"/>
      <c r="FD905" s="23"/>
      <c r="FE905" s="23"/>
      <c r="FF905" s="23"/>
      <c r="FG905" s="23"/>
      <c r="FH905" s="23"/>
      <c r="FI905" s="23"/>
      <c r="FJ905" s="23"/>
      <c r="FK905" s="23"/>
      <c r="FL905" s="23"/>
      <c r="FM905" s="23"/>
      <c r="FN905" s="23"/>
      <c r="FO905" s="23"/>
      <c r="FP905" s="23"/>
      <c r="FQ905" s="23"/>
      <c r="FR905" s="23"/>
      <c r="FS905" s="23"/>
      <c r="FT905" s="23"/>
      <c r="FU905" s="23"/>
      <c r="FV905" s="23"/>
      <c r="FW905" s="23"/>
      <c r="FX905" s="23"/>
      <c r="FY905" s="23"/>
      <c r="FZ905" s="23"/>
      <c r="GA905" s="23"/>
      <c r="GB905" s="23"/>
      <c r="GC905" s="23"/>
      <c r="GD905" s="23"/>
      <c r="GE905" s="23"/>
      <c r="GF905" s="23"/>
      <c r="GG905" s="23"/>
      <c r="GH905" s="23"/>
      <c r="GI905" s="23"/>
      <c r="GJ905" s="23"/>
      <c r="GK905" s="23"/>
      <c r="GL905" s="23"/>
      <c r="GM905" s="23"/>
      <c r="GN905" s="23"/>
      <c r="GO905" s="23"/>
      <c r="GP905" s="23"/>
      <c r="GQ905" s="23"/>
      <c r="GR905" s="23"/>
      <c r="GS905" s="23"/>
      <c r="GT905" s="23"/>
      <c r="GU905" s="23"/>
      <c r="GV905" s="23"/>
      <c r="GW905" s="23"/>
      <c r="GX905" s="23"/>
      <c r="GY905" s="23"/>
      <c r="GZ905" s="23"/>
      <c r="HA905" s="23"/>
      <c r="HB905" s="23"/>
      <c r="HC905" s="23"/>
      <c r="HD905" s="23"/>
      <c r="HE905" s="23"/>
      <c r="HF905" s="23"/>
      <c r="HG905" s="23"/>
      <c r="HH905" s="23"/>
      <c r="HI905" s="23"/>
      <c r="HJ905" s="23"/>
      <c r="HK905" s="23"/>
      <c r="HL905" s="23"/>
      <c r="HM905" s="23"/>
      <c r="HN905" s="23"/>
      <c r="HO905" s="23"/>
      <c r="HP905" s="23"/>
      <c r="HQ905" s="23"/>
      <c r="HR905" s="23"/>
      <c r="HS905" s="23"/>
      <c r="HT905" s="23"/>
      <c r="HU905" s="23"/>
      <c r="HV905" s="23"/>
      <c r="HW905" s="23"/>
      <c r="HX905" s="23"/>
      <c r="HY905" s="23"/>
      <c r="HZ905" s="23"/>
      <c r="IA905" s="23"/>
      <c r="IB905" s="23"/>
      <c r="IC905" s="23"/>
      <c r="ID905" s="23"/>
      <c r="IE905" s="23"/>
      <c r="IF905" s="23"/>
      <c r="IG905" s="23"/>
      <c r="IH905" s="23"/>
      <c r="II905" s="23"/>
      <c r="IJ905" s="23"/>
      <c r="IK905" s="23"/>
      <c r="IL905" s="23"/>
      <c r="IM905" s="23"/>
      <c r="IN905" s="23"/>
      <c r="IO905" s="23"/>
      <c r="IP905" s="23"/>
      <c r="IQ905" s="23"/>
    </row>
    <row r="906" spans="1:251" s="50" customFormat="1" ht="18.75" customHeight="1">
      <c r="A906" s="34"/>
      <c r="B906" s="48"/>
      <c r="C906" s="130"/>
      <c r="D906" s="130"/>
      <c r="E906" s="130"/>
      <c r="F906" s="130"/>
      <c r="G906" s="130"/>
      <c r="H906" s="130"/>
      <c r="I906" s="130"/>
      <c r="J906" s="130"/>
      <c r="K906" s="130"/>
      <c r="L906" s="130"/>
      <c r="M906" s="130"/>
      <c r="N906" s="130"/>
      <c r="O906" s="130"/>
      <c r="P906" s="130"/>
      <c r="Q906" s="130"/>
      <c r="R906" s="130"/>
      <c r="S906" s="130"/>
      <c r="T906" s="130"/>
      <c r="U906" s="130"/>
      <c r="V906" s="130"/>
      <c r="W906" s="130"/>
      <c r="X906" s="130"/>
      <c r="Y906" s="130"/>
      <c r="Z906" s="131"/>
      <c r="AA906" s="132"/>
      <c r="AB906" s="200"/>
      <c r="AC906" s="200"/>
      <c r="AD906" s="200"/>
      <c r="AE906" s="200"/>
      <c r="AF906" s="200"/>
      <c r="AG906" s="200"/>
      <c r="AH906" s="200"/>
      <c r="AI906" s="201"/>
      <c r="AJ906" s="132"/>
      <c r="AK906" s="196"/>
      <c r="AL906" s="196"/>
      <c r="AM906" s="196"/>
      <c r="AN906" s="196"/>
      <c r="AO906" s="196"/>
      <c r="AP906" s="196"/>
      <c r="AQ906" s="196"/>
      <c r="AR906" s="197"/>
      <c r="AS906" s="136"/>
      <c r="AT906" s="198"/>
      <c r="AU906" s="198"/>
      <c r="AV906" s="198"/>
      <c r="AW906" s="198"/>
      <c r="AX906" s="199"/>
      <c r="AY906" s="23"/>
      <c r="AZ906" s="23"/>
      <c r="BA906" s="23"/>
      <c r="BB906" s="23"/>
      <c r="BC906" s="23"/>
      <c r="BD906" s="23"/>
      <c r="BE906" s="23"/>
      <c r="BF906" s="23"/>
      <c r="BG906" s="23"/>
      <c r="BH906" s="23"/>
      <c r="BI906" s="23"/>
      <c r="BJ906" s="23"/>
      <c r="BK906" s="23"/>
      <c r="BL906" s="23"/>
      <c r="BM906" s="23"/>
      <c r="BN906" s="23"/>
      <c r="BO906" s="23"/>
      <c r="BP906" s="23"/>
      <c r="BQ906" s="23"/>
      <c r="BR906" s="23"/>
      <c r="BS906" s="23"/>
      <c r="BT906" s="23"/>
      <c r="BU906" s="23"/>
      <c r="BV906" s="23"/>
      <c r="BW906" s="23"/>
      <c r="BX906" s="23"/>
      <c r="BY906" s="23"/>
      <c r="BZ906" s="23"/>
      <c r="CA906" s="23"/>
      <c r="CB906" s="23"/>
      <c r="CC906" s="23"/>
      <c r="CD906" s="23"/>
      <c r="CE906" s="23"/>
      <c r="CF906" s="23"/>
      <c r="CG906" s="23"/>
      <c r="CH906" s="23"/>
      <c r="CI906" s="23"/>
      <c r="CJ906" s="23"/>
      <c r="CK906" s="23"/>
      <c r="CL906" s="23"/>
      <c r="CM906" s="23"/>
      <c r="CN906" s="23"/>
      <c r="CO906" s="23"/>
      <c r="CP906" s="23"/>
      <c r="CQ906" s="23"/>
      <c r="CR906" s="23"/>
      <c r="CS906" s="23"/>
      <c r="CT906" s="23"/>
      <c r="CU906" s="23"/>
      <c r="CV906" s="23"/>
      <c r="CW906" s="23"/>
      <c r="CX906" s="23"/>
      <c r="CY906" s="23"/>
      <c r="CZ906" s="23"/>
      <c r="DA906" s="23"/>
      <c r="DB906" s="23"/>
      <c r="DC906" s="23"/>
      <c r="DD906" s="23"/>
      <c r="DE906" s="23"/>
      <c r="DF906" s="23"/>
      <c r="DG906" s="23"/>
      <c r="DH906" s="23"/>
      <c r="DI906" s="23"/>
      <c r="DJ906" s="23"/>
      <c r="DK906" s="23"/>
      <c r="DL906" s="23"/>
      <c r="DM906" s="23"/>
      <c r="DN906" s="23"/>
      <c r="DO906" s="23"/>
      <c r="DP906" s="23"/>
      <c r="DQ906" s="23"/>
      <c r="DR906" s="23"/>
      <c r="DS906" s="23"/>
      <c r="DT906" s="23"/>
      <c r="DU906" s="23"/>
      <c r="DV906" s="23"/>
      <c r="DW906" s="23"/>
      <c r="DX906" s="23"/>
      <c r="DY906" s="23"/>
      <c r="DZ906" s="23"/>
      <c r="EA906" s="23"/>
      <c r="EB906" s="23"/>
      <c r="EC906" s="23"/>
      <c r="ED906" s="23"/>
      <c r="EE906" s="23"/>
      <c r="EF906" s="23"/>
      <c r="EG906" s="23"/>
      <c r="EH906" s="23"/>
      <c r="EI906" s="23"/>
      <c r="EJ906" s="23"/>
      <c r="EK906" s="23"/>
      <c r="EL906" s="23"/>
      <c r="EM906" s="23"/>
      <c r="EN906" s="23"/>
      <c r="EO906" s="23"/>
      <c r="EP906" s="23"/>
      <c r="EQ906" s="23"/>
      <c r="ER906" s="23"/>
      <c r="ES906" s="23"/>
      <c r="ET906" s="23"/>
      <c r="EU906" s="23"/>
      <c r="EV906" s="23"/>
      <c r="EW906" s="23"/>
      <c r="EX906" s="23"/>
      <c r="EY906" s="23"/>
      <c r="EZ906" s="23"/>
      <c r="FA906" s="23"/>
      <c r="FB906" s="23"/>
      <c r="FC906" s="23"/>
      <c r="FD906" s="23"/>
      <c r="FE906" s="23"/>
      <c r="FF906" s="23"/>
      <c r="FG906" s="23"/>
      <c r="FH906" s="23"/>
      <c r="FI906" s="23"/>
      <c r="FJ906" s="23"/>
      <c r="FK906" s="23"/>
      <c r="FL906" s="23"/>
      <c r="FM906" s="23"/>
      <c r="FN906" s="23"/>
      <c r="FO906" s="23"/>
      <c r="FP906" s="23"/>
      <c r="FQ906" s="23"/>
      <c r="FR906" s="23"/>
      <c r="FS906" s="23"/>
      <c r="FT906" s="23"/>
      <c r="FU906" s="23"/>
      <c r="FV906" s="23"/>
      <c r="FW906" s="23"/>
      <c r="FX906" s="23"/>
      <c r="FY906" s="23"/>
      <c r="FZ906" s="23"/>
      <c r="GA906" s="23"/>
      <c r="GB906" s="23"/>
      <c r="GC906" s="23"/>
      <c r="GD906" s="23"/>
      <c r="GE906" s="23"/>
      <c r="GF906" s="23"/>
      <c r="GG906" s="23"/>
      <c r="GH906" s="23"/>
      <c r="GI906" s="23"/>
      <c r="GJ906" s="23"/>
      <c r="GK906" s="23"/>
      <c r="GL906" s="23"/>
      <c r="GM906" s="23"/>
      <c r="GN906" s="23"/>
      <c r="GO906" s="23"/>
      <c r="GP906" s="23"/>
      <c r="GQ906" s="23"/>
      <c r="GR906" s="23"/>
      <c r="GS906" s="23"/>
      <c r="GT906" s="23"/>
      <c r="GU906" s="23"/>
      <c r="GV906" s="23"/>
      <c r="GW906" s="23"/>
      <c r="GX906" s="23"/>
      <c r="GY906" s="23"/>
      <c r="GZ906" s="23"/>
      <c r="HA906" s="23"/>
      <c r="HB906" s="23"/>
      <c r="HC906" s="23"/>
      <c r="HD906" s="23"/>
      <c r="HE906" s="23"/>
      <c r="HF906" s="23"/>
      <c r="HG906" s="23"/>
      <c r="HH906" s="23"/>
      <c r="HI906" s="23"/>
      <c r="HJ906" s="23"/>
      <c r="HK906" s="23"/>
      <c r="HL906" s="23"/>
      <c r="HM906" s="23"/>
      <c r="HN906" s="23"/>
      <c r="HO906" s="23"/>
      <c r="HP906" s="23"/>
      <c r="HQ906" s="23"/>
      <c r="HR906" s="23"/>
      <c r="HS906" s="23"/>
      <c r="HT906" s="23"/>
      <c r="HU906" s="23"/>
      <c r="HV906" s="23"/>
      <c r="HW906" s="23"/>
      <c r="HX906" s="23"/>
      <c r="HY906" s="23"/>
      <c r="HZ906" s="23"/>
      <c r="IA906" s="23"/>
      <c r="IB906" s="23"/>
      <c r="IC906" s="23"/>
      <c r="ID906" s="23"/>
      <c r="IE906" s="23"/>
      <c r="IF906" s="23"/>
      <c r="IG906" s="23"/>
      <c r="IH906" s="23"/>
      <c r="II906" s="23"/>
      <c r="IJ906" s="23"/>
      <c r="IK906" s="23"/>
      <c r="IL906" s="23"/>
      <c r="IM906" s="23"/>
      <c r="IN906" s="23"/>
      <c r="IO906" s="23"/>
      <c r="IP906" s="23"/>
      <c r="IQ906" s="23"/>
    </row>
    <row r="907" spans="1:251" s="50" customFormat="1" ht="18.75" customHeight="1">
      <c r="A907" s="34"/>
      <c r="B907" s="47"/>
      <c r="C907" s="130"/>
      <c r="D907" s="130"/>
      <c r="E907" s="130"/>
      <c r="F907" s="130"/>
      <c r="G907" s="130"/>
      <c r="H907" s="130"/>
      <c r="I907" s="130"/>
      <c r="J907" s="130"/>
      <c r="K907" s="130"/>
      <c r="L907" s="130"/>
      <c r="M907" s="130"/>
      <c r="N907" s="130"/>
      <c r="O907" s="130"/>
      <c r="P907" s="130"/>
      <c r="Q907" s="130"/>
      <c r="R907" s="130"/>
      <c r="S907" s="130"/>
      <c r="T907" s="130"/>
      <c r="U907" s="130"/>
      <c r="V907" s="130"/>
      <c r="W907" s="130"/>
      <c r="X907" s="130"/>
      <c r="Y907" s="130"/>
      <c r="Z907" s="131"/>
      <c r="AA907" s="132"/>
      <c r="AB907" s="200"/>
      <c r="AC907" s="200"/>
      <c r="AD907" s="200"/>
      <c r="AE907" s="200"/>
      <c r="AF907" s="200"/>
      <c r="AG907" s="200"/>
      <c r="AH907" s="200"/>
      <c r="AI907" s="201"/>
      <c r="AJ907" s="132"/>
      <c r="AK907" s="196"/>
      <c r="AL907" s="196"/>
      <c r="AM907" s="196"/>
      <c r="AN907" s="196"/>
      <c r="AO907" s="196"/>
      <c r="AP907" s="196"/>
      <c r="AQ907" s="196"/>
      <c r="AR907" s="197"/>
      <c r="AS907" s="132"/>
      <c r="AT907" s="196"/>
      <c r="AU907" s="196"/>
      <c r="AV907" s="196"/>
      <c r="AW907" s="196"/>
      <c r="AX907" s="202"/>
      <c r="AY907" s="23"/>
      <c r="AZ907" s="23"/>
      <c r="BA907" s="23"/>
      <c r="BB907" s="23"/>
      <c r="BC907" s="23"/>
      <c r="BD907" s="23"/>
      <c r="BE907" s="23"/>
      <c r="BF907" s="23"/>
      <c r="BG907" s="23"/>
      <c r="BH907" s="23"/>
      <c r="BI907" s="23"/>
      <c r="BJ907" s="23"/>
      <c r="BK907" s="23"/>
      <c r="BL907" s="23"/>
      <c r="BM907" s="23"/>
      <c r="BN907" s="23"/>
      <c r="BO907" s="23"/>
      <c r="BP907" s="23"/>
      <c r="BQ907" s="23"/>
      <c r="BR907" s="23"/>
      <c r="BS907" s="23"/>
      <c r="BT907" s="23"/>
      <c r="BU907" s="23"/>
      <c r="BV907" s="23"/>
      <c r="BW907" s="23"/>
      <c r="BX907" s="23"/>
      <c r="BY907" s="23"/>
      <c r="BZ907" s="23"/>
      <c r="CA907" s="23"/>
      <c r="CB907" s="23"/>
      <c r="CC907" s="23"/>
      <c r="CD907" s="23"/>
      <c r="CE907" s="23"/>
      <c r="CF907" s="23"/>
      <c r="CG907" s="23"/>
      <c r="CH907" s="23"/>
      <c r="CI907" s="23"/>
      <c r="CJ907" s="23"/>
      <c r="CK907" s="23"/>
      <c r="CL907" s="23"/>
      <c r="CM907" s="23"/>
      <c r="CN907" s="23"/>
      <c r="CO907" s="23"/>
      <c r="CP907" s="23"/>
      <c r="CQ907" s="23"/>
      <c r="CR907" s="23"/>
      <c r="CS907" s="23"/>
      <c r="CT907" s="23"/>
      <c r="CU907" s="23"/>
      <c r="CV907" s="23"/>
      <c r="CW907" s="23"/>
      <c r="CX907" s="23"/>
      <c r="CY907" s="23"/>
      <c r="CZ907" s="23"/>
      <c r="DA907" s="23"/>
      <c r="DB907" s="23"/>
      <c r="DC907" s="23"/>
      <c r="DD907" s="23"/>
      <c r="DE907" s="23"/>
      <c r="DF907" s="23"/>
      <c r="DG907" s="23"/>
      <c r="DH907" s="23"/>
      <c r="DI907" s="23"/>
      <c r="DJ907" s="23"/>
      <c r="DK907" s="23"/>
      <c r="DL907" s="23"/>
      <c r="DM907" s="23"/>
      <c r="DN907" s="23"/>
      <c r="DO907" s="23"/>
      <c r="DP907" s="23"/>
      <c r="DQ907" s="23"/>
      <c r="DR907" s="23"/>
      <c r="DS907" s="23"/>
      <c r="DT907" s="23"/>
      <c r="DU907" s="23"/>
      <c r="DV907" s="23"/>
      <c r="DW907" s="23"/>
      <c r="DX907" s="23"/>
      <c r="DY907" s="23"/>
      <c r="DZ907" s="23"/>
      <c r="EA907" s="23"/>
      <c r="EB907" s="23"/>
      <c r="EC907" s="23"/>
      <c r="ED907" s="23"/>
      <c r="EE907" s="23"/>
      <c r="EF907" s="23"/>
      <c r="EG907" s="23"/>
      <c r="EH907" s="23"/>
      <c r="EI907" s="23"/>
      <c r="EJ907" s="23"/>
      <c r="EK907" s="23"/>
      <c r="EL907" s="23"/>
      <c r="EM907" s="23"/>
      <c r="EN907" s="23"/>
      <c r="EO907" s="23"/>
      <c r="EP907" s="23"/>
      <c r="EQ907" s="23"/>
      <c r="ER907" s="23"/>
      <c r="ES907" s="23"/>
      <c r="ET907" s="23"/>
      <c r="EU907" s="23"/>
      <c r="EV907" s="23"/>
      <c r="EW907" s="23"/>
      <c r="EX907" s="23"/>
      <c r="EY907" s="23"/>
      <c r="EZ907" s="23"/>
      <c r="FA907" s="23"/>
      <c r="FB907" s="23"/>
      <c r="FC907" s="23"/>
      <c r="FD907" s="23"/>
      <c r="FE907" s="23"/>
      <c r="FF907" s="23"/>
      <c r="FG907" s="23"/>
      <c r="FH907" s="23"/>
      <c r="FI907" s="23"/>
      <c r="FJ907" s="23"/>
      <c r="FK907" s="23"/>
      <c r="FL907" s="23"/>
      <c r="FM907" s="23"/>
      <c r="FN907" s="23"/>
      <c r="FO907" s="23"/>
      <c r="FP907" s="23"/>
      <c r="FQ907" s="23"/>
      <c r="FR907" s="23"/>
      <c r="FS907" s="23"/>
      <c r="FT907" s="23"/>
      <c r="FU907" s="23"/>
      <c r="FV907" s="23"/>
      <c r="FW907" s="23"/>
      <c r="FX907" s="23"/>
      <c r="FY907" s="23"/>
      <c r="FZ907" s="23"/>
      <c r="GA907" s="23"/>
      <c r="GB907" s="23"/>
      <c r="GC907" s="23"/>
      <c r="GD907" s="23"/>
      <c r="GE907" s="23"/>
      <c r="GF907" s="23"/>
      <c r="GG907" s="23"/>
      <c r="GH907" s="23"/>
      <c r="GI907" s="23"/>
      <c r="GJ907" s="23"/>
      <c r="GK907" s="23"/>
      <c r="GL907" s="23"/>
      <c r="GM907" s="23"/>
      <c r="GN907" s="23"/>
      <c r="GO907" s="23"/>
      <c r="GP907" s="23"/>
      <c r="GQ907" s="23"/>
      <c r="GR907" s="23"/>
      <c r="GS907" s="23"/>
      <c r="GT907" s="23"/>
      <c r="GU907" s="23"/>
      <c r="GV907" s="23"/>
      <c r="GW907" s="23"/>
      <c r="GX907" s="23"/>
      <c r="GY907" s="23"/>
      <c r="GZ907" s="23"/>
      <c r="HA907" s="23"/>
      <c r="HB907" s="23"/>
      <c r="HC907" s="23"/>
      <c r="HD907" s="23"/>
      <c r="HE907" s="23"/>
      <c r="HF907" s="23"/>
      <c r="HG907" s="23"/>
      <c r="HH907" s="23"/>
      <c r="HI907" s="23"/>
      <c r="HJ907" s="23"/>
      <c r="HK907" s="23"/>
      <c r="HL907" s="23"/>
      <c r="HM907" s="23"/>
      <c r="HN907" s="23"/>
      <c r="HO907" s="23"/>
      <c r="HP907" s="23"/>
      <c r="HQ907" s="23"/>
      <c r="HR907" s="23"/>
      <c r="HS907" s="23"/>
      <c r="HT907" s="23"/>
      <c r="HU907" s="23"/>
      <c r="HV907" s="23"/>
      <c r="HW907" s="23"/>
      <c r="HX907" s="23"/>
      <c r="HY907" s="23"/>
      <c r="HZ907" s="23"/>
      <c r="IA907" s="23"/>
      <c r="IB907" s="23"/>
      <c r="IC907" s="23"/>
      <c r="ID907" s="23"/>
      <c r="IE907" s="23"/>
      <c r="IF907" s="23"/>
      <c r="IG907" s="23"/>
      <c r="IH907" s="23"/>
      <c r="II907" s="23"/>
      <c r="IJ907" s="23"/>
      <c r="IK907" s="23"/>
      <c r="IL907" s="23"/>
      <c r="IM907" s="23"/>
      <c r="IN907" s="23"/>
      <c r="IO907" s="23"/>
      <c r="IP907" s="23"/>
      <c r="IQ907" s="23"/>
    </row>
    <row r="908" spans="1:251" s="50" customFormat="1" ht="18.75" customHeight="1">
      <c r="A908" s="34"/>
      <c r="B908" s="48"/>
      <c r="C908" s="130"/>
      <c r="D908" s="130"/>
      <c r="E908" s="130"/>
      <c r="F908" s="130"/>
      <c r="G908" s="130"/>
      <c r="H908" s="130"/>
      <c r="I908" s="130"/>
      <c r="J908" s="130"/>
      <c r="K908" s="130"/>
      <c r="L908" s="130"/>
      <c r="M908" s="130"/>
      <c r="N908" s="130"/>
      <c r="O908" s="130"/>
      <c r="P908" s="130"/>
      <c r="Q908" s="130"/>
      <c r="R908" s="130"/>
      <c r="S908" s="130"/>
      <c r="T908" s="130"/>
      <c r="U908" s="130"/>
      <c r="V908" s="130"/>
      <c r="W908" s="130"/>
      <c r="X908" s="130"/>
      <c r="Y908" s="130"/>
      <c r="Z908" s="131"/>
      <c r="AA908" s="132"/>
      <c r="AB908" s="200"/>
      <c r="AC908" s="200"/>
      <c r="AD908" s="200"/>
      <c r="AE908" s="200"/>
      <c r="AF908" s="200"/>
      <c r="AG908" s="200"/>
      <c r="AH908" s="200"/>
      <c r="AI908" s="201"/>
      <c r="AJ908" s="132"/>
      <c r="AK908" s="133"/>
      <c r="AL908" s="133"/>
      <c r="AM908" s="133"/>
      <c r="AN908" s="133"/>
      <c r="AO908" s="133"/>
      <c r="AP908" s="133"/>
      <c r="AQ908" s="133"/>
      <c r="AR908" s="134"/>
      <c r="AS908" s="132"/>
      <c r="AT908" s="196"/>
      <c r="AU908" s="196"/>
      <c r="AV908" s="196"/>
      <c r="AW908" s="196"/>
      <c r="AX908" s="202"/>
      <c r="AY908" s="23"/>
      <c r="AZ908" s="23"/>
      <c r="BA908" s="23"/>
      <c r="BB908" s="23"/>
      <c r="BC908" s="23"/>
      <c r="BD908" s="23"/>
      <c r="BE908" s="23"/>
      <c r="BF908" s="23"/>
      <c r="BG908" s="23"/>
      <c r="BH908" s="23"/>
      <c r="BI908" s="23"/>
      <c r="BJ908" s="23"/>
      <c r="BK908" s="23"/>
      <c r="BL908" s="23"/>
      <c r="BM908" s="23"/>
      <c r="BN908" s="23"/>
      <c r="BO908" s="23"/>
      <c r="BP908" s="23"/>
      <c r="BQ908" s="23"/>
      <c r="BR908" s="23"/>
      <c r="BS908" s="23"/>
      <c r="BT908" s="23"/>
      <c r="BU908" s="23"/>
      <c r="BV908" s="23"/>
      <c r="BW908" s="23"/>
      <c r="BX908" s="23"/>
      <c r="BY908" s="23"/>
      <c r="BZ908" s="23"/>
      <c r="CA908" s="23"/>
      <c r="CB908" s="23"/>
      <c r="CC908" s="23"/>
      <c r="CD908" s="23"/>
      <c r="CE908" s="23"/>
      <c r="CF908" s="23"/>
      <c r="CG908" s="23"/>
      <c r="CH908" s="23"/>
      <c r="CI908" s="23"/>
      <c r="CJ908" s="23"/>
      <c r="CK908" s="23"/>
      <c r="CL908" s="23"/>
      <c r="CM908" s="23"/>
      <c r="CN908" s="23"/>
      <c r="CO908" s="23"/>
      <c r="CP908" s="23"/>
      <c r="CQ908" s="23"/>
      <c r="CR908" s="23"/>
      <c r="CS908" s="23"/>
      <c r="CT908" s="23"/>
      <c r="CU908" s="23"/>
      <c r="CV908" s="23"/>
      <c r="CW908" s="23"/>
      <c r="CX908" s="23"/>
      <c r="CY908" s="23"/>
      <c r="CZ908" s="23"/>
      <c r="DA908" s="23"/>
      <c r="DB908" s="23"/>
      <c r="DC908" s="23"/>
      <c r="DD908" s="23"/>
      <c r="DE908" s="23"/>
      <c r="DF908" s="23"/>
      <c r="DG908" s="23"/>
      <c r="DH908" s="23"/>
      <c r="DI908" s="23"/>
      <c r="DJ908" s="23"/>
      <c r="DK908" s="23"/>
      <c r="DL908" s="23"/>
      <c r="DM908" s="23"/>
      <c r="DN908" s="23"/>
      <c r="DO908" s="23"/>
      <c r="DP908" s="23"/>
      <c r="DQ908" s="23"/>
      <c r="DR908" s="23"/>
      <c r="DS908" s="23"/>
      <c r="DT908" s="23"/>
      <c r="DU908" s="23"/>
      <c r="DV908" s="23"/>
      <c r="DW908" s="23"/>
      <c r="DX908" s="23"/>
      <c r="DY908" s="23"/>
      <c r="DZ908" s="23"/>
      <c r="EA908" s="23"/>
      <c r="EB908" s="23"/>
      <c r="EC908" s="23"/>
      <c r="ED908" s="23"/>
      <c r="EE908" s="23"/>
      <c r="EF908" s="23"/>
      <c r="EG908" s="23"/>
      <c r="EH908" s="23"/>
      <c r="EI908" s="23"/>
      <c r="EJ908" s="23"/>
      <c r="EK908" s="23"/>
      <c r="EL908" s="23"/>
      <c r="EM908" s="23"/>
      <c r="EN908" s="23"/>
      <c r="EO908" s="23"/>
      <c r="EP908" s="23"/>
      <c r="EQ908" s="23"/>
      <c r="ER908" s="23"/>
      <c r="ES908" s="23"/>
      <c r="ET908" s="23"/>
      <c r="EU908" s="23"/>
      <c r="EV908" s="23"/>
      <c r="EW908" s="23"/>
      <c r="EX908" s="23"/>
      <c r="EY908" s="23"/>
      <c r="EZ908" s="23"/>
      <c r="FA908" s="23"/>
      <c r="FB908" s="23"/>
      <c r="FC908" s="23"/>
      <c r="FD908" s="23"/>
      <c r="FE908" s="23"/>
      <c r="FF908" s="23"/>
      <c r="FG908" s="23"/>
      <c r="FH908" s="23"/>
      <c r="FI908" s="23"/>
      <c r="FJ908" s="23"/>
      <c r="FK908" s="23"/>
      <c r="FL908" s="23"/>
      <c r="FM908" s="23"/>
      <c r="FN908" s="23"/>
      <c r="FO908" s="23"/>
      <c r="FP908" s="23"/>
      <c r="FQ908" s="23"/>
      <c r="FR908" s="23"/>
      <c r="FS908" s="23"/>
      <c r="FT908" s="23"/>
      <c r="FU908" s="23"/>
      <c r="FV908" s="23"/>
      <c r="FW908" s="23"/>
      <c r="FX908" s="23"/>
      <c r="FY908" s="23"/>
      <c r="FZ908" s="23"/>
      <c r="GA908" s="23"/>
      <c r="GB908" s="23"/>
      <c r="GC908" s="23"/>
      <c r="GD908" s="23"/>
      <c r="GE908" s="23"/>
      <c r="GF908" s="23"/>
      <c r="GG908" s="23"/>
      <c r="GH908" s="23"/>
      <c r="GI908" s="23"/>
      <c r="GJ908" s="23"/>
      <c r="GK908" s="23"/>
      <c r="GL908" s="23"/>
      <c r="GM908" s="23"/>
      <c r="GN908" s="23"/>
      <c r="GO908" s="23"/>
      <c r="GP908" s="23"/>
      <c r="GQ908" s="23"/>
      <c r="GR908" s="23"/>
      <c r="GS908" s="23"/>
      <c r="GT908" s="23"/>
      <c r="GU908" s="23"/>
      <c r="GV908" s="23"/>
      <c r="GW908" s="23"/>
      <c r="GX908" s="23"/>
      <c r="GY908" s="23"/>
      <c r="GZ908" s="23"/>
      <c r="HA908" s="23"/>
      <c r="HB908" s="23"/>
      <c r="HC908" s="23"/>
      <c r="HD908" s="23"/>
      <c r="HE908" s="23"/>
      <c r="HF908" s="23"/>
      <c r="HG908" s="23"/>
      <c r="HH908" s="23"/>
      <c r="HI908" s="23"/>
      <c r="HJ908" s="23"/>
      <c r="HK908" s="23"/>
      <c r="HL908" s="23"/>
      <c r="HM908" s="23"/>
      <c r="HN908" s="23"/>
      <c r="HO908" s="23"/>
      <c r="HP908" s="23"/>
      <c r="HQ908" s="23"/>
      <c r="HR908" s="23"/>
      <c r="HS908" s="23"/>
      <c r="HT908" s="23"/>
      <c r="HU908" s="23"/>
      <c r="HV908" s="23"/>
      <c r="HW908" s="23"/>
      <c r="HX908" s="23"/>
      <c r="HY908" s="23"/>
      <c r="HZ908" s="23"/>
      <c r="IA908" s="23"/>
      <c r="IB908" s="23"/>
      <c r="IC908" s="23"/>
      <c r="ID908" s="23"/>
      <c r="IE908" s="23"/>
      <c r="IF908" s="23"/>
      <c r="IG908" s="23"/>
      <c r="IH908" s="23"/>
      <c r="II908" s="23"/>
      <c r="IJ908" s="23"/>
      <c r="IK908" s="23"/>
      <c r="IL908" s="23"/>
      <c r="IM908" s="23"/>
      <c r="IN908" s="23"/>
      <c r="IO908" s="23"/>
      <c r="IP908" s="23"/>
      <c r="IQ908" s="23"/>
    </row>
    <row r="909" spans="1:251" s="50" customFormat="1" ht="18.75" customHeight="1" thickBot="1">
      <c r="A909" s="34"/>
      <c r="B909" s="49"/>
      <c r="C909" s="158"/>
      <c r="D909" s="158"/>
      <c r="E909" s="158"/>
      <c r="F909" s="158"/>
      <c r="G909" s="158"/>
      <c r="H909" s="158"/>
      <c r="I909" s="158"/>
      <c r="J909" s="158"/>
      <c r="K909" s="158"/>
      <c r="L909" s="158"/>
      <c r="M909" s="158"/>
      <c r="N909" s="158"/>
      <c r="O909" s="158"/>
      <c r="P909" s="158"/>
      <c r="Q909" s="158"/>
      <c r="R909" s="158"/>
      <c r="S909" s="158"/>
      <c r="T909" s="158"/>
      <c r="U909" s="158"/>
      <c r="V909" s="158"/>
      <c r="W909" s="158"/>
      <c r="X909" s="158"/>
      <c r="Y909" s="158"/>
      <c r="Z909" s="159"/>
      <c r="AA909" s="160"/>
      <c r="AB909" s="211"/>
      <c r="AC909" s="211"/>
      <c r="AD909" s="211"/>
      <c r="AE909" s="211"/>
      <c r="AF909" s="211"/>
      <c r="AG909" s="211"/>
      <c r="AH909" s="211"/>
      <c r="AI909" s="212"/>
      <c r="AJ909" s="160"/>
      <c r="AK909" s="161"/>
      <c r="AL909" s="161"/>
      <c r="AM909" s="161"/>
      <c r="AN909" s="161"/>
      <c r="AO909" s="161"/>
      <c r="AP909" s="161"/>
      <c r="AQ909" s="161"/>
      <c r="AR909" s="162"/>
      <c r="AS909" s="188"/>
      <c r="AT909" s="213"/>
      <c r="AU909" s="213"/>
      <c r="AV909" s="213"/>
      <c r="AW909" s="213"/>
      <c r="AX909" s="214"/>
      <c r="AY909" s="23"/>
      <c r="AZ909" s="23"/>
      <c r="BA909" s="23"/>
      <c r="BB909" s="23"/>
      <c r="BC909" s="23"/>
      <c r="BD909" s="23"/>
      <c r="BE909" s="23"/>
      <c r="BF909" s="23"/>
      <c r="BG909" s="23"/>
      <c r="BH909" s="23"/>
      <c r="BI909" s="23"/>
      <c r="BJ909" s="23"/>
      <c r="BK909" s="23"/>
      <c r="BL909" s="23"/>
      <c r="BM909" s="23"/>
      <c r="BN909" s="23"/>
      <c r="BO909" s="23"/>
      <c r="BP909" s="23"/>
      <c r="BQ909" s="23"/>
      <c r="BR909" s="23"/>
      <c r="BS909" s="23"/>
      <c r="BT909" s="23"/>
      <c r="BU909" s="23"/>
      <c r="BV909" s="23"/>
      <c r="BW909" s="23"/>
      <c r="BX909" s="23"/>
      <c r="BY909" s="23"/>
      <c r="BZ909" s="23"/>
      <c r="CA909" s="23"/>
      <c r="CB909" s="23"/>
      <c r="CC909" s="23"/>
      <c r="CD909" s="23"/>
      <c r="CE909" s="23"/>
      <c r="CF909" s="23"/>
      <c r="CG909" s="23"/>
      <c r="CH909" s="23"/>
      <c r="CI909" s="23"/>
      <c r="CJ909" s="23"/>
      <c r="CK909" s="23"/>
      <c r="CL909" s="23"/>
      <c r="CM909" s="23"/>
      <c r="CN909" s="23"/>
      <c r="CO909" s="23"/>
      <c r="CP909" s="23"/>
      <c r="CQ909" s="23"/>
      <c r="CR909" s="23"/>
      <c r="CS909" s="23"/>
      <c r="CT909" s="23"/>
      <c r="CU909" s="23"/>
      <c r="CV909" s="23"/>
      <c r="CW909" s="23"/>
      <c r="CX909" s="23"/>
      <c r="CY909" s="23"/>
      <c r="CZ909" s="23"/>
      <c r="DA909" s="23"/>
      <c r="DB909" s="23"/>
      <c r="DC909" s="23"/>
      <c r="DD909" s="23"/>
      <c r="DE909" s="23"/>
      <c r="DF909" s="23"/>
      <c r="DG909" s="23"/>
      <c r="DH909" s="23"/>
      <c r="DI909" s="23"/>
      <c r="DJ909" s="23"/>
      <c r="DK909" s="23"/>
      <c r="DL909" s="23"/>
      <c r="DM909" s="23"/>
      <c r="DN909" s="23"/>
      <c r="DO909" s="23"/>
      <c r="DP909" s="23"/>
      <c r="DQ909" s="23"/>
      <c r="DR909" s="23"/>
      <c r="DS909" s="23"/>
      <c r="DT909" s="23"/>
      <c r="DU909" s="23"/>
      <c r="DV909" s="23"/>
      <c r="DW909" s="23"/>
      <c r="DX909" s="23"/>
      <c r="DY909" s="23"/>
      <c r="DZ909" s="23"/>
      <c r="EA909" s="23"/>
      <c r="EB909" s="23"/>
      <c r="EC909" s="23"/>
      <c r="ED909" s="23"/>
      <c r="EE909" s="23"/>
      <c r="EF909" s="23"/>
      <c r="EG909" s="23"/>
      <c r="EH909" s="23"/>
      <c r="EI909" s="23"/>
      <c r="EJ909" s="23"/>
      <c r="EK909" s="23"/>
      <c r="EL909" s="23"/>
      <c r="EM909" s="23"/>
      <c r="EN909" s="23"/>
      <c r="EO909" s="23"/>
      <c r="EP909" s="23"/>
      <c r="EQ909" s="23"/>
      <c r="ER909" s="23"/>
      <c r="ES909" s="23"/>
      <c r="ET909" s="23"/>
      <c r="EU909" s="23"/>
      <c r="EV909" s="23"/>
      <c r="EW909" s="23"/>
      <c r="EX909" s="23"/>
      <c r="EY909" s="23"/>
      <c r="EZ909" s="23"/>
      <c r="FA909" s="23"/>
      <c r="FB909" s="23"/>
      <c r="FC909" s="23"/>
      <c r="FD909" s="23"/>
      <c r="FE909" s="23"/>
      <c r="FF909" s="23"/>
      <c r="FG909" s="23"/>
      <c r="FH909" s="23"/>
      <c r="FI909" s="23"/>
      <c r="FJ909" s="23"/>
      <c r="FK909" s="23"/>
      <c r="FL909" s="23"/>
      <c r="FM909" s="23"/>
      <c r="FN909" s="23"/>
      <c r="FO909" s="23"/>
      <c r="FP909" s="23"/>
      <c r="FQ909" s="23"/>
      <c r="FR909" s="23"/>
      <c r="FS909" s="23"/>
      <c r="FT909" s="23"/>
      <c r="FU909" s="23"/>
      <c r="FV909" s="23"/>
      <c r="FW909" s="23"/>
      <c r="FX909" s="23"/>
      <c r="FY909" s="23"/>
      <c r="FZ909" s="23"/>
      <c r="GA909" s="23"/>
      <c r="GB909" s="23"/>
      <c r="GC909" s="23"/>
      <c r="GD909" s="23"/>
      <c r="GE909" s="23"/>
      <c r="GF909" s="23"/>
      <c r="GG909" s="23"/>
      <c r="GH909" s="23"/>
      <c r="GI909" s="23"/>
      <c r="GJ909" s="23"/>
      <c r="GK909" s="23"/>
      <c r="GL909" s="23"/>
      <c r="GM909" s="23"/>
      <c r="GN909" s="23"/>
      <c r="GO909" s="23"/>
      <c r="GP909" s="23"/>
      <c r="GQ909" s="23"/>
      <c r="GR909" s="23"/>
      <c r="GS909" s="23"/>
      <c r="GT909" s="23"/>
      <c r="GU909" s="23"/>
      <c r="GV909" s="23"/>
      <c r="GW909" s="23"/>
      <c r="GX909" s="23"/>
      <c r="GY909" s="23"/>
      <c r="GZ909" s="23"/>
      <c r="HA909" s="23"/>
      <c r="HB909" s="23"/>
      <c r="HC909" s="23"/>
      <c r="HD909" s="23"/>
      <c r="HE909" s="23"/>
      <c r="HF909" s="23"/>
      <c r="HG909" s="23"/>
      <c r="HH909" s="23"/>
      <c r="HI909" s="23"/>
      <c r="HJ909" s="23"/>
      <c r="HK909" s="23"/>
      <c r="HL909" s="23"/>
      <c r="HM909" s="23"/>
      <c r="HN909" s="23"/>
      <c r="HO909" s="23"/>
      <c r="HP909" s="23"/>
      <c r="HQ909" s="23"/>
      <c r="HR909" s="23"/>
      <c r="HS909" s="23"/>
      <c r="HT909" s="23"/>
      <c r="HU909" s="23"/>
      <c r="HV909" s="23"/>
      <c r="HW909" s="23"/>
      <c r="HX909" s="23"/>
      <c r="HY909" s="23"/>
      <c r="HZ909" s="23"/>
      <c r="IA909" s="23"/>
      <c r="IB909" s="23"/>
      <c r="IC909" s="23"/>
      <c r="ID909" s="23"/>
      <c r="IE909" s="23"/>
      <c r="IF909" s="23"/>
      <c r="IG909" s="23"/>
      <c r="IH909" s="23"/>
      <c r="II909" s="23"/>
      <c r="IJ909" s="23"/>
      <c r="IK909" s="23"/>
      <c r="IL909" s="23"/>
      <c r="IM909" s="23"/>
      <c r="IN909" s="23"/>
      <c r="IO909" s="23"/>
      <c r="IP909" s="23"/>
      <c r="IQ909" s="23"/>
    </row>
    <row r="910" spans="1:251" s="50" customFormat="1" ht="18.75" customHeight="1" thickTop="1" thickBot="1">
      <c r="A910" s="38"/>
      <c r="B910" s="164" t="s">
        <v>105</v>
      </c>
      <c r="C910" s="191"/>
      <c r="D910" s="191"/>
      <c r="E910" s="191"/>
      <c r="F910" s="191"/>
      <c r="G910" s="191"/>
      <c r="H910" s="191"/>
      <c r="I910" s="191"/>
      <c r="J910" s="191"/>
      <c r="K910" s="191"/>
      <c r="L910" s="191"/>
      <c r="M910" s="191"/>
      <c r="N910" s="191"/>
      <c r="O910" s="191"/>
      <c r="P910" s="191"/>
      <c r="Q910" s="191"/>
      <c r="R910" s="191"/>
      <c r="S910" s="191"/>
      <c r="T910" s="191"/>
      <c r="U910" s="191"/>
      <c r="V910" s="191"/>
      <c r="W910" s="191"/>
      <c r="X910" s="191"/>
      <c r="Y910" s="191"/>
      <c r="Z910" s="192"/>
      <c r="AA910" s="167">
        <f>SUM(AA902:AA909)</f>
        <v>414440</v>
      </c>
      <c r="AB910" s="215"/>
      <c r="AC910" s="215"/>
      <c r="AD910" s="215"/>
      <c r="AE910" s="215"/>
      <c r="AF910" s="215"/>
      <c r="AG910" s="215"/>
      <c r="AH910" s="215"/>
      <c r="AI910" s="216"/>
      <c r="AJ910" s="167">
        <f>SUM(AJ902:AJ909)</f>
        <v>317442</v>
      </c>
      <c r="AK910" s="215"/>
      <c r="AL910" s="215"/>
      <c r="AM910" s="215"/>
      <c r="AN910" s="215"/>
      <c r="AO910" s="215"/>
      <c r="AP910" s="215"/>
      <c r="AQ910" s="215"/>
      <c r="AR910" s="216"/>
      <c r="AS910" s="167"/>
      <c r="AT910" s="215"/>
      <c r="AU910" s="215"/>
      <c r="AV910" s="215"/>
      <c r="AW910" s="215"/>
      <c r="AX910" s="217"/>
      <c r="AY910" s="23"/>
      <c r="AZ910" s="23"/>
      <c r="BA910" s="23"/>
      <c r="BB910" s="23"/>
      <c r="BC910" s="23"/>
      <c r="BD910" s="23"/>
      <c r="BE910" s="23"/>
      <c r="BF910" s="23"/>
      <c r="BG910" s="23"/>
      <c r="BH910" s="23"/>
      <c r="BI910" s="23"/>
      <c r="BJ910" s="23"/>
      <c r="BK910" s="23"/>
      <c r="BL910" s="23"/>
      <c r="BM910" s="23"/>
      <c r="BN910" s="23"/>
      <c r="BO910" s="23"/>
      <c r="BP910" s="23"/>
      <c r="BQ910" s="23"/>
      <c r="BR910" s="23"/>
      <c r="BS910" s="23"/>
      <c r="BT910" s="23"/>
      <c r="BU910" s="23"/>
      <c r="BV910" s="23"/>
      <c r="BW910" s="23"/>
      <c r="BX910" s="23"/>
      <c r="BY910" s="23"/>
      <c r="BZ910" s="23"/>
      <c r="CA910" s="23"/>
      <c r="CB910" s="23"/>
      <c r="CC910" s="23"/>
      <c r="CD910" s="23"/>
      <c r="CE910" s="23"/>
      <c r="CF910" s="23"/>
      <c r="CG910" s="23"/>
      <c r="CH910" s="23"/>
      <c r="CI910" s="23"/>
      <c r="CJ910" s="23"/>
      <c r="CK910" s="23"/>
      <c r="CL910" s="23"/>
      <c r="CM910" s="23"/>
      <c r="CN910" s="23"/>
      <c r="CO910" s="23"/>
      <c r="CP910" s="23"/>
      <c r="CQ910" s="23"/>
      <c r="CR910" s="23"/>
      <c r="CS910" s="23"/>
      <c r="CT910" s="23"/>
      <c r="CU910" s="23"/>
      <c r="CV910" s="23"/>
      <c r="CW910" s="23"/>
      <c r="CX910" s="23"/>
      <c r="CY910" s="23"/>
      <c r="CZ910" s="23"/>
      <c r="DA910" s="23"/>
      <c r="DB910" s="23"/>
      <c r="DC910" s="23"/>
      <c r="DD910" s="23"/>
      <c r="DE910" s="23"/>
      <c r="DF910" s="23"/>
      <c r="DG910" s="23"/>
      <c r="DH910" s="23"/>
      <c r="DI910" s="23"/>
      <c r="DJ910" s="23"/>
      <c r="DK910" s="23"/>
      <c r="DL910" s="23"/>
      <c r="DM910" s="23"/>
      <c r="DN910" s="23"/>
      <c r="DO910" s="23"/>
      <c r="DP910" s="23"/>
      <c r="DQ910" s="23"/>
      <c r="DR910" s="23"/>
      <c r="DS910" s="23"/>
      <c r="DT910" s="23"/>
      <c r="DU910" s="23"/>
      <c r="DV910" s="23"/>
      <c r="DW910" s="23"/>
      <c r="DX910" s="23"/>
      <c r="DY910" s="23"/>
      <c r="DZ910" s="23"/>
      <c r="EA910" s="23"/>
      <c r="EB910" s="23"/>
      <c r="EC910" s="23"/>
      <c r="ED910" s="23"/>
      <c r="EE910" s="23"/>
      <c r="EF910" s="23"/>
      <c r="EG910" s="23"/>
      <c r="EH910" s="23"/>
      <c r="EI910" s="23"/>
      <c r="EJ910" s="23"/>
      <c r="EK910" s="23"/>
      <c r="EL910" s="23"/>
      <c r="EM910" s="23"/>
      <c r="EN910" s="23"/>
      <c r="EO910" s="23"/>
      <c r="EP910" s="23"/>
      <c r="EQ910" s="23"/>
      <c r="ER910" s="23"/>
      <c r="ES910" s="23"/>
      <c r="ET910" s="23"/>
      <c r="EU910" s="23"/>
      <c r="EV910" s="23"/>
      <c r="EW910" s="23"/>
      <c r="EX910" s="23"/>
      <c r="EY910" s="23"/>
      <c r="EZ910" s="23"/>
      <c r="FA910" s="23"/>
      <c r="FB910" s="23"/>
      <c r="FC910" s="23"/>
      <c r="FD910" s="23"/>
      <c r="FE910" s="23"/>
      <c r="FF910" s="23"/>
      <c r="FG910" s="23"/>
      <c r="FH910" s="23"/>
      <c r="FI910" s="23"/>
      <c r="FJ910" s="23"/>
      <c r="FK910" s="23"/>
      <c r="FL910" s="23"/>
      <c r="FM910" s="23"/>
      <c r="FN910" s="23"/>
      <c r="FO910" s="23"/>
      <c r="FP910" s="23"/>
      <c r="FQ910" s="23"/>
      <c r="FR910" s="23"/>
      <c r="FS910" s="23"/>
      <c r="FT910" s="23"/>
      <c r="FU910" s="23"/>
      <c r="FV910" s="23"/>
      <c r="FW910" s="23"/>
      <c r="FX910" s="23"/>
      <c r="FY910" s="23"/>
      <c r="FZ910" s="23"/>
      <c r="GA910" s="23"/>
      <c r="GB910" s="23"/>
      <c r="GC910" s="23"/>
      <c r="GD910" s="23"/>
      <c r="GE910" s="23"/>
      <c r="GF910" s="23"/>
      <c r="GG910" s="23"/>
      <c r="GH910" s="23"/>
      <c r="GI910" s="23"/>
      <c r="GJ910" s="23"/>
      <c r="GK910" s="23"/>
      <c r="GL910" s="23"/>
      <c r="GM910" s="23"/>
      <c r="GN910" s="23"/>
      <c r="GO910" s="23"/>
      <c r="GP910" s="23"/>
      <c r="GQ910" s="23"/>
      <c r="GR910" s="23"/>
      <c r="GS910" s="23"/>
      <c r="GT910" s="23"/>
      <c r="GU910" s="23"/>
      <c r="GV910" s="23"/>
      <c r="GW910" s="23"/>
      <c r="GX910" s="23"/>
      <c r="GY910" s="23"/>
      <c r="GZ910" s="23"/>
      <c r="HA910" s="23"/>
      <c r="HB910" s="23"/>
      <c r="HC910" s="23"/>
      <c r="HD910" s="23"/>
      <c r="HE910" s="23"/>
      <c r="HF910" s="23"/>
      <c r="HG910" s="23"/>
      <c r="HH910" s="23"/>
      <c r="HI910" s="23"/>
      <c r="HJ910" s="23"/>
      <c r="HK910" s="23"/>
      <c r="HL910" s="23"/>
      <c r="HM910" s="23"/>
      <c r="HN910" s="23"/>
      <c r="HO910" s="23"/>
      <c r="HP910" s="23"/>
      <c r="HQ910" s="23"/>
      <c r="HR910" s="23"/>
      <c r="HS910" s="23"/>
      <c r="HT910" s="23"/>
      <c r="HU910" s="23"/>
      <c r="HV910" s="23"/>
      <c r="HW910" s="23"/>
      <c r="HX910" s="23"/>
      <c r="HY910" s="23"/>
      <c r="HZ910" s="23"/>
      <c r="IA910" s="23"/>
      <c r="IB910" s="23"/>
      <c r="IC910" s="23"/>
      <c r="ID910" s="23"/>
      <c r="IE910" s="23"/>
      <c r="IF910" s="23"/>
      <c r="IG910" s="23"/>
      <c r="IH910" s="23"/>
      <c r="II910" s="23"/>
      <c r="IJ910" s="23"/>
      <c r="IK910" s="23"/>
      <c r="IL910" s="23"/>
      <c r="IM910" s="23"/>
      <c r="IN910" s="23"/>
      <c r="IO910" s="23"/>
      <c r="IP910" s="23"/>
      <c r="IQ910" s="23"/>
    </row>
    <row r="912" spans="1:251" s="23" customFormat="1" ht="19.2">
      <c r="A912" s="22" t="s">
        <v>86</v>
      </c>
      <c r="AW912" s="24"/>
      <c r="AX912" s="25"/>
      <c r="AY912" s="24"/>
    </row>
    <row r="913" spans="1:113" s="23" customFormat="1" ht="13.2"/>
    <row r="914" spans="1:113" s="23" customFormat="1">
      <c r="A914" s="26"/>
      <c r="B914" s="115" t="s">
        <v>87</v>
      </c>
      <c r="C914" s="153"/>
      <c r="D914" s="153"/>
      <c r="E914" s="153"/>
      <c r="F914" s="153"/>
      <c r="G914" s="153"/>
      <c r="H914" s="153"/>
      <c r="I914" s="153"/>
      <c r="J914" s="153"/>
      <c r="K914" s="153"/>
      <c r="L914" s="153"/>
      <c r="M914" s="153"/>
      <c r="N914" s="153"/>
      <c r="O914" s="153"/>
      <c r="P914" s="153"/>
      <c r="Q914" s="153"/>
      <c r="R914" s="153"/>
      <c r="S914" s="153"/>
      <c r="T914" s="153"/>
      <c r="U914" s="153"/>
      <c r="V914" s="153"/>
      <c r="W914" s="153"/>
      <c r="X914" s="153"/>
      <c r="Y914" s="153"/>
      <c r="Z914" s="153"/>
      <c r="AA914" s="153"/>
      <c r="AB914" s="153"/>
      <c r="AC914" s="153"/>
      <c r="AD914" s="153"/>
      <c r="AE914" s="153"/>
      <c r="AF914" s="153"/>
      <c r="AG914" s="153"/>
      <c r="AH914" s="153"/>
      <c r="AI914" s="153"/>
      <c r="AJ914" s="153"/>
      <c r="AK914" s="153"/>
      <c r="AL914" s="153"/>
      <c r="AM914" s="153"/>
      <c r="AN914" s="153"/>
      <c r="AO914" s="153"/>
      <c r="AP914" s="153"/>
      <c r="AQ914" s="153"/>
      <c r="AR914" s="153"/>
      <c r="AS914" s="153"/>
      <c r="AT914" s="153"/>
      <c r="AU914" s="153"/>
      <c r="AV914" s="153"/>
      <c r="AW914" s="153"/>
      <c r="AX914" s="153"/>
      <c r="AY914" s="26"/>
    </row>
    <row r="915" spans="1:113" s="23" customFormat="1" ht="13.2">
      <c r="Z915" s="27"/>
      <c r="AD915" s="27"/>
      <c r="AE915" s="27"/>
      <c r="AF915" s="27"/>
      <c r="AG915" s="27"/>
      <c r="AH915" s="27"/>
      <c r="AI915" s="27"/>
      <c r="AO915" s="27"/>
    </row>
    <row r="916" spans="1:113" s="23" customFormat="1" ht="13.8" thickBot="1">
      <c r="Z916" s="27"/>
      <c r="AD916" s="27"/>
      <c r="AE916" s="27"/>
      <c r="AF916" s="27"/>
      <c r="AG916" s="27"/>
      <c r="AH916" s="27"/>
      <c r="AI916" s="27"/>
      <c r="AO916" s="27"/>
      <c r="DI916" s="28"/>
    </row>
    <row r="917" spans="1:113" s="23" customFormat="1" ht="24.6" customHeight="1" thickBot="1">
      <c r="A917" s="116" t="s">
        <v>88</v>
      </c>
      <c r="B917" s="117"/>
      <c r="C917" s="117"/>
      <c r="D917" s="117"/>
      <c r="E917" s="117"/>
      <c r="F917" s="117"/>
      <c r="G917" s="117"/>
      <c r="H917" s="117"/>
      <c r="I917" s="117"/>
      <c r="J917" s="117"/>
      <c r="K917" s="118"/>
      <c r="L917" s="154">
        <v>27</v>
      </c>
      <c r="M917" s="154"/>
      <c r="N917" s="154"/>
      <c r="O917" s="155"/>
      <c r="P917" s="122" t="s">
        <v>89</v>
      </c>
      <c r="Q917" s="120"/>
      <c r="R917" s="120"/>
      <c r="S917" s="120"/>
      <c r="T917" s="120"/>
      <c r="U917" s="123"/>
      <c r="V917" s="156" t="s">
        <v>181</v>
      </c>
      <c r="W917" s="156"/>
      <c r="X917" s="156"/>
      <c r="Y917" s="156"/>
      <c r="Z917" s="156"/>
      <c r="AA917" s="156"/>
      <c r="AB917" s="156"/>
      <c r="AC917" s="156"/>
      <c r="AD917" s="156"/>
      <c r="AE917" s="156"/>
      <c r="AF917" s="156"/>
      <c r="AG917" s="156"/>
      <c r="AH917" s="156"/>
      <c r="AI917" s="156"/>
      <c r="AJ917" s="156"/>
      <c r="AK917" s="156"/>
      <c r="AL917" s="156"/>
      <c r="AM917" s="156"/>
      <c r="AN917" s="156"/>
      <c r="AO917" s="156"/>
      <c r="AP917" s="156"/>
      <c r="AQ917" s="156"/>
      <c r="AR917" s="156"/>
      <c r="AS917" s="156"/>
      <c r="AT917" s="156"/>
      <c r="AU917" s="156"/>
      <c r="AV917" s="156"/>
      <c r="AW917" s="156"/>
      <c r="AX917" s="157"/>
      <c r="DI917" s="28"/>
    </row>
    <row r="918" spans="1:113" s="23" customFormat="1" ht="14.4">
      <c r="A918" s="29"/>
      <c r="B918" s="29"/>
      <c r="C918" s="29"/>
      <c r="D918" s="29"/>
      <c r="E918" s="29"/>
      <c r="F918" s="29"/>
      <c r="G918" s="29"/>
      <c r="H918" s="29"/>
      <c r="I918" s="29"/>
      <c r="J918" s="29"/>
      <c r="K918" s="29"/>
      <c r="L918" s="30"/>
      <c r="M918" s="30"/>
      <c r="N918" s="30"/>
      <c r="O918" s="30"/>
      <c r="P918" s="29"/>
      <c r="Q918" s="29"/>
      <c r="R918" s="29"/>
      <c r="S918" s="29"/>
      <c r="T918" s="29"/>
      <c r="U918" s="29"/>
      <c r="V918" s="31"/>
      <c r="W918" s="31"/>
      <c r="X918" s="31"/>
      <c r="Y918" s="31"/>
      <c r="Z918" s="31"/>
      <c r="AA918" s="31"/>
      <c r="AB918" s="31"/>
      <c r="AC918" s="31"/>
      <c r="AD918" s="31"/>
      <c r="AE918" s="31"/>
      <c r="AF918" s="31"/>
      <c r="AG918" s="31"/>
      <c r="AH918" s="31"/>
      <c r="AI918" s="31"/>
      <c r="AJ918" s="31"/>
      <c r="AK918" s="31"/>
      <c r="AL918" s="31"/>
      <c r="AM918" s="31"/>
      <c r="AN918" s="31"/>
      <c r="AO918" s="31"/>
      <c r="AP918" s="31"/>
      <c r="AQ918" s="31"/>
      <c r="AR918" s="31"/>
      <c r="AS918" s="31"/>
      <c r="AT918" s="31"/>
      <c r="AU918" s="31"/>
      <c r="AV918" s="31"/>
      <c r="AW918" s="31"/>
      <c r="AX918" s="31"/>
      <c r="DI918" s="28"/>
    </row>
    <row r="919" spans="1:113" s="23" customFormat="1" ht="15" thickBot="1">
      <c r="A919" s="32"/>
      <c r="B919" s="33" t="s">
        <v>91</v>
      </c>
      <c r="C919" s="34"/>
      <c r="D919" s="34"/>
      <c r="E919" s="34"/>
      <c r="F919" s="34"/>
      <c r="G919" s="34"/>
      <c r="H919" s="34"/>
      <c r="I919" s="34"/>
      <c r="J919" s="34"/>
      <c r="K919" s="34"/>
      <c r="L919" s="35"/>
      <c r="M919" s="35"/>
      <c r="N919" s="35"/>
      <c r="O919" s="35"/>
      <c r="P919" s="34"/>
      <c r="Q919" s="34"/>
      <c r="R919" s="34"/>
      <c r="S919" s="34"/>
      <c r="T919" s="34"/>
      <c r="U919" s="34"/>
      <c r="V919" s="33"/>
      <c r="W919" s="33"/>
      <c r="X919" s="33"/>
      <c r="Y919" s="33"/>
      <c r="Z919" s="33"/>
      <c r="AA919" s="33"/>
      <c r="AB919" s="33"/>
      <c r="AC919" s="33"/>
      <c r="AD919" s="33"/>
      <c r="AE919" s="33"/>
      <c r="AF919" s="33"/>
      <c r="AG919" s="33"/>
      <c r="AH919" s="33"/>
      <c r="AI919" s="33"/>
      <c r="AJ919" s="33"/>
      <c r="AK919" s="33"/>
      <c r="AL919" s="33"/>
      <c r="AM919" s="33"/>
      <c r="AN919" s="33"/>
      <c r="AO919" s="33"/>
      <c r="AP919" s="33"/>
      <c r="AQ919" s="33"/>
      <c r="AR919" s="33"/>
      <c r="AS919" s="33"/>
      <c r="AT919" s="33"/>
      <c r="AU919" s="33"/>
      <c r="AV919" s="33"/>
      <c r="AW919" s="33"/>
      <c r="AX919" s="33"/>
      <c r="DI919" s="28"/>
    </row>
    <row r="920" spans="1:113" s="23" customFormat="1" ht="14.4">
      <c r="A920" s="34"/>
      <c r="B920" s="36"/>
      <c r="C920" s="29"/>
      <c r="D920" s="29"/>
      <c r="E920" s="29"/>
      <c r="F920" s="29"/>
      <c r="G920" s="29"/>
      <c r="H920" s="29"/>
      <c r="I920" s="29"/>
      <c r="J920" s="29"/>
      <c r="K920" s="29"/>
      <c r="L920" s="30"/>
      <c r="M920" s="30"/>
      <c r="N920" s="30"/>
      <c r="O920" s="30"/>
      <c r="P920" s="29"/>
      <c r="Q920" s="29"/>
      <c r="R920" s="29"/>
      <c r="S920" s="29"/>
      <c r="T920" s="29"/>
      <c r="U920" s="29"/>
      <c r="V920" s="31"/>
      <c r="W920" s="31"/>
      <c r="X920" s="31"/>
      <c r="Y920" s="31"/>
      <c r="Z920" s="31"/>
      <c r="AA920" s="31"/>
      <c r="AB920" s="31"/>
      <c r="AC920" s="31"/>
      <c r="AD920" s="31"/>
      <c r="AE920" s="31"/>
      <c r="AF920" s="31"/>
      <c r="AG920" s="31"/>
      <c r="AH920" s="31"/>
      <c r="AI920" s="31"/>
      <c r="AJ920" s="31"/>
      <c r="AK920" s="31"/>
      <c r="AL920" s="31"/>
      <c r="AM920" s="31"/>
      <c r="AN920" s="31"/>
      <c r="AO920" s="31"/>
      <c r="AP920" s="31"/>
      <c r="AQ920" s="31"/>
      <c r="AR920" s="31"/>
      <c r="AS920" s="31"/>
      <c r="AT920" s="31"/>
      <c r="AU920" s="31"/>
      <c r="AV920" s="31"/>
      <c r="AW920" s="31"/>
      <c r="AX920" s="37"/>
    </row>
    <row r="921" spans="1:113" s="23" customFormat="1" ht="10.8" customHeight="1">
      <c r="A921" s="34"/>
      <c r="B921" s="127" t="s">
        <v>182</v>
      </c>
      <c r="C921" s="128"/>
      <c r="D921" s="128"/>
      <c r="E921" s="128"/>
      <c r="F921" s="128"/>
      <c r="G921" s="128"/>
      <c r="H921" s="128"/>
      <c r="I921" s="128"/>
      <c r="J921" s="128"/>
      <c r="K921" s="128"/>
      <c r="L921" s="128"/>
      <c r="M921" s="128"/>
      <c r="N921" s="128"/>
      <c r="O921" s="128"/>
      <c r="P921" s="128"/>
      <c r="Q921" s="128"/>
      <c r="R921" s="128"/>
      <c r="S921" s="128"/>
      <c r="T921" s="128"/>
      <c r="U921" s="128"/>
      <c r="V921" s="128"/>
      <c r="W921" s="128"/>
      <c r="X921" s="128"/>
      <c r="Y921" s="128"/>
      <c r="Z921" s="128"/>
      <c r="AA921" s="128"/>
      <c r="AB921" s="128"/>
      <c r="AC921" s="128"/>
      <c r="AD921" s="128"/>
      <c r="AE921" s="128"/>
      <c r="AF921" s="128"/>
      <c r="AG921" s="128"/>
      <c r="AH921" s="128"/>
      <c r="AI921" s="128"/>
      <c r="AJ921" s="128"/>
      <c r="AK921" s="128"/>
      <c r="AL921" s="128"/>
      <c r="AM921" s="128"/>
      <c r="AN921" s="128"/>
      <c r="AO921" s="128"/>
      <c r="AP921" s="128"/>
      <c r="AQ921" s="128"/>
      <c r="AR921" s="128"/>
      <c r="AS921" s="128"/>
      <c r="AT921" s="128"/>
      <c r="AU921" s="128"/>
      <c r="AV921" s="128"/>
      <c r="AW921" s="128"/>
      <c r="AX921" s="129"/>
    </row>
    <row r="922" spans="1:113" s="23" customFormat="1" ht="10.8" customHeight="1">
      <c r="A922" s="34"/>
      <c r="B922" s="127"/>
      <c r="C922" s="128"/>
      <c r="D922" s="128"/>
      <c r="E922" s="128"/>
      <c r="F922" s="128"/>
      <c r="G922" s="128"/>
      <c r="H922" s="128"/>
      <c r="I922" s="128"/>
      <c r="J922" s="128"/>
      <c r="K922" s="128"/>
      <c r="L922" s="128"/>
      <c r="M922" s="128"/>
      <c r="N922" s="128"/>
      <c r="O922" s="128"/>
      <c r="P922" s="128"/>
      <c r="Q922" s="128"/>
      <c r="R922" s="128"/>
      <c r="S922" s="128"/>
      <c r="T922" s="128"/>
      <c r="U922" s="128"/>
      <c r="V922" s="128"/>
      <c r="W922" s="128"/>
      <c r="X922" s="128"/>
      <c r="Y922" s="128"/>
      <c r="Z922" s="128"/>
      <c r="AA922" s="128"/>
      <c r="AB922" s="128"/>
      <c r="AC922" s="128"/>
      <c r="AD922" s="128"/>
      <c r="AE922" s="128"/>
      <c r="AF922" s="128"/>
      <c r="AG922" s="128"/>
      <c r="AH922" s="128"/>
      <c r="AI922" s="128"/>
      <c r="AJ922" s="128"/>
      <c r="AK922" s="128"/>
      <c r="AL922" s="128"/>
      <c r="AM922" s="128"/>
      <c r="AN922" s="128"/>
      <c r="AO922" s="128"/>
      <c r="AP922" s="128"/>
      <c r="AQ922" s="128"/>
      <c r="AR922" s="128"/>
      <c r="AS922" s="128"/>
      <c r="AT922" s="128"/>
      <c r="AU922" s="128"/>
      <c r="AV922" s="128"/>
      <c r="AW922" s="128"/>
      <c r="AX922" s="129"/>
      <c r="BC922" s="17"/>
    </row>
    <row r="923" spans="1:113" s="23" customFormat="1" ht="10.8" customHeight="1">
      <c r="A923" s="34"/>
      <c r="B923" s="127"/>
      <c r="C923" s="128"/>
      <c r="D923" s="128"/>
      <c r="E923" s="128"/>
      <c r="F923" s="128"/>
      <c r="G923" s="128"/>
      <c r="H923" s="128"/>
      <c r="I923" s="128"/>
      <c r="J923" s="128"/>
      <c r="K923" s="128"/>
      <c r="L923" s="128"/>
      <c r="M923" s="128"/>
      <c r="N923" s="128"/>
      <c r="O923" s="128"/>
      <c r="P923" s="128"/>
      <c r="Q923" s="128"/>
      <c r="R923" s="128"/>
      <c r="S923" s="128"/>
      <c r="T923" s="128"/>
      <c r="U923" s="128"/>
      <c r="V923" s="128"/>
      <c r="W923" s="128"/>
      <c r="X923" s="128"/>
      <c r="Y923" s="128"/>
      <c r="Z923" s="128"/>
      <c r="AA923" s="128"/>
      <c r="AB923" s="128"/>
      <c r="AC923" s="128"/>
      <c r="AD923" s="128"/>
      <c r="AE923" s="128"/>
      <c r="AF923" s="128"/>
      <c r="AG923" s="128"/>
      <c r="AH923" s="128"/>
      <c r="AI923" s="128"/>
      <c r="AJ923" s="128"/>
      <c r="AK923" s="128"/>
      <c r="AL923" s="128"/>
      <c r="AM923" s="128"/>
      <c r="AN923" s="128"/>
      <c r="AO923" s="128"/>
      <c r="AP923" s="128"/>
      <c r="AQ923" s="128"/>
      <c r="AR923" s="128"/>
      <c r="AS923" s="128"/>
      <c r="AT923" s="128"/>
      <c r="AU923" s="128"/>
      <c r="AV923" s="128"/>
      <c r="AW923" s="128"/>
      <c r="AX923" s="129"/>
    </row>
    <row r="924" spans="1:113" s="23" customFormat="1" ht="10.8" customHeight="1">
      <c r="A924" s="34"/>
      <c r="B924" s="127"/>
      <c r="C924" s="128"/>
      <c r="D924" s="128"/>
      <c r="E924" s="128"/>
      <c r="F924" s="128"/>
      <c r="G924" s="128"/>
      <c r="H924" s="128"/>
      <c r="I924" s="128"/>
      <c r="J924" s="128"/>
      <c r="K924" s="128"/>
      <c r="L924" s="128"/>
      <c r="M924" s="128"/>
      <c r="N924" s="128"/>
      <c r="O924" s="128"/>
      <c r="P924" s="128"/>
      <c r="Q924" s="128"/>
      <c r="R924" s="128"/>
      <c r="S924" s="128"/>
      <c r="T924" s="128"/>
      <c r="U924" s="128"/>
      <c r="V924" s="128"/>
      <c r="W924" s="128"/>
      <c r="X924" s="128"/>
      <c r="Y924" s="128"/>
      <c r="Z924" s="128"/>
      <c r="AA924" s="128"/>
      <c r="AB924" s="128"/>
      <c r="AC924" s="128"/>
      <c r="AD924" s="128"/>
      <c r="AE924" s="128"/>
      <c r="AF924" s="128"/>
      <c r="AG924" s="128"/>
      <c r="AH924" s="128"/>
      <c r="AI924" s="128"/>
      <c r="AJ924" s="128"/>
      <c r="AK924" s="128"/>
      <c r="AL924" s="128"/>
      <c r="AM924" s="128"/>
      <c r="AN924" s="128"/>
      <c r="AO924" s="128"/>
      <c r="AP924" s="128"/>
      <c r="AQ924" s="128"/>
      <c r="AR924" s="128"/>
      <c r="AS924" s="128"/>
      <c r="AT924" s="128"/>
      <c r="AU924" s="128"/>
      <c r="AV924" s="128"/>
      <c r="AW924" s="128"/>
      <c r="AX924" s="129"/>
    </row>
    <row r="925" spans="1:113" s="23" customFormat="1" ht="10.8" customHeight="1">
      <c r="A925" s="34"/>
      <c r="B925" s="127"/>
      <c r="C925" s="128"/>
      <c r="D925" s="128"/>
      <c r="E925" s="128"/>
      <c r="F925" s="128"/>
      <c r="G925" s="128"/>
      <c r="H925" s="128"/>
      <c r="I925" s="128"/>
      <c r="J925" s="128"/>
      <c r="K925" s="128"/>
      <c r="L925" s="128"/>
      <c r="M925" s="128"/>
      <c r="N925" s="128"/>
      <c r="O925" s="128"/>
      <c r="P925" s="128"/>
      <c r="Q925" s="128"/>
      <c r="R925" s="128"/>
      <c r="S925" s="128"/>
      <c r="T925" s="128"/>
      <c r="U925" s="128"/>
      <c r="V925" s="128"/>
      <c r="W925" s="128"/>
      <c r="X925" s="128"/>
      <c r="Y925" s="128"/>
      <c r="Z925" s="128"/>
      <c r="AA925" s="128"/>
      <c r="AB925" s="128"/>
      <c r="AC925" s="128"/>
      <c r="AD925" s="128"/>
      <c r="AE925" s="128"/>
      <c r="AF925" s="128"/>
      <c r="AG925" s="128"/>
      <c r="AH925" s="128"/>
      <c r="AI925" s="128"/>
      <c r="AJ925" s="128"/>
      <c r="AK925" s="128"/>
      <c r="AL925" s="128"/>
      <c r="AM925" s="128"/>
      <c r="AN925" s="128"/>
      <c r="AO925" s="128"/>
      <c r="AP925" s="128"/>
      <c r="AQ925" s="128"/>
      <c r="AR925" s="128"/>
      <c r="AS925" s="128"/>
      <c r="AT925" s="128"/>
      <c r="AU925" s="128"/>
      <c r="AV925" s="128"/>
      <c r="AW925" s="128"/>
      <c r="AX925" s="129"/>
    </row>
    <row r="926" spans="1:113" s="23" customFormat="1" ht="10.8" customHeight="1">
      <c r="A926" s="34"/>
      <c r="B926" s="127"/>
      <c r="C926" s="128"/>
      <c r="D926" s="128"/>
      <c r="E926" s="128"/>
      <c r="F926" s="128"/>
      <c r="G926" s="128"/>
      <c r="H926" s="128"/>
      <c r="I926" s="128"/>
      <c r="J926" s="128"/>
      <c r="K926" s="128"/>
      <c r="L926" s="128"/>
      <c r="M926" s="128"/>
      <c r="N926" s="128"/>
      <c r="O926" s="128"/>
      <c r="P926" s="128"/>
      <c r="Q926" s="128"/>
      <c r="R926" s="128"/>
      <c r="S926" s="128"/>
      <c r="T926" s="128"/>
      <c r="U926" s="128"/>
      <c r="V926" s="128"/>
      <c r="W926" s="128"/>
      <c r="X926" s="128"/>
      <c r="Y926" s="128"/>
      <c r="Z926" s="128"/>
      <c r="AA926" s="128"/>
      <c r="AB926" s="128"/>
      <c r="AC926" s="128"/>
      <c r="AD926" s="128"/>
      <c r="AE926" s="128"/>
      <c r="AF926" s="128"/>
      <c r="AG926" s="128"/>
      <c r="AH926" s="128"/>
      <c r="AI926" s="128"/>
      <c r="AJ926" s="128"/>
      <c r="AK926" s="128"/>
      <c r="AL926" s="128"/>
      <c r="AM926" s="128"/>
      <c r="AN926" s="128"/>
      <c r="AO926" s="128"/>
      <c r="AP926" s="128"/>
      <c r="AQ926" s="128"/>
      <c r="AR926" s="128"/>
      <c r="AS926" s="128"/>
      <c r="AT926" s="128"/>
      <c r="AU926" s="128"/>
      <c r="AV926" s="128"/>
      <c r="AW926" s="128"/>
      <c r="AX926" s="129"/>
    </row>
    <row r="927" spans="1:113" s="23" customFormat="1" ht="10.8" customHeight="1">
      <c r="A927" s="34"/>
      <c r="B927" s="127"/>
      <c r="C927" s="128"/>
      <c r="D927" s="128"/>
      <c r="E927" s="128"/>
      <c r="F927" s="128"/>
      <c r="G927" s="128"/>
      <c r="H927" s="128"/>
      <c r="I927" s="128"/>
      <c r="J927" s="128"/>
      <c r="K927" s="128"/>
      <c r="L927" s="128"/>
      <c r="M927" s="128"/>
      <c r="N927" s="128"/>
      <c r="O927" s="128"/>
      <c r="P927" s="128"/>
      <c r="Q927" s="128"/>
      <c r="R927" s="128"/>
      <c r="S927" s="128"/>
      <c r="T927" s="128"/>
      <c r="U927" s="128"/>
      <c r="V927" s="128"/>
      <c r="W927" s="128"/>
      <c r="X927" s="128"/>
      <c r="Y927" s="128"/>
      <c r="Z927" s="128"/>
      <c r="AA927" s="128"/>
      <c r="AB927" s="128"/>
      <c r="AC927" s="128"/>
      <c r="AD927" s="128"/>
      <c r="AE927" s="128"/>
      <c r="AF927" s="128"/>
      <c r="AG927" s="128"/>
      <c r="AH927" s="128"/>
      <c r="AI927" s="128"/>
      <c r="AJ927" s="128"/>
      <c r="AK927" s="128"/>
      <c r="AL927" s="128"/>
      <c r="AM927" s="128"/>
      <c r="AN927" s="128"/>
      <c r="AO927" s="128"/>
      <c r="AP927" s="128"/>
      <c r="AQ927" s="128"/>
      <c r="AR927" s="128"/>
      <c r="AS927" s="128"/>
      <c r="AT927" s="128"/>
      <c r="AU927" s="128"/>
      <c r="AV927" s="128"/>
      <c r="AW927" s="128"/>
      <c r="AX927" s="129"/>
    </row>
    <row r="928" spans="1:113" s="23" customFormat="1" ht="10.8" customHeight="1">
      <c r="A928" s="34"/>
      <c r="B928" s="127"/>
      <c r="C928" s="128"/>
      <c r="D928" s="128"/>
      <c r="E928" s="128"/>
      <c r="F928" s="128"/>
      <c r="G928" s="128"/>
      <c r="H928" s="128"/>
      <c r="I928" s="128"/>
      <c r="J928" s="128"/>
      <c r="K928" s="128"/>
      <c r="L928" s="128"/>
      <c r="M928" s="128"/>
      <c r="N928" s="128"/>
      <c r="O928" s="128"/>
      <c r="P928" s="128"/>
      <c r="Q928" s="128"/>
      <c r="R928" s="128"/>
      <c r="S928" s="128"/>
      <c r="T928" s="128"/>
      <c r="U928" s="128"/>
      <c r="V928" s="128"/>
      <c r="W928" s="128"/>
      <c r="X928" s="128"/>
      <c r="Y928" s="128"/>
      <c r="Z928" s="128"/>
      <c r="AA928" s="128"/>
      <c r="AB928" s="128"/>
      <c r="AC928" s="128"/>
      <c r="AD928" s="128"/>
      <c r="AE928" s="128"/>
      <c r="AF928" s="128"/>
      <c r="AG928" s="128"/>
      <c r="AH928" s="128"/>
      <c r="AI928" s="128"/>
      <c r="AJ928" s="128"/>
      <c r="AK928" s="128"/>
      <c r="AL928" s="128"/>
      <c r="AM928" s="128"/>
      <c r="AN928" s="128"/>
      <c r="AO928" s="128"/>
      <c r="AP928" s="128"/>
      <c r="AQ928" s="128"/>
      <c r="AR928" s="128"/>
      <c r="AS928" s="128"/>
      <c r="AT928" s="128"/>
      <c r="AU928" s="128"/>
      <c r="AV928" s="128"/>
      <c r="AW928" s="128"/>
      <c r="AX928" s="129"/>
    </row>
    <row r="929" spans="1:251" s="23" customFormat="1" ht="10.8" customHeight="1">
      <c r="A929" s="34"/>
      <c r="B929" s="127"/>
      <c r="C929" s="128"/>
      <c r="D929" s="128"/>
      <c r="E929" s="128"/>
      <c r="F929" s="128"/>
      <c r="G929" s="128"/>
      <c r="H929" s="128"/>
      <c r="I929" s="128"/>
      <c r="J929" s="128"/>
      <c r="K929" s="128"/>
      <c r="L929" s="128"/>
      <c r="M929" s="128"/>
      <c r="N929" s="128"/>
      <c r="O929" s="128"/>
      <c r="P929" s="128"/>
      <c r="Q929" s="128"/>
      <c r="R929" s="128"/>
      <c r="S929" s="128"/>
      <c r="T929" s="128"/>
      <c r="U929" s="128"/>
      <c r="V929" s="128"/>
      <c r="W929" s="128"/>
      <c r="X929" s="128"/>
      <c r="Y929" s="128"/>
      <c r="Z929" s="128"/>
      <c r="AA929" s="128"/>
      <c r="AB929" s="128"/>
      <c r="AC929" s="128"/>
      <c r="AD929" s="128"/>
      <c r="AE929" s="128"/>
      <c r="AF929" s="128"/>
      <c r="AG929" s="128"/>
      <c r="AH929" s="128"/>
      <c r="AI929" s="128"/>
      <c r="AJ929" s="128"/>
      <c r="AK929" s="128"/>
      <c r="AL929" s="128"/>
      <c r="AM929" s="128"/>
      <c r="AN929" s="128"/>
      <c r="AO929" s="128"/>
      <c r="AP929" s="128"/>
      <c r="AQ929" s="128"/>
      <c r="AR929" s="128"/>
      <c r="AS929" s="128"/>
      <c r="AT929" s="128"/>
      <c r="AU929" s="128"/>
      <c r="AV929" s="128"/>
      <c r="AW929" s="128"/>
      <c r="AX929" s="129"/>
    </row>
    <row r="930" spans="1:251" s="23" customFormat="1" ht="10.8" customHeight="1">
      <c r="A930" s="34"/>
      <c r="B930" s="127"/>
      <c r="C930" s="128"/>
      <c r="D930" s="128"/>
      <c r="E930" s="128"/>
      <c r="F930" s="128"/>
      <c r="G930" s="128"/>
      <c r="H930" s="128"/>
      <c r="I930" s="128"/>
      <c r="J930" s="128"/>
      <c r="K930" s="128"/>
      <c r="L930" s="128"/>
      <c r="M930" s="128"/>
      <c r="N930" s="128"/>
      <c r="O930" s="128"/>
      <c r="P930" s="128"/>
      <c r="Q930" s="128"/>
      <c r="R930" s="128"/>
      <c r="S930" s="128"/>
      <c r="T930" s="128"/>
      <c r="U930" s="128"/>
      <c r="V930" s="128"/>
      <c r="W930" s="128"/>
      <c r="X930" s="128"/>
      <c r="Y930" s="128"/>
      <c r="Z930" s="128"/>
      <c r="AA930" s="128"/>
      <c r="AB930" s="128"/>
      <c r="AC930" s="128"/>
      <c r="AD930" s="128"/>
      <c r="AE930" s="128"/>
      <c r="AF930" s="128"/>
      <c r="AG930" s="128"/>
      <c r="AH930" s="128"/>
      <c r="AI930" s="128"/>
      <c r="AJ930" s="128"/>
      <c r="AK930" s="128"/>
      <c r="AL930" s="128"/>
      <c r="AM930" s="128"/>
      <c r="AN930" s="128"/>
      <c r="AO930" s="128"/>
      <c r="AP930" s="128"/>
      <c r="AQ930" s="128"/>
      <c r="AR930" s="128"/>
      <c r="AS930" s="128"/>
      <c r="AT930" s="128"/>
      <c r="AU930" s="128"/>
      <c r="AV930" s="128"/>
      <c r="AW930" s="128"/>
      <c r="AX930" s="129"/>
    </row>
    <row r="931" spans="1:251" s="23" customFormat="1" ht="15" thickBot="1">
      <c r="A931" s="38"/>
      <c r="B931" s="39"/>
      <c r="C931" s="40"/>
      <c r="D931" s="40"/>
      <c r="E931" s="40"/>
      <c r="F931" s="40"/>
      <c r="G931" s="40"/>
      <c r="H931" s="40"/>
      <c r="I931" s="40"/>
      <c r="J931" s="40"/>
      <c r="K931" s="40"/>
      <c r="L931" s="40"/>
      <c r="M931" s="40"/>
      <c r="N931" s="40"/>
      <c r="O931" s="40"/>
      <c r="P931" s="40"/>
      <c r="Q931" s="40"/>
      <c r="R931" s="40"/>
      <c r="S931" s="40"/>
      <c r="T931" s="40"/>
      <c r="U931" s="40"/>
      <c r="V931" s="40"/>
      <c r="W931" s="40"/>
      <c r="X931" s="40"/>
      <c r="Y931" s="40"/>
      <c r="Z931" s="40"/>
      <c r="AA931" s="40"/>
      <c r="AB931" s="40"/>
      <c r="AC931" s="40"/>
      <c r="AD931" s="40"/>
      <c r="AE931" s="40"/>
      <c r="AF931" s="40"/>
      <c r="AG931" s="40"/>
      <c r="AH931" s="40"/>
      <c r="AI931" s="40"/>
      <c r="AJ931" s="40"/>
      <c r="AK931" s="40"/>
      <c r="AL931" s="40"/>
      <c r="AM931" s="40"/>
      <c r="AN931" s="40"/>
      <c r="AO931" s="40"/>
      <c r="AP931" s="40"/>
      <c r="AQ931" s="40"/>
      <c r="AR931" s="40"/>
      <c r="AS931" s="40"/>
      <c r="AT931" s="40"/>
      <c r="AU931" s="40"/>
      <c r="AV931" s="40"/>
      <c r="AW931" s="40"/>
      <c r="AX931" s="41"/>
    </row>
    <row r="932" spans="1:251" s="23" customFormat="1" ht="13.2">
      <c r="B932" s="42"/>
    </row>
    <row r="933" spans="1:251" s="23" customFormat="1" ht="14.4">
      <c r="B933" s="33" t="s">
        <v>93</v>
      </c>
      <c r="C933" s="34"/>
      <c r="D933" s="34"/>
      <c r="E933" s="34"/>
      <c r="F933" s="34"/>
      <c r="G933" s="34"/>
      <c r="H933" s="34"/>
      <c r="I933" s="34"/>
      <c r="J933" s="34"/>
      <c r="K933" s="34"/>
      <c r="L933" s="35"/>
      <c r="M933" s="35"/>
      <c r="N933" s="35"/>
      <c r="O933" s="35"/>
      <c r="P933" s="34"/>
      <c r="Q933" s="34"/>
      <c r="R933" s="34"/>
      <c r="S933" s="34"/>
      <c r="T933" s="34"/>
      <c r="U933" s="34"/>
      <c r="V933" s="33"/>
      <c r="W933" s="33"/>
      <c r="X933" s="33"/>
      <c r="Y933" s="33"/>
      <c r="Z933" s="33"/>
      <c r="AA933" s="33"/>
      <c r="AB933" s="33"/>
      <c r="AC933" s="33"/>
      <c r="AD933" s="33"/>
      <c r="AE933" s="33"/>
      <c r="AF933" s="33"/>
      <c r="AG933" s="33"/>
      <c r="AH933" s="33"/>
      <c r="AI933" s="33"/>
      <c r="AJ933" s="33"/>
      <c r="AK933" s="33"/>
      <c r="AL933" s="33"/>
      <c r="AM933" s="33"/>
      <c r="AN933" s="33"/>
      <c r="AO933" s="33"/>
      <c r="AP933" s="33"/>
      <c r="AQ933" s="33"/>
      <c r="AR933" s="33"/>
      <c r="AS933" s="33"/>
      <c r="AT933" s="33"/>
      <c r="AU933" s="33"/>
      <c r="AV933" s="33"/>
      <c r="AW933" s="33"/>
      <c r="AX933" s="33"/>
    </row>
    <row r="934" spans="1:251" s="23" customFormat="1" ht="15" thickBot="1">
      <c r="B934" s="33"/>
      <c r="C934" s="34"/>
      <c r="D934" s="34"/>
      <c r="E934" s="34"/>
      <c r="F934" s="34"/>
      <c r="G934" s="34"/>
      <c r="H934" s="34"/>
      <c r="I934" s="34"/>
      <c r="J934" s="34"/>
      <c r="K934" s="34"/>
      <c r="L934" s="35"/>
      <c r="M934" s="35"/>
      <c r="N934" s="35"/>
      <c r="O934" s="35"/>
      <c r="P934" s="34"/>
      <c r="Q934" s="34"/>
      <c r="R934" s="34"/>
      <c r="S934" s="34"/>
      <c r="T934" s="34"/>
      <c r="U934" s="34"/>
      <c r="V934" s="33"/>
      <c r="W934" s="33"/>
      <c r="X934" s="33"/>
      <c r="Y934" s="33"/>
      <c r="Z934" s="33"/>
      <c r="AA934" s="33"/>
      <c r="AB934" s="33"/>
      <c r="AC934" s="33"/>
      <c r="AD934" s="33"/>
      <c r="AE934" s="33"/>
      <c r="AF934" s="33"/>
      <c r="AG934" s="33"/>
      <c r="AH934" s="33"/>
      <c r="AI934" s="33"/>
      <c r="AJ934" s="33"/>
      <c r="AK934" s="33"/>
      <c r="AL934" s="33"/>
      <c r="AM934" s="33"/>
      <c r="AN934" s="33"/>
      <c r="AO934" s="33"/>
      <c r="AP934" s="33"/>
      <c r="AQ934" s="33"/>
      <c r="AR934" s="33"/>
      <c r="AS934" s="33"/>
      <c r="AT934" s="33"/>
      <c r="AU934" s="33"/>
      <c r="AV934" s="33"/>
      <c r="AW934" s="33"/>
      <c r="AX934" s="43" t="s">
        <v>94</v>
      </c>
    </row>
    <row r="935" spans="1:251" s="50" customFormat="1" ht="13.5" customHeight="1">
      <c r="A935" s="34"/>
      <c r="B935" s="139" t="s">
        <v>95</v>
      </c>
      <c r="C935" s="203"/>
      <c r="D935" s="203"/>
      <c r="E935" s="203"/>
      <c r="F935" s="203"/>
      <c r="G935" s="203"/>
      <c r="H935" s="203"/>
      <c r="I935" s="203"/>
      <c r="J935" s="203"/>
      <c r="K935" s="203"/>
      <c r="L935" s="203"/>
      <c r="M935" s="203"/>
      <c r="N935" s="203"/>
      <c r="O935" s="203"/>
      <c r="P935" s="203"/>
      <c r="Q935" s="203"/>
      <c r="R935" s="203"/>
      <c r="S935" s="203"/>
      <c r="T935" s="203"/>
      <c r="U935" s="203"/>
      <c r="V935" s="203"/>
      <c r="W935" s="203"/>
      <c r="X935" s="203"/>
      <c r="Y935" s="203"/>
      <c r="Z935" s="204"/>
      <c r="AA935" s="145" t="s">
        <v>116</v>
      </c>
      <c r="AB935" s="203"/>
      <c r="AC935" s="203"/>
      <c r="AD935" s="203"/>
      <c r="AE935" s="203"/>
      <c r="AF935" s="203"/>
      <c r="AG935" s="203"/>
      <c r="AH935" s="203"/>
      <c r="AI935" s="204"/>
      <c r="AJ935" s="145" t="s">
        <v>117</v>
      </c>
      <c r="AK935" s="203"/>
      <c r="AL935" s="203"/>
      <c r="AM935" s="203"/>
      <c r="AN935" s="203"/>
      <c r="AO935" s="203"/>
      <c r="AP935" s="203"/>
      <c r="AQ935" s="203"/>
      <c r="AR935" s="204"/>
      <c r="AS935" s="145" t="s">
        <v>98</v>
      </c>
      <c r="AT935" s="203"/>
      <c r="AU935" s="203"/>
      <c r="AV935" s="203"/>
      <c r="AW935" s="203"/>
      <c r="AX935" s="209"/>
      <c r="AY935" s="23"/>
      <c r="AZ935" s="23"/>
      <c r="BA935" s="23"/>
      <c r="BB935" s="23"/>
      <c r="BC935" s="23"/>
      <c r="BD935" s="23"/>
      <c r="BE935" s="23"/>
      <c r="BF935" s="23"/>
      <c r="BG935" s="23"/>
      <c r="BH935" s="23"/>
      <c r="BI935" s="23"/>
      <c r="BJ935" s="23"/>
      <c r="BK935" s="23"/>
      <c r="BL935" s="23"/>
      <c r="BM935" s="23"/>
      <c r="BN935" s="23"/>
      <c r="BO935" s="23"/>
      <c r="BP935" s="23"/>
      <c r="BQ935" s="23"/>
      <c r="BR935" s="23"/>
      <c r="BS935" s="23"/>
      <c r="BT935" s="23"/>
      <c r="BU935" s="23"/>
      <c r="BV935" s="23"/>
      <c r="BW935" s="23"/>
      <c r="BX935" s="23"/>
      <c r="BY935" s="23"/>
      <c r="BZ935" s="23"/>
      <c r="CA935" s="23"/>
      <c r="CB935" s="23"/>
      <c r="CC935" s="23"/>
      <c r="CD935" s="23"/>
      <c r="CE935" s="23"/>
      <c r="CF935" s="23"/>
      <c r="CG935" s="23"/>
      <c r="CH935" s="23"/>
      <c r="CI935" s="23"/>
      <c r="CJ935" s="23"/>
      <c r="CK935" s="23"/>
      <c r="CL935" s="23"/>
      <c r="CM935" s="23"/>
      <c r="CN935" s="23"/>
      <c r="CO935" s="23"/>
      <c r="CP935" s="23"/>
      <c r="CQ935" s="23"/>
      <c r="CR935" s="23"/>
      <c r="CS935" s="23"/>
      <c r="CT935" s="23"/>
      <c r="CU935" s="23"/>
      <c r="CV935" s="23"/>
      <c r="CW935" s="23"/>
      <c r="CX935" s="23"/>
      <c r="CY935" s="23"/>
      <c r="CZ935" s="23"/>
      <c r="DA935" s="23"/>
      <c r="DB935" s="23"/>
      <c r="DC935" s="23"/>
      <c r="DD935" s="23"/>
      <c r="DE935" s="23"/>
      <c r="DF935" s="23"/>
      <c r="DG935" s="23"/>
      <c r="DH935" s="23"/>
      <c r="DI935" s="23"/>
      <c r="DJ935" s="23"/>
      <c r="DK935" s="23"/>
      <c r="DL935" s="23"/>
      <c r="DM935" s="23"/>
      <c r="DN935" s="23"/>
      <c r="DO935" s="23"/>
      <c r="DP935" s="23"/>
      <c r="DQ935" s="23"/>
      <c r="DR935" s="23"/>
      <c r="DS935" s="23"/>
      <c r="DT935" s="23"/>
      <c r="DU935" s="23"/>
      <c r="DV935" s="23"/>
      <c r="DW935" s="23"/>
      <c r="DX935" s="23"/>
      <c r="DY935" s="23"/>
      <c r="DZ935" s="23"/>
      <c r="EA935" s="23"/>
      <c r="EB935" s="23"/>
      <c r="EC935" s="23"/>
      <c r="ED935" s="23"/>
      <c r="EE935" s="23"/>
      <c r="EF935" s="23"/>
      <c r="EG935" s="23"/>
      <c r="EH935" s="23"/>
      <c r="EI935" s="23"/>
      <c r="EJ935" s="23"/>
      <c r="EK935" s="23"/>
      <c r="EL935" s="23"/>
      <c r="EM935" s="23"/>
      <c r="EN935" s="23"/>
      <c r="EO935" s="23"/>
      <c r="EP935" s="23"/>
      <c r="EQ935" s="23"/>
      <c r="ER935" s="23"/>
      <c r="ES935" s="23"/>
      <c r="ET935" s="23"/>
      <c r="EU935" s="23"/>
      <c r="EV935" s="23"/>
      <c r="EW935" s="23"/>
      <c r="EX935" s="23"/>
      <c r="EY935" s="23"/>
      <c r="EZ935" s="23"/>
      <c r="FA935" s="23"/>
      <c r="FB935" s="23"/>
      <c r="FC935" s="23"/>
      <c r="FD935" s="23"/>
      <c r="FE935" s="23"/>
      <c r="FF935" s="23"/>
      <c r="FG935" s="23"/>
      <c r="FH935" s="23"/>
      <c r="FI935" s="23"/>
      <c r="FJ935" s="23"/>
      <c r="FK935" s="23"/>
      <c r="FL935" s="23"/>
      <c r="FM935" s="23"/>
      <c r="FN935" s="23"/>
      <c r="FO935" s="23"/>
      <c r="FP935" s="23"/>
      <c r="FQ935" s="23"/>
      <c r="FR935" s="23"/>
      <c r="FS935" s="23"/>
      <c r="FT935" s="23"/>
      <c r="FU935" s="23"/>
      <c r="FV935" s="23"/>
      <c r="FW935" s="23"/>
      <c r="FX935" s="23"/>
      <c r="FY935" s="23"/>
      <c r="FZ935" s="23"/>
      <c r="GA935" s="23"/>
      <c r="GB935" s="23"/>
      <c r="GC935" s="23"/>
      <c r="GD935" s="23"/>
      <c r="GE935" s="23"/>
      <c r="GF935" s="23"/>
      <c r="GG935" s="23"/>
      <c r="GH935" s="23"/>
      <c r="GI935" s="23"/>
      <c r="GJ935" s="23"/>
      <c r="GK935" s="23"/>
      <c r="GL935" s="23"/>
      <c r="GM935" s="23"/>
      <c r="GN935" s="23"/>
      <c r="GO935" s="23"/>
      <c r="GP935" s="23"/>
      <c r="GQ935" s="23"/>
      <c r="GR935" s="23"/>
      <c r="GS935" s="23"/>
      <c r="GT935" s="23"/>
      <c r="GU935" s="23"/>
      <c r="GV935" s="23"/>
      <c r="GW935" s="23"/>
      <c r="GX935" s="23"/>
      <c r="GY935" s="23"/>
      <c r="GZ935" s="23"/>
      <c r="HA935" s="23"/>
      <c r="HB935" s="23"/>
      <c r="HC935" s="23"/>
      <c r="HD935" s="23"/>
      <c r="HE935" s="23"/>
      <c r="HF935" s="23"/>
      <c r="HG935" s="23"/>
      <c r="HH935" s="23"/>
      <c r="HI935" s="23"/>
      <c r="HJ935" s="23"/>
      <c r="HK935" s="23"/>
      <c r="HL935" s="23"/>
      <c r="HM935" s="23"/>
      <c r="HN935" s="23"/>
      <c r="HO935" s="23"/>
      <c r="HP935" s="23"/>
      <c r="HQ935" s="23"/>
      <c r="HR935" s="23"/>
      <c r="HS935" s="23"/>
      <c r="HT935" s="23"/>
      <c r="HU935" s="23"/>
      <c r="HV935" s="23"/>
      <c r="HW935" s="23"/>
      <c r="HX935" s="23"/>
      <c r="HY935" s="23"/>
      <c r="HZ935" s="23"/>
      <c r="IA935" s="23"/>
      <c r="IB935" s="23"/>
      <c r="IC935" s="23"/>
      <c r="ID935" s="23"/>
      <c r="IE935" s="23"/>
      <c r="IF935" s="23"/>
      <c r="IG935" s="23"/>
      <c r="IH935" s="23"/>
      <c r="II935" s="23"/>
      <c r="IJ935" s="23"/>
      <c r="IK935" s="23"/>
      <c r="IL935" s="23"/>
      <c r="IM935" s="23"/>
      <c r="IN935" s="23"/>
      <c r="IO935" s="23"/>
      <c r="IP935" s="23"/>
      <c r="IQ935" s="23"/>
    </row>
    <row r="936" spans="1:251" s="50" customFormat="1">
      <c r="A936" s="34"/>
      <c r="B936" s="205"/>
      <c r="C936" s="206"/>
      <c r="D936" s="206"/>
      <c r="E936" s="206"/>
      <c r="F936" s="206"/>
      <c r="G936" s="206"/>
      <c r="H936" s="206"/>
      <c r="I936" s="206"/>
      <c r="J936" s="206"/>
      <c r="K936" s="206"/>
      <c r="L936" s="206"/>
      <c r="M936" s="206"/>
      <c r="N936" s="206"/>
      <c r="O936" s="206"/>
      <c r="P936" s="206"/>
      <c r="Q936" s="206"/>
      <c r="R936" s="206"/>
      <c r="S936" s="206"/>
      <c r="T936" s="206"/>
      <c r="U936" s="206"/>
      <c r="V936" s="206"/>
      <c r="W936" s="206"/>
      <c r="X936" s="206"/>
      <c r="Y936" s="206"/>
      <c r="Z936" s="207"/>
      <c r="AA936" s="208"/>
      <c r="AB936" s="206"/>
      <c r="AC936" s="206"/>
      <c r="AD936" s="206"/>
      <c r="AE936" s="206"/>
      <c r="AF936" s="206"/>
      <c r="AG936" s="206"/>
      <c r="AH936" s="206"/>
      <c r="AI936" s="207"/>
      <c r="AJ936" s="208"/>
      <c r="AK936" s="206"/>
      <c r="AL936" s="206"/>
      <c r="AM936" s="206"/>
      <c r="AN936" s="206"/>
      <c r="AO936" s="206"/>
      <c r="AP936" s="206"/>
      <c r="AQ936" s="206"/>
      <c r="AR936" s="207"/>
      <c r="AS936" s="208"/>
      <c r="AT936" s="206"/>
      <c r="AU936" s="206"/>
      <c r="AV936" s="206"/>
      <c r="AW936" s="206"/>
      <c r="AX936" s="210"/>
      <c r="AY936" s="23"/>
      <c r="AZ936" s="23"/>
      <c r="BA936" s="23"/>
      <c r="BB936"/>
      <c r="BC936" s="45"/>
      <c r="BE936" s="23"/>
      <c r="BF936" s="23"/>
      <c r="BG936" s="23"/>
      <c r="BH936" s="23"/>
      <c r="BI936" s="23"/>
      <c r="BJ936" s="23"/>
      <c r="BK936" s="23"/>
      <c r="BL936" s="23"/>
      <c r="BM936" s="23"/>
      <c r="BN936" s="23"/>
      <c r="BO936" s="23"/>
      <c r="BP936" s="23"/>
      <c r="BQ936" s="23"/>
      <c r="BR936" s="23"/>
      <c r="BS936" s="23"/>
      <c r="BT936" s="23"/>
      <c r="BU936" s="23"/>
      <c r="BV936" s="23"/>
      <c r="BW936" s="23"/>
      <c r="BX936" s="23"/>
      <c r="BY936" s="23"/>
      <c r="BZ936" s="23"/>
      <c r="CA936" s="23"/>
      <c r="CB936" s="23"/>
      <c r="CC936" s="23"/>
      <c r="CD936" s="23"/>
      <c r="CE936" s="23"/>
      <c r="CF936" s="23"/>
      <c r="CG936" s="23"/>
      <c r="CH936" s="23"/>
      <c r="CI936" s="23"/>
      <c r="CJ936" s="23"/>
      <c r="CK936" s="23"/>
      <c r="CL936" s="23"/>
      <c r="CM936" s="23"/>
      <c r="CN936" s="23"/>
      <c r="CO936" s="23"/>
      <c r="CP936" s="23"/>
      <c r="CQ936" s="23"/>
      <c r="CR936" s="23"/>
      <c r="CS936" s="23"/>
      <c r="CT936" s="23"/>
      <c r="CU936" s="23"/>
      <c r="CV936" s="23"/>
      <c r="CW936" s="23"/>
      <c r="CX936" s="23"/>
      <c r="CY936" s="23"/>
      <c r="CZ936" s="23"/>
      <c r="DA936" s="23"/>
      <c r="DB936" s="23"/>
      <c r="DC936" s="23"/>
      <c r="DD936" s="23"/>
      <c r="DE936" s="23"/>
      <c r="DF936" s="23"/>
      <c r="DG936" s="23"/>
      <c r="DH936" s="23"/>
      <c r="DI936" s="23"/>
      <c r="DJ936" s="23"/>
      <c r="DK936" s="23"/>
      <c r="DL936" s="23"/>
      <c r="DM936" s="23"/>
      <c r="DN936" s="23"/>
      <c r="DO936" s="23"/>
      <c r="DP936" s="23"/>
      <c r="DQ936" s="23"/>
      <c r="DR936" s="23"/>
      <c r="DS936" s="23"/>
      <c r="DT936" s="23"/>
      <c r="DU936" s="23"/>
      <c r="DV936" s="23"/>
      <c r="DW936" s="23"/>
      <c r="DX936" s="23"/>
      <c r="DY936" s="23"/>
      <c r="DZ936" s="23"/>
      <c r="EA936" s="23"/>
      <c r="EB936" s="23"/>
      <c r="EC936" s="23"/>
      <c r="ED936" s="23"/>
      <c r="EE936" s="23"/>
      <c r="EF936" s="23"/>
      <c r="EG936" s="23"/>
      <c r="EH936" s="23"/>
      <c r="EI936" s="23"/>
      <c r="EJ936" s="23"/>
      <c r="EK936" s="23"/>
      <c r="EL936" s="23"/>
      <c r="EM936" s="23"/>
      <c r="EN936" s="23"/>
      <c r="EO936" s="23"/>
      <c r="EP936" s="23"/>
      <c r="EQ936" s="23"/>
      <c r="ER936" s="23"/>
      <c r="ES936" s="23"/>
      <c r="ET936" s="23"/>
      <c r="EU936" s="23"/>
      <c r="EV936" s="23"/>
      <c r="EW936" s="23"/>
      <c r="EX936" s="23"/>
      <c r="EY936" s="23"/>
      <c r="EZ936" s="23"/>
      <c r="FA936" s="23"/>
      <c r="FB936" s="23"/>
      <c r="FC936" s="23"/>
      <c r="FD936" s="23"/>
      <c r="FE936" s="23"/>
      <c r="FF936" s="23"/>
      <c r="FG936" s="23"/>
      <c r="FH936" s="23"/>
      <c r="FI936" s="23"/>
      <c r="FJ936" s="23"/>
      <c r="FK936" s="23"/>
      <c r="FL936" s="23"/>
      <c r="FM936" s="23"/>
      <c r="FN936" s="23"/>
      <c r="FO936" s="23"/>
      <c r="FP936" s="23"/>
      <c r="FQ936" s="23"/>
      <c r="FR936" s="23"/>
      <c r="FS936" s="23"/>
      <c r="FT936" s="23"/>
      <c r="FU936" s="23"/>
      <c r="FV936" s="23"/>
      <c r="FW936" s="23"/>
      <c r="FX936" s="23"/>
      <c r="FY936" s="23"/>
      <c r="FZ936" s="23"/>
      <c r="GA936" s="23"/>
      <c r="GB936" s="23"/>
      <c r="GC936" s="23"/>
      <c r="GD936" s="23"/>
      <c r="GE936" s="23"/>
      <c r="GF936" s="23"/>
      <c r="GG936" s="23"/>
      <c r="GH936" s="23"/>
      <c r="GI936" s="23"/>
      <c r="GJ936" s="23"/>
      <c r="GK936" s="23"/>
      <c r="GL936" s="23"/>
      <c r="GM936" s="23"/>
      <c r="GN936" s="23"/>
      <c r="GO936" s="23"/>
      <c r="GP936" s="23"/>
      <c r="GQ936" s="23"/>
      <c r="GR936" s="23"/>
      <c r="GS936" s="23"/>
      <c r="GT936" s="23"/>
      <c r="GU936" s="23"/>
      <c r="GV936" s="23"/>
      <c r="GW936" s="23"/>
      <c r="GX936" s="23"/>
      <c r="GY936" s="23"/>
      <c r="GZ936" s="23"/>
      <c r="HA936" s="23"/>
      <c r="HB936" s="23"/>
      <c r="HC936" s="23"/>
      <c r="HD936" s="23"/>
      <c r="HE936" s="23"/>
      <c r="HF936" s="23"/>
      <c r="HG936" s="23"/>
      <c r="HH936" s="23"/>
      <c r="HI936" s="23"/>
      <c r="HJ936" s="23"/>
      <c r="HK936" s="23"/>
      <c r="HL936" s="23"/>
      <c r="HM936" s="23"/>
      <c r="HN936" s="23"/>
      <c r="HO936" s="23"/>
      <c r="HP936" s="23"/>
      <c r="HQ936" s="23"/>
      <c r="HR936" s="23"/>
      <c r="HS936" s="23"/>
      <c r="HT936" s="23"/>
      <c r="HU936" s="23"/>
      <c r="HV936" s="23"/>
      <c r="HW936" s="23"/>
      <c r="HX936" s="23"/>
      <c r="HY936" s="23"/>
      <c r="HZ936" s="23"/>
      <c r="IA936" s="23"/>
      <c r="IB936" s="23"/>
      <c r="IC936" s="23"/>
      <c r="ID936" s="23"/>
      <c r="IE936" s="23"/>
      <c r="IF936" s="23"/>
      <c r="IG936" s="23"/>
      <c r="IH936" s="23"/>
      <c r="II936" s="23"/>
      <c r="IJ936" s="23"/>
      <c r="IK936" s="23"/>
      <c r="IL936" s="23"/>
      <c r="IM936" s="23"/>
      <c r="IN936" s="23"/>
      <c r="IO936" s="23"/>
      <c r="IP936" s="23"/>
      <c r="IQ936" s="23"/>
    </row>
    <row r="937" spans="1:251" s="50" customFormat="1" ht="18.75" customHeight="1">
      <c r="A937" s="34"/>
      <c r="B937" s="46"/>
      <c r="C937" s="130" t="s">
        <v>183</v>
      </c>
      <c r="D937" s="130"/>
      <c r="E937" s="130"/>
      <c r="F937" s="130"/>
      <c r="G937" s="130"/>
      <c r="H937" s="130"/>
      <c r="I937" s="130"/>
      <c r="J937" s="130"/>
      <c r="K937" s="130"/>
      <c r="L937" s="130"/>
      <c r="M937" s="130"/>
      <c r="N937" s="130"/>
      <c r="O937" s="130"/>
      <c r="P937" s="130"/>
      <c r="Q937" s="130"/>
      <c r="R937" s="130"/>
      <c r="S937" s="130"/>
      <c r="T937" s="130"/>
      <c r="U937" s="130"/>
      <c r="V937" s="130"/>
      <c r="W937" s="130"/>
      <c r="X937" s="130"/>
      <c r="Y937" s="130"/>
      <c r="Z937" s="51"/>
      <c r="AA937" s="132">
        <v>97500</v>
      </c>
      <c r="AB937" s="196"/>
      <c r="AC937" s="196"/>
      <c r="AD937" s="196"/>
      <c r="AE937" s="196"/>
      <c r="AF937" s="196"/>
      <c r="AG937" s="196"/>
      <c r="AH937" s="196"/>
      <c r="AI937" s="197"/>
      <c r="AJ937" s="132">
        <v>62000</v>
      </c>
      <c r="AK937" s="196"/>
      <c r="AL937" s="196"/>
      <c r="AM937" s="196"/>
      <c r="AN937" s="196"/>
      <c r="AO937" s="196"/>
      <c r="AP937" s="196"/>
      <c r="AQ937" s="196"/>
      <c r="AR937" s="197"/>
      <c r="AS937" s="132"/>
      <c r="AT937" s="196"/>
      <c r="AU937" s="196"/>
      <c r="AV937" s="196"/>
      <c r="AW937" s="196"/>
      <c r="AX937" s="202"/>
      <c r="AY937" s="23"/>
      <c r="AZ937" s="23"/>
      <c r="BA937" s="23"/>
      <c r="BB937" s="23"/>
      <c r="BC937" s="23"/>
      <c r="BD937" s="23"/>
      <c r="BE937" s="23"/>
      <c r="BF937" s="23"/>
      <c r="BG937" s="23"/>
      <c r="BH937" s="23"/>
      <c r="BI937" s="23"/>
      <c r="BJ937" s="23"/>
      <c r="BK937" s="23"/>
      <c r="BL937" s="23"/>
      <c r="BM937" s="23"/>
      <c r="BN937" s="23"/>
      <c r="BO937" s="23"/>
      <c r="BP937" s="23"/>
      <c r="BQ937" s="23"/>
      <c r="BR937" s="23"/>
      <c r="BS937" s="23"/>
      <c r="BT937" s="23"/>
      <c r="BU937" s="23"/>
      <c r="BV937" s="23"/>
      <c r="BW937" s="23"/>
      <c r="BX937" s="23"/>
      <c r="BY937" s="23"/>
      <c r="BZ937" s="23"/>
      <c r="CA937" s="23"/>
      <c r="CB937" s="23"/>
      <c r="CC937" s="23"/>
      <c r="CD937" s="23"/>
      <c r="CE937" s="23"/>
      <c r="CF937" s="23"/>
      <c r="CG937" s="23"/>
      <c r="CH937" s="23"/>
      <c r="CI937" s="23"/>
      <c r="CJ937" s="23"/>
      <c r="CK937" s="23"/>
      <c r="CL937" s="23"/>
      <c r="CM937" s="23"/>
      <c r="CN937" s="23"/>
      <c r="CO937" s="23"/>
      <c r="CP937" s="23"/>
      <c r="CQ937" s="23"/>
      <c r="CR937" s="23"/>
      <c r="CS937" s="23"/>
      <c r="CT937" s="23"/>
      <c r="CU937" s="23"/>
      <c r="CV937" s="23"/>
      <c r="CW937" s="23"/>
      <c r="CX937" s="23"/>
      <c r="CY937" s="23"/>
      <c r="CZ937" s="23"/>
      <c r="DA937" s="23"/>
      <c r="DB937" s="23"/>
      <c r="DC937" s="23"/>
      <c r="DD937" s="23"/>
      <c r="DE937" s="23"/>
      <c r="DF937" s="23"/>
      <c r="DG937" s="23"/>
      <c r="DH937" s="23"/>
      <c r="DI937" s="23"/>
      <c r="DJ937" s="23"/>
      <c r="DK937" s="23"/>
      <c r="DL937" s="23"/>
      <c r="DM937" s="23"/>
      <c r="DN937" s="23"/>
      <c r="DO937" s="23"/>
      <c r="DP937" s="23"/>
      <c r="DQ937" s="23"/>
      <c r="DR937" s="23"/>
      <c r="DS937" s="23"/>
      <c r="DT937" s="23"/>
      <c r="DU937" s="23"/>
      <c r="DV937" s="23"/>
      <c r="DW937" s="23"/>
      <c r="DX937" s="23"/>
      <c r="DY937" s="23"/>
      <c r="DZ937" s="23"/>
      <c r="EA937" s="23"/>
      <c r="EB937" s="23"/>
      <c r="EC937" s="23"/>
      <c r="ED937" s="23"/>
      <c r="EE937" s="23"/>
      <c r="EF937" s="23"/>
      <c r="EG937" s="23"/>
      <c r="EH937" s="23"/>
      <c r="EI937" s="23"/>
      <c r="EJ937" s="23"/>
      <c r="EK937" s="23"/>
      <c r="EL937" s="23"/>
      <c r="EM937" s="23"/>
      <c r="EN937" s="23"/>
      <c r="EO937" s="23"/>
      <c r="EP937" s="23"/>
      <c r="EQ937" s="23"/>
      <c r="ER937" s="23"/>
      <c r="ES937" s="23"/>
      <c r="ET937" s="23"/>
      <c r="EU937" s="23"/>
      <c r="EV937" s="23"/>
      <c r="EW937" s="23"/>
      <c r="EX937" s="23"/>
      <c r="EY937" s="23"/>
      <c r="EZ937" s="23"/>
      <c r="FA937" s="23"/>
      <c r="FB937" s="23"/>
      <c r="FC937" s="23"/>
      <c r="FD937" s="23"/>
      <c r="FE937" s="23"/>
      <c r="FF937" s="23"/>
      <c r="FG937" s="23"/>
      <c r="FH937" s="23"/>
      <c r="FI937" s="23"/>
      <c r="FJ937" s="23"/>
      <c r="FK937" s="23"/>
      <c r="FL937" s="23"/>
      <c r="FM937" s="23"/>
      <c r="FN937" s="23"/>
      <c r="FO937" s="23"/>
      <c r="FP937" s="23"/>
      <c r="FQ937" s="23"/>
      <c r="FR937" s="23"/>
      <c r="FS937" s="23"/>
      <c r="FT937" s="23"/>
      <c r="FU937" s="23"/>
      <c r="FV937" s="23"/>
      <c r="FW937" s="23"/>
      <c r="FX937" s="23"/>
      <c r="FY937" s="23"/>
      <c r="FZ937" s="23"/>
      <c r="GA937" s="23"/>
      <c r="GB937" s="23"/>
      <c r="GC937" s="23"/>
      <c r="GD937" s="23"/>
      <c r="GE937" s="23"/>
      <c r="GF937" s="23"/>
      <c r="GG937" s="23"/>
      <c r="GH937" s="23"/>
      <c r="GI937" s="23"/>
      <c r="GJ937" s="23"/>
      <c r="GK937" s="23"/>
      <c r="GL937" s="23"/>
      <c r="GM937" s="23"/>
      <c r="GN937" s="23"/>
      <c r="GO937" s="23"/>
      <c r="GP937" s="23"/>
      <c r="GQ937" s="23"/>
      <c r="GR937" s="23"/>
      <c r="GS937" s="23"/>
      <c r="GT937" s="23"/>
      <c r="GU937" s="23"/>
      <c r="GV937" s="23"/>
      <c r="GW937" s="23"/>
      <c r="GX937" s="23"/>
      <c r="GY937" s="23"/>
      <c r="GZ937" s="23"/>
      <c r="HA937" s="23"/>
      <c r="HB937" s="23"/>
      <c r="HC937" s="23"/>
      <c r="HD937" s="23"/>
      <c r="HE937" s="23"/>
      <c r="HF937" s="23"/>
      <c r="HG937" s="23"/>
      <c r="HH937" s="23"/>
      <c r="HI937" s="23"/>
      <c r="HJ937" s="23"/>
      <c r="HK937" s="23"/>
      <c r="HL937" s="23"/>
      <c r="HM937" s="23"/>
      <c r="HN937" s="23"/>
      <c r="HO937" s="23"/>
      <c r="HP937" s="23"/>
      <c r="HQ937" s="23"/>
      <c r="HR937" s="23"/>
      <c r="HS937" s="23"/>
      <c r="HT937" s="23"/>
      <c r="HU937" s="23"/>
      <c r="HV937" s="23"/>
      <c r="HW937" s="23"/>
      <c r="HX937" s="23"/>
      <c r="HY937" s="23"/>
      <c r="HZ937" s="23"/>
      <c r="IA937" s="23"/>
      <c r="IB937" s="23"/>
      <c r="IC937" s="23"/>
      <c r="ID937" s="23"/>
      <c r="IE937" s="23"/>
      <c r="IF937" s="23"/>
      <c r="IG937" s="23"/>
      <c r="IH937" s="23"/>
      <c r="II937" s="23"/>
      <c r="IJ937" s="23"/>
      <c r="IK937" s="23"/>
      <c r="IL937" s="23"/>
      <c r="IM937" s="23"/>
      <c r="IN937" s="23"/>
      <c r="IO937" s="23"/>
      <c r="IP937" s="23"/>
      <c r="IQ937" s="23"/>
    </row>
    <row r="938" spans="1:251" s="50" customFormat="1" ht="18.75" customHeight="1">
      <c r="A938" s="34"/>
      <c r="B938" s="47"/>
      <c r="C938" s="130" t="s">
        <v>184</v>
      </c>
      <c r="D938" s="130"/>
      <c r="E938" s="130"/>
      <c r="F938" s="130"/>
      <c r="G938" s="130"/>
      <c r="H938" s="130"/>
      <c r="I938" s="130"/>
      <c r="J938" s="130"/>
      <c r="K938" s="130"/>
      <c r="L938" s="130"/>
      <c r="M938" s="130"/>
      <c r="N938" s="130"/>
      <c r="O938" s="130"/>
      <c r="P938" s="130"/>
      <c r="Q938" s="130"/>
      <c r="R938" s="130"/>
      <c r="S938" s="130"/>
      <c r="T938" s="130"/>
      <c r="U938" s="130"/>
      <c r="V938" s="130"/>
      <c r="W938" s="130"/>
      <c r="X938" s="130"/>
      <c r="Y938" s="130"/>
      <c r="Z938" s="52"/>
      <c r="AA938" s="132">
        <v>4552</v>
      </c>
      <c r="AB938" s="200"/>
      <c r="AC938" s="200"/>
      <c r="AD938" s="200"/>
      <c r="AE938" s="200"/>
      <c r="AF938" s="200"/>
      <c r="AG938" s="200"/>
      <c r="AH938" s="200"/>
      <c r="AI938" s="201"/>
      <c r="AJ938" s="132">
        <v>205</v>
      </c>
      <c r="AK938" s="196"/>
      <c r="AL938" s="196"/>
      <c r="AM938" s="196"/>
      <c r="AN938" s="196"/>
      <c r="AO938" s="196"/>
      <c r="AP938" s="196"/>
      <c r="AQ938" s="196"/>
      <c r="AR938" s="197"/>
      <c r="AS938" s="132"/>
      <c r="AT938" s="196"/>
      <c r="AU938" s="196"/>
      <c r="AV938" s="196"/>
      <c r="AW938" s="196"/>
      <c r="AX938" s="202"/>
      <c r="AY938" s="23"/>
      <c r="AZ938" s="23"/>
      <c r="BA938" s="23"/>
      <c r="BB938" s="23"/>
      <c r="BC938" s="23"/>
      <c r="BD938" s="23"/>
      <c r="BE938" s="23"/>
      <c r="BF938" s="23"/>
      <c r="BG938" s="23"/>
      <c r="BH938" s="23"/>
      <c r="BI938" s="23"/>
      <c r="BJ938" s="23"/>
      <c r="BK938" s="23"/>
      <c r="BL938" s="23"/>
      <c r="BM938" s="23"/>
      <c r="BN938" s="23"/>
      <c r="BO938" s="23"/>
      <c r="BP938" s="23"/>
      <c r="BQ938" s="23"/>
      <c r="BR938" s="23"/>
      <c r="BS938" s="23"/>
      <c r="BT938" s="23"/>
      <c r="BU938" s="23"/>
      <c r="BV938" s="23"/>
      <c r="BW938" s="23"/>
      <c r="BX938" s="23"/>
      <c r="BY938" s="23"/>
      <c r="BZ938" s="23"/>
      <c r="CA938" s="23"/>
      <c r="CB938" s="23"/>
      <c r="CC938" s="23"/>
      <c r="CD938" s="23"/>
      <c r="CE938" s="23"/>
      <c r="CF938" s="23"/>
      <c r="CG938" s="23"/>
      <c r="CH938" s="23"/>
      <c r="CI938" s="23"/>
      <c r="CJ938" s="23"/>
      <c r="CK938" s="23"/>
      <c r="CL938" s="23"/>
      <c r="CM938" s="23"/>
      <c r="CN938" s="23"/>
      <c r="CO938" s="23"/>
      <c r="CP938" s="23"/>
      <c r="CQ938" s="23"/>
      <c r="CR938" s="23"/>
      <c r="CS938" s="23"/>
      <c r="CT938" s="23"/>
      <c r="CU938" s="23"/>
      <c r="CV938" s="23"/>
      <c r="CW938" s="23"/>
      <c r="CX938" s="23"/>
      <c r="CY938" s="23"/>
      <c r="CZ938" s="23"/>
      <c r="DA938" s="23"/>
      <c r="DB938" s="23"/>
      <c r="DC938" s="23"/>
      <c r="DD938" s="23"/>
      <c r="DE938" s="23"/>
      <c r="DF938" s="23"/>
      <c r="DG938" s="23"/>
      <c r="DH938" s="23"/>
      <c r="DI938" s="23"/>
      <c r="DJ938" s="23"/>
      <c r="DK938" s="23"/>
      <c r="DL938" s="23"/>
      <c r="DM938" s="23"/>
      <c r="DN938" s="23"/>
      <c r="DO938" s="23"/>
      <c r="DP938" s="23"/>
      <c r="DQ938" s="23"/>
      <c r="DR938" s="23"/>
      <c r="DS938" s="23"/>
      <c r="DT938" s="23"/>
      <c r="DU938" s="23"/>
      <c r="DV938" s="23"/>
      <c r="DW938" s="23"/>
      <c r="DX938" s="23"/>
      <c r="DY938" s="23"/>
      <c r="DZ938" s="23"/>
      <c r="EA938" s="23"/>
      <c r="EB938" s="23"/>
      <c r="EC938" s="23"/>
      <c r="ED938" s="23"/>
      <c r="EE938" s="23"/>
      <c r="EF938" s="23"/>
      <c r="EG938" s="23"/>
      <c r="EH938" s="23"/>
      <c r="EI938" s="23"/>
      <c r="EJ938" s="23"/>
      <c r="EK938" s="23"/>
      <c r="EL938" s="23"/>
      <c r="EM938" s="23"/>
      <c r="EN938" s="23"/>
      <c r="EO938" s="23"/>
      <c r="EP938" s="23"/>
      <c r="EQ938" s="23"/>
      <c r="ER938" s="23"/>
      <c r="ES938" s="23"/>
      <c r="ET938" s="23"/>
      <c r="EU938" s="23"/>
      <c r="EV938" s="23"/>
      <c r="EW938" s="23"/>
      <c r="EX938" s="23"/>
      <c r="EY938" s="23"/>
      <c r="EZ938" s="23"/>
      <c r="FA938" s="23"/>
      <c r="FB938" s="23"/>
      <c r="FC938" s="23"/>
      <c r="FD938" s="23"/>
      <c r="FE938" s="23"/>
      <c r="FF938" s="23"/>
      <c r="FG938" s="23"/>
      <c r="FH938" s="23"/>
      <c r="FI938" s="23"/>
      <c r="FJ938" s="23"/>
      <c r="FK938" s="23"/>
      <c r="FL938" s="23"/>
      <c r="FM938" s="23"/>
      <c r="FN938" s="23"/>
      <c r="FO938" s="23"/>
      <c r="FP938" s="23"/>
      <c r="FQ938" s="23"/>
      <c r="FR938" s="23"/>
      <c r="FS938" s="23"/>
      <c r="FT938" s="23"/>
      <c r="FU938" s="23"/>
      <c r="FV938" s="23"/>
      <c r="FW938" s="23"/>
      <c r="FX938" s="23"/>
      <c r="FY938" s="23"/>
      <c r="FZ938" s="23"/>
      <c r="GA938" s="23"/>
      <c r="GB938" s="23"/>
      <c r="GC938" s="23"/>
      <c r="GD938" s="23"/>
      <c r="GE938" s="23"/>
      <c r="GF938" s="23"/>
      <c r="GG938" s="23"/>
      <c r="GH938" s="23"/>
      <c r="GI938" s="23"/>
      <c r="GJ938" s="23"/>
      <c r="GK938" s="23"/>
      <c r="GL938" s="23"/>
      <c r="GM938" s="23"/>
      <c r="GN938" s="23"/>
      <c r="GO938" s="23"/>
      <c r="GP938" s="23"/>
      <c r="GQ938" s="23"/>
      <c r="GR938" s="23"/>
      <c r="GS938" s="23"/>
      <c r="GT938" s="23"/>
      <c r="GU938" s="23"/>
      <c r="GV938" s="23"/>
      <c r="GW938" s="23"/>
      <c r="GX938" s="23"/>
      <c r="GY938" s="23"/>
      <c r="GZ938" s="23"/>
      <c r="HA938" s="23"/>
      <c r="HB938" s="23"/>
      <c r="HC938" s="23"/>
      <c r="HD938" s="23"/>
      <c r="HE938" s="23"/>
      <c r="HF938" s="23"/>
      <c r="HG938" s="23"/>
      <c r="HH938" s="23"/>
      <c r="HI938" s="23"/>
      <c r="HJ938" s="23"/>
      <c r="HK938" s="23"/>
      <c r="HL938" s="23"/>
      <c r="HM938" s="23"/>
      <c r="HN938" s="23"/>
      <c r="HO938" s="23"/>
      <c r="HP938" s="23"/>
      <c r="HQ938" s="23"/>
      <c r="HR938" s="23"/>
      <c r="HS938" s="23"/>
      <c r="HT938" s="23"/>
      <c r="HU938" s="23"/>
      <c r="HV938" s="23"/>
      <c r="HW938" s="23"/>
      <c r="HX938" s="23"/>
      <c r="HY938" s="23"/>
      <c r="HZ938" s="23"/>
      <c r="IA938" s="23"/>
      <c r="IB938" s="23"/>
      <c r="IC938" s="23"/>
      <c r="ID938" s="23"/>
      <c r="IE938" s="23"/>
      <c r="IF938" s="23"/>
      <c r="IG938" s="23"/>
      <c r="IH938" s="23"/>
      <c r="II938" s="23"/>
      <c r="IJ938" s="23"/>
      <c r="IK938" s="23"/>
      <c r="IL938" s="23"/>
      <c r="IM938" s="23"/>
      <c r="IN938" s="23"/>
      <c r="IO938" s="23"/>
      <c r="IP938" s="23"/>
      <c r="IQ938" s="23"/>
    </row>
    <row r="939" spans="1:251" s="50" customFormat="1" ht="18.75" customHeight="1">
      <c r="A939" s="34"/>
      <c r="B939" s="47"/>
      <c r="C939" s="130" t="s">
        <v>185</v>
      </c>
      <c r="D939" s="130"/>
      <c r="E939" s="130"/>
      <c r="F939" s="130"/>
      <c r="G939" s="130"/>
      <c r="H939" s="130"/>
      <c r="I939" s="130"/>
      <c r="J939" s="130"/>
      <c r="K939" s="130"/>
      <c r="L939" s="130"/>
      <c r="M939" s="130"/>
      <c r="N939" s="130"/>
      <c r="O939" s="130"/>
      <c r="P939" s="130"/>
      <c r="Q939" s="130"/>
      <c r="R939" s="130"/>
      <c r="S939" s="130"/>
      <c r="T939" s="130"/>
      <c r="U939" s="130"/>
      <c r="V939" s="130"/>
      <c r="W939" s="130"/>
      <c r="X939" s="130"/>
      <c r="Y939" s="130"/>
      <c r="Z939" s="52"/>
      <c r="AA939" s="132">
        <v>229390</v>
      </c>
      <c r="AB939" s="200"/>
      <c r="AC939" s="200"/>
      <c r="AD939" s="200"/>
      <c r="AE939" s="200"/>
      <c r="AF939" s="200"/>
      <c r="AG939" s="200"/>
      <c r="AH939" s="200"/>
      <c r="AI939" s="201"/>
      <c r="AJ939" s="132">
        <v>63463</v>
      </c>
      <c r="AK939" s="196"/>
      <c r="AL939" s="196"/>
      <c r="AM939" s="196"/>
      <c r="AN939" s="196"/>
      <c r="AO939" s="196"/>
      <c r="AP939" s="196"/>
      <c r="AQ939" s="196"/>
      <c r="AR939" s="197"/>
      <c r="AS939" s="132"/>
      <c r="AT939" s="196"/>
      <c r="AU939" s="196"/>
      <c r="AV939" s="196"/>
      <c r="AW939" s="196"/>
      <c r="AX939" s="202"/>
      <c r="AY939" s="23"/>
      <c r="AZ939" s="23"/>
      <c r="BA939" s="23"/>
      <c r="BB939" s="23"/>
      <c r="BC939" s="23"/>
      <c r="BD939" s="23"/>
      <c r="BE939" s="23"/>
      <c r="BF939" s="23"/>
      <c r="BG939" s="23"/>
      <c r="BH939" s="23"/>
      <c r="BI939" s="23"/>
      <c r="BJ939" s="23"/>
      <c r="BK939" s="23"/>
      <c r="BL939" s="23"/>
      <c r="BM939" s="23"/>
      <c r="BN939" s="23"/>
      <c r="BO939" s="23"/>
      <c r="BP939" s="23"/>
      <c r="BQ939" s="23"/>
      <c r="BR939" s="23"/>
      <c r="BS939" s="23"/>
      <c r="BT939" s="23"/>
      <c r="BU939" s="23"/>
      <c r="BV939" s="23"/>
      <c r="BW939" s="23"/>
      <c r="BX939" s="23"/>
      <c r="BY939" s="23"/>
      <c r="BZ939" s="23"/>
      <c r="CA939" s="23"/>
      <c r="CB939" s="23"/>
      <c r="CC939" s="23"/>
      <c r="CD939" s="23"/>
      <c r="CE939" s="23"/>
      <c r="CF939" s="23"/>
      <c r="CG939" s="23"/>
      <c r="CH939" s="23"/>
      <c r="CI939" s="23"/>
      <c r="CJ939" s="23"/>
      <c r="CK939" s="23"/>
      <c r="CL939" s="23"/>
      <c r="CM939" s="23"/>
      <c r="CN939" s="23"/>
      <c r="CO939" s="23"/>
      <c r="CP939" s="23"/>
      <c r="CQ939" s="23"/>
      <c r="CR939" s="23"/>
      <c r="CS939" s="23"/>
      <c r="CT939" s="23"/>
      <c r="CU939" s="23"/>
      <c r="CV939" s="23"/>
      <c r="CW939" s="23"/>
      <c r="CX939" s="23"/>
      <c r="CY939" s="23"/>
      <c r="CZ939" s="23"/>
      <c r="DA939" s="23"/>
      <c r="DB939" s="23"/>
      <c r="DC939" s="23"/>
      <c r="DD939" s="23"/>
      <c r="DE939" s="23"/>
      <c r="DF939" s="23"/>
      <c r="DG939" s="23"/>
      <c r="DH939" s="23"/>
      <c r="DI939" s="23"/>
      <c r="DJ939" s="23"/>
      <c r="DK939" s="23"/>
      <c r="DL939" s="23"/>
      <c r="DM939" s="23"/>
      <c r="DN939" s="23"/>
      <c r="DO939" s="23"/>
      <c r="DP939" s="23"/>
      <c r="DQ939" s="23"/>
      <c r="DR939" s="23"/>
      <c r="DS939" s="23"/>
      <c r="DT939" s="23"/>
      <c r="DU939" s="23"/>
      <c r="DV939" s="23"/>
      <c r="DW939" s="23"/>
      <c r="DX939" s="23"/>
      <c r="DY939" s="23"/>
      <c r="DZ939" s="23"/>
      <c r="EA939" s="23"/>
      <c r="EB939" s="23"/>
      <c r="EC939" s="23"/>
      <c r="ED939" s="23"/>
      <c r="EE939" s="23"/>
      <c r="EF939" s="23"/>
      <c r="EG939" s="23"/>
      <c r="EH939" s="23"/>
      <c r="EI939" s="23"/>
      <c r="EJ939" s="23"/>
      <c r="EK939" s="23"/>
      <c r="EL939" s="23"/>
      <c r="EM939" s="23"/>
      <c r="EN939" s="23"/>
      <c r="EO939" s="23"/>
      <c r="EP939" s="23"/>
      <c r="EQ939" s="23"/>
      <c r="ER939" s="23"/>
      <c r="ES939" s="23"/>
      <c r="ET939" s="23"/>
      <c r="EU939" s="23"/>
      <c r="EV939" s="23"/>
      <c r="EW939" s="23"/>
      <c r="EX939" s="23"/>
      <c r="EY939" s="23"/>
      <c r="EZ939" s="23"/>
      <c r="FA939" s="23"/>
      <c r="FB939" s="23"/>
      <c r="FC939" s="23"/>
      <c r="FD939" s="23"/>
      <c r="FE939" s="23"/>
      <c r="FF939" s="23"/>
      <c r="FG939" s="23"/>
      <c r="FH939" s="23"/>
      <c r="FI939" s="23"/>
      <c r="FJ939" s="23"/>
      <c r="FK939" s="23"/>
      <c r="FL939" s="23"/>
      <c r="FM939" s="23"/>
      <c r="FN939" s="23"/>
      <c r="FO939" s="23"/>
      <c r="FP939" s="23"/>
      <c r="FQ939" s="23"/>
      <c r="FR939" s="23"/>
      <c r="FS939" s="23"/>
      <c r="FT939" s="23"/>
      <c r="FU939" s="23"/>
      <c r="FV939" s="23"/>
      <c r="FW939" s="23"/>
      <c r="FX939" s="23"/>
      <c r="FY939" s="23"/>
      <c r="FZ939" s="23"/>
      <c r="GA939" s="23"/>
      <c r="GB939" s="23"/>
      <c r="GC939" s="23"/>
      <c r="GD939" s="23"/>
      <c r="GE939" s="23"/>
      <c r="GF939" s="23"/>
      <c r="GG939" s="23"/>
      <c r="GH939" s="23"/>
      <c r="GI939" s="23"/>
      <c r="GJ939" s="23"/>
      <c r="GK939" s="23"/>
      <c r="GL939" s="23"/>
      <c r="GM939" s="23"/>
      <c r="GN939" s="23"/>
      <c r="GO939" s="23"/>
      <c r="GP939" s="23"/>
      <c r="GQ939" s="23"/>
      <c r="GR939" s="23"/>
      <c r="GS939" s="23"/>
      <c r="GT939" s="23"/>
      <c r="GU939" s="23"/>
      <c r="GV939" s="23"/>
      <c r="GW939" s="23"/>
      <c r="GX939" s="23"/>
      <c r="GY939" s="23"/>
      <c r="GZ939" s="23"/>
      <c r="HA939" s="23"/>
      <c r="HB939" s="23"/>
      <c r="HC939" s="23"/>
      <c r="HD939" s="23"/>
      <c r="HE939" s="23"/>
      <c r="HF939" s="23"/>
      <c r="HG939" s="23"/>
      <c r="HH939" s="23"/>
      <c r="HI939" s="23"/>
      <c r="HJ939" s="23"/>
      <c r="HK939" s="23"/>
      <c r="HL939" s="23"/>
      <c r="HM939" s="23"/>
      <c r="HN939" s="23"/>
      <c r="HO939" s="23"/>
      <c r="HP939" s="23"/>
      <c r="HQ939" s="23"/>
      <c r="HR939" s="23"/>
      <c r="HS939" s="23"/>
      <c r="HT939" s="23"/>
      <c r="HU939" s="23"/>
      <c r="HV939" s="23"/>
      <c r="HW939" s="23"/>
      <c r="HX939" s="23"/>
      <c r="HY939" s="23"/>
      <c r="HZ939" s="23"/>
      <c r="IA939" s="23"/>
      <c r="IB939" s="23"/>
      <c r="IC939" s="23"/>
      <c r="ID939" s="23"/>
      <c r="IE939" s="23"/>
      <c r="IF939" s="23"/>
      <c r="IG939" s="23"/>
      <c r="IH939" s="23"/>
      <c r="II939" s="23"/>
      <c r="IJ939" s="23"/>
      <c r="IK939" s="23"/>
      <c r="IL939" s="23"/>
      <c r="IM939" s="23"/>
      <c r="IN939" s="23"/>
      <c r="IO939" s="23"/>
      <c r="IP939" s="23"/>
      <c r="IQ939" s="23"/>
    </row>
    <row r="940" spans="1:251" s="50" customFormat="1" ht="18.75" customHeight="1">
      <c r="A940" s="34"/>
      <c r="B940" s="47"/>
      <c r="C940" s="130"/>
      <c r="D940" s="130"/>
      <c r="E940" s="130"/>
      <c r="F940" s="130"/>
      <c r="G940" s="130"/>
      <c r="H940" s="130"/>
      <c r="I940" s="130"/>
      <c r="J940" s="130"/>
      <c r="K940" s="130"/>
      <c r="L940" s="130"/>
      <c r="M940" s="130"/>
      <c r="N940" s="130"/>
      <c r="O940" s="130"/>
      <c r="P940" s="130"/>
      <c r="Q940" s="130"/>
      <c r="R940" s="130"/>
      <c r="S940" s="130"/>
      <c r="T940" s="130"/>
      <c r="U940" s="130"/>
      <c r="V940" s="130"/>
      <c r="W940" s="130"/>
      <c r="X940" s="130"/>
      <c r="Y940" s="130"/>
      <c r="Z940" s="52"/>
      <c r="AA940" s="132"/>
      <c r="AB940" s="200"/>
      <c r="AC940" s="200"/>
      <c r="AD940" s="200"/>
      <c r="AE940" s="200"/>
      <c r="AF940" s="200"/>
      <c r="AG940" s="200"/>
      <c r="AH940" s="200"/>
      <c r="AI940" s="201"/>
      <c r="AJ940" s="132"/>
      <c r="AK940" s="196"/>
      <c r="AL940" s="196"/>
      <c r="AM940" s="196"/>
      <c r="AN940" s="196"/>
      <c r="AO940" s="196"/>
      <c r="AP940" s="196"/>
      <c r="AQ940" s="196"/>
      <c r="AR940" s="197"/>
      <c r="AS940" s="132"/>
      <c r="AT940" s="196"/>
      <c r="AU940" s="196"/>
      <c r="AV940" s="196"/>
      <c r="AW940" s="196"/>
      <c r="AX940" s="202"/>
      <c r="AY940" s="23"/>
      <c r="AZ940" s="23"/>
      <c r="BA940" s="23"/>
      <c r="BB940" s="23"/>
      <c r="BC940" s="23"/>
      <c r="BD940" s="23"/>
      <c r="BE940" s="23"/>
      <c r="BF940" s="23"/>
      <c r="BG940" s="23"/>
      <c r="BH940" s="23"/>
      <c r="BI940" s="23"/>
      <c r="BJ940" s="23"/>
      <c r="BK940" s="23"/>
      <c r="BL940" s="23"/>
      <c r="BM940" s="23"/>
      <c r="BN940" s="23"/>
      <c r="BO940" s="23"/>
      <c r="BP940" s="23"/>
      <c r="BQ940" s="23"/>
      <c r="BR940" s="23"/>
      <c r="BS940" s="23"/>
      <c r="BT940" s="23"/>
      <c r="BU940" s="23"/>
      <c r="BV940" s="23"/>
      <c r="BW940" s="23"/>
      <c r="BX940" s="23"/>
      <c r="BY940" s="23"/>
      <c r="BZ940" s="23"/>
      <c r="CA940" s="23"/>
      <c r="CB940" s="23"/>
      <c r="CC940" s="23"/>
      <c r="CD940" s="23"/>
      <c r="CE940" s="23"/>
      <c r="CF940" s="23"/>
      <c r="CG940" s="23"/>
      <c r="CH940" s="23"/>
      <c r="CI940" s="23"/>
      <c r="CJ940" s="23"/>
      <c r="CK940" s="23"/>
      <c r="CL940" s="23"/>
      <c r="CM940" s="23"/>
      <c r="CN940" s="23"/>
      <c r="CO940" s="23"/>
      <c r="CP940" s="23"/>
      <c r="CQ940" s="23"/>
      <c r="CR940" s="23"/>
      <c r="CS940" s="23"/>
      <c r="CT940" s="23"/>
      <c r="CU940" s="23"/>
      <c r="CV940" s="23"/>
      <c r="CW940" s="23"/>
      <c r="CX940" s="23"/>
      <c r="CY940" s="23"/>
      <c r="CZ940" s="23"/>
      <c r="DA940" s="23"/>
      <c r="DB940" s="23"/>
      <c r="DC940" s="23"/>
      <c r="DD940" s="23"/>
      <c r="DE940" s="23"/>
      <c r="DF940" s="23"/>
      <c r="DG940" s="23"/>
      <c r="DH940" s="23"/>
      <c r="DI940" s="23"/>
      <c r="DJ940" s="23"/>
      <c r="DK940" s="23"/>
      <c r="DL940" s="23"/>
      <c r="DM940" s="23"/>
      <c r="DN940" s="23"/>
      <c r="DO940" s="23"/>
      <c r="DP940" s="23"/>
      <c r="DQ940" s="23"/>
      <c r="DR940" s="23"/>
      <c r="DS940" s="23"/>
      <c r="DT940" s="23"/>
      <c r="DU940" s="23"/>
      <c r="DV940" s="23"/>
      <c r="DW940" s="23"/>
      <c r="DX940" s="23"/>
      <c r="DY940" s="23"/>
      <c r="DZ940" s="23"/>
      <c r="EA940" s="23"/>
      <c r="EB940" s="23"/>
      <c r="EC940" s="23"/>
      <c r="ED940" s="23"/>
      <c r="EE940" s="23"/>
      <c r="EF940" s="23"/>
      <c r="EG940" s="23"/>
      <c r="EH940" s="23"/>
      <c r="EI940" s="23"/>
      <c r="EJ940" s="23"/>
      <c r="EK940" s="23"/>
      <c r="EL940" s="23"/>
      <c r="EM940" s="23"/>
      <c r="EN940" s="23"/>
      <c r="EO940" s="23"/>
      <c r="EP940" s="23"/>
      <c r="EQ940" s="23"/>
      <c r="ER940" s="23"/>
      <c r="ES940" s="23"/>
      <c r="ET940" s="23"/>
      <c r="EU940" s="23"/>
      <c r="EV940" s="23"/>
      <c r="EW940" s="23"/>
      <c r="EX940" s="23"/>
      <c r="EY940" s="23"/>
      <c r="EZ940" s="23"/>
      <c r="FA940" s="23"/>
      <c r="FB940" s="23"/>
      <c r="FC940" s="23"/>
      <c r="FD940" s="23"/>
      <c r="FE940" s="23"/>
      <c r="FF940" s="23"/>
      <c r="FG940" s="23"/>
      <c r="FH940" s="23"/>
      <c r="FI940" s="23"/>
      <c r="FJ940" s="23"/>
      <c r="FK940" s="23"/>
      <c r="FL940" s="23"/>
      <c r="FM940" s="23"/>
      <c r="FN940" s="23"/>
      <c r="FO940" s="23"/>
      <c r="FP940" s="23"/>
      <c r="FQ940" s="23"/>
      <c r="FR940" s="23"/>
      <c r="FS940" s="23"/>
      <c r="FT940" s="23"/>
      <c r="FU940" s="23"/>
      <c r="FV940" s="23"/>
      <c r="FW940" s="23"/>
      <c r="FX940" s="23"/>
      <c r="FY940" s="23"/>
      <c r="FZ940" s="23"/>
      <c r="GA940" s="23"/>
      <c r="GB940" s="23"/>
      <c r="GC940" s="23"/>
      <c r="GD940" s="23"/>
      <c r="GE940" s="23"/>
      <c r="GF940" s="23"/>
      <c r="GG940" s="23"/>
      <c r="GH940" s="23"/>
      <c r="GI940" s="23"/>
      <c r="GJ940" s="23"/>
      <c r="GK940" s="23"/>
      <c r="GL940" s="23"/>
      <c r="GM940" s="23"/>
      <c r="GN940" s="23"/>
      <c r="GO940" s="23"/>
      <c r="GP940" s="23"/>
      <c r="GQ940" s="23"/>
      <c r="GR940" s="23"/>
      <c r="GS940" s="23"/>
      <c r="GT940" s="23"/>
      <c r="GU940" s="23"/>
      <c r="GV940" s="23"/>
      <c r="GW940" s="23"/>
      <c r="GX940" s="23"/>
      <c r="GY940" s="23"/>
      <c r="GZ940" s="23"/>
      <c r="HA940" s="23"/>
      <c r="HB940" s="23"/>
      <c r="HC940" s="23"/>
      <c r="HD940" s="23"/>
      <c r="HE940" s="23"/>
      <c r="HF940" s="23"/>
      <c r="HG940" s="23"/>
      <c r="HH940" s="23"/>
      <c r="HI940" s="23"/>
      <c r="HJ940" s="23"/>
      <c r="HK940" s="23"/>
      <c r="HL940" s="23"/>
      <c r="HM940" s="23"/>
      <c r="HN940" s="23"/>
      <c r="HO940" s="23"/>
      <c r="HP940" s="23"/>
      <c r="HQ940" s="23"/>
      <c r="HR940" s="23"/>
      <c r="HS940" s="23"/>
      <c r="HT940" s="23"/>
      <c r="HU940" s="23"/>
      <c r="HV940" s="23"/>
      <c r="HW940" s="23"/>
      <c r="HX940" s="23"/>
      <c r="HY940" s="23"/>
      <c r="HZ940" s="23"/>
      <c r="IA940" s="23"/>
      <c r="IB940" s="23"/>
      <c r="IC940" s="23"/>
      <c r="ID940" s="23"/>
      <c r="IE940" s="23"/>
      <c r="IF940" s="23"/>
      <c r="IG940" s="23"/>
      <c r="IH940" s="23"/>
      <c r="II940" s="23"/>
      <c r="IJ940" s="23"/>
      <c r="IK940" s="23"/>
      <c r="IL940" s="23"/>
      <c r="IM940" s="23"/>
      <c r="IN940" s="23"/>
      <c r="IO940" s="23"/>
      <c r="IP940" s="23"/>
      <c r="IQ940" s="23"/>
    </row>
    <row r="941" spans="1:251" s="50" customFormat="1" ht="18.75" customHeight="1">
      <c r="A941" s="34"/>
      <c r="B941" s="48"/>
      <c r="C941" s="130"/>
      <c r="D941" s="130"/>
      <c r="E941" s="130"/>
      <c r="F941" s="130"/>
      <c r="G941" s="130"/>
      <c r="H941" s="130"/>
      <c r="I941" s="130"/>
      <c r="J941" s="130"/>
      <c r="K941" s="130"/>
      <c r="L941" s="130"/>
      <c r="M941" s="130"/>
      <c r="N941" s="130"/>
      <c r="O941" s="130"/>
      <c r="P941" s="130"/>
      <c r="Q941" s="130"/>
      <c r="R941" s="130"/>
      <c r="S941" s="130"/>
      <c r="T941" s="130"/>
      <c r="U941" s="130"/>
      <c r="V941" s="130"/>
      <c r="W941" s="130"/>
      <c r="X941" s="130"/>
      <c r="Y941" s="130"/>
      <c r="Z941" s="53"/>
      <c r="AA941" s="132"/>
      <c r="AB941" s="200"/>
      <c r="AC941" s="200"/>
      <c r="AD941" s="200"/>
      <c r="AE941" s="200"/>
      <c r="AF941" s="200"/>
      <c r="AG941" s="200"/>
      <c r="AH941" s="200"/>
      <c r="AI941" s="201"/>
      <c r="AJ941" s="132"/>
      <c r="AK941" s="196"/>
      <c r="AL941" s="196"/>
      <c r="AM941" s="196"/>
      <c r="AN941" s="196"/>
      <c r="AO941" s="196"/>
      <c r="AP941" s="196"/>
      <c r="AQ941" s="196"/>
      <c r="AR941" s="197"/>
      <c r="AS941" s="136"/>
      <c r="AT941" s="198"/>
      <c r="AU941" s="198"/>
      <c r="AV941" s="198"/>
      <c r="AW941" s="198"/>
      <c r="AX941" s="199"/>
      <c r="AY941" s="23"/>
      <c r="AZ941" s="23"/>
      <c r="BA941" s="23"/>
      <c r="BB941" s="23"/>
      <c r="BC941" s="23"/>
      <c r="BD941" s="23"/>
      <c r="BE941" s="23"/>
      <c r="BF941" s="23"/>
      <c r="BG941" s="23"/>
      <c r="BH941" s="23"/>
      <c r="BI941" s="23"/>
      <c r="BJ941" s="23"/>
      <c r="BK941" s="23"/>
      <c r="BL941" s="23"/>
      <c r="BM941" s="23"/>
      <c r="BN941" s="23"/>
      <c r="BO941" s="23"/>
      <c r="BP941" s="23"/>
      <c r="BQ941" s="23"/>
      <c r="BR941" s="23"/>
      <c r="BS941" s="23"/>
      <c r="BT941" s="23"/>
      <c r="BU941" s="23"/>
      <c r="BV941" s="23"/>
      <c r="BW941" s="23"/>
      <c r="BX941" s="23"/>
      <c r="BY941" s="23"/>
      <c r="BZ941" s="23"/>
      <c r="CA941" s="23"/>
      <c r="CB941" s="23"/>
      <c r="CC941" s="23"/>
      <c r="CD941" s="23"/>
      <c r="CE941" s="23"/>
      <c r="CF941" s="23"/>
      <c r="CG941" s="23"/>
      <c r="CH941" s="23"/>
      <c r="CI941" s="23"/>
      <c r="CJ941" s="23"/>
      <c r="CK941" s="23"/>
      <c r="CL941" s="23"/>
      <c r="CM941" s="23"/>
      <c r="CN941" s="23"/>
      <c r="CO941" s="23"/>
      <c r="CP941" s="23"/>
      <c r="CQ941" s="23"/>
      <c r="CR941" s="23"/>
      <c r="CS941" s="23"/>
      <c r="CT941" s="23"/>
      <c r="CU941" s="23"/>
      <c r="CV941" s="23"/>
      <c r="CW941" s="23"/>
      <c r="CX941" s="23"/>
      <c r="CY941" s="23"/>
      <c r="CZ941" s="23"/>
      <c r="DA941" s="23"/>
      <c r="DB941" s="23"/>
      <c r="DC941" s="23"/>
      <c r="DD941" s="23"/>
      <c r="DE941" s="23"/>
      <c r="DF941" s="23"/>
      <c r="DG941" s="23"/>
      <c r="DH941" s="23"/>
      <c r="DI941" s="23"/>
      <c r="DJ941" s="23"/>
      <c r="DK941" s="23"/>
      <c r="DL941" s="23"/>
      <c r="DM941" s="23"/>
      <c r="DN941" s="23"/>
      <c r="DO941" s="23"/>
      <c r="DP941" s="23"/>
      <c r="DQ941" s="23"/>
      <c r="DR941" s="23"/>
      <c r="DS941" s="23"/>
      <c r="DT941" s="23"/>
      <c r="DU941" s="23"/>
      <c r="DV941" s="23"/>
      <c r="DW941" s="23"/>
      <c r="DX941" s="23"/>
      <c r="DY941" s="23"/>
      <c r="DZ941" s="23"/>
      <c r="EA941" s="23"/>
      <c r="EB941" s="23"/>
      <c r="EC941" s="23"/>
      <c r="ED941" s="23"/>
      <c r="EE941" s="23"/>
      <c r="EF941" s="23"/>
      <c r="EG941" s="23"/>
      <c r="EH941" s="23"/>
      <c r="EI941" s="23"/>
      <c r="EJ941" s="23"/>
      <c r="EK941" s="23"/>
      <c r="EL941" s="23"/>
      <c r="EM941" s="23"/>
      <c r="EN941" s="23"/>
      <c r="EO941" s="23"/>
      <c r="EP941" s="23"/>
      <c r="EQ941" s="23"/>
      <c r="ER941" s="23"/>
      <c r="ES941" s="23"/>
      <c r="ET941" s="23"/>
      <c r="EU941" s="23"/>
      <c r="EV941" s="23"/>
      <c r="EW941" s="23"/>
      <c r="EX941" s="23"/>
      <c r="EY941" s="23"/>
      <c r="EZ941" s="23"/>
      <c r="FA941" s="23"/>
      <c r="FB941" s="23"/>
      <c r="FC941" s="23"/>
      <c r="FD941" s="23"/>
      <c r="FE941" s="23"/>
      <c r="FF941" s="23"/>
      <c r="FG941" s="23"/>
      <c r="FH941" s="23"/>
      <c r="FI941" s="23"/>
      <c r="FJ941" s="23"/>
      <c r="FK941" s="23"/>
      <c r="FL941" s="23"/>
      <c r="FM941" s="23"/>
      <c r="FN941" s="23"/>
      <c r="FO941" s="23"/>
      <c r="FP941" s="23"/>
      <c r="FQ941" s="23"/>
      <c r="FR941" s="23"/>
      <c r="FS941" s="23"/>
      <c r="FT941" s="23"/>
      <c r="FU941" s="23"/>
      <c r="FV941" s="23"/>
      <c r="FW941" s="23"/>
      <c r="FX941" s="23"/>
      <c r="FY941" s="23"/>
      <c r="FZ941" s="23"/>
      <c r="GA941" s="23"/>
      <c r="GB941" s="23"/>
      <c r="GC941" s="23"/>
      <c r="GD941" s="23"/>
      <c r="GE941" s="23"/>
      <c r="GF941" s="23"/>
      <c r="GG941" s="23"/>
      <c r="GH941" s="23"/>
      <c r="GI941" s="23"/>
      <c r="GJ941" s="23"/>
      <c r="GK941" s="23"/>
      <c r="GL941" s="23"/>
      <c r="GM941" s="23"/>
      <c r="GN941" s="23"/>
      <c r="GO941" s="23"/>
      <c r="GP941" s="23"/>
      <c r="GQ941" s="23"/>
      <c r="GR941" s="23"/>
      <c r="GS941" s="23"/>
      <c r="GT941" s="23"/>
      <c r="GU941" s="23"/>
      <c r="GV941" s="23"/>
      <c r="GW941" s="23"/>
      <c r="GX941" s="23"/>
      <c r="GY941" s="23"/>
      <c r="GZ941" s="23"/>
      <c r="HA941" s="23"/>
      <c r="HB941" s="23"/>
      <c r="HC941" s="23"/>
      <c r="HD941" s="23"/>
      <c r="HE941" s="23"/>
      <c r="HF941" s="23"/>
      <c r="HG941" s="23"/>
      <c r="HH941" s="23"/>
      <c r="HI941" s="23"/>
      <c r="HJ941" s="23"/>
      <c r="HK941" s="23"/>
      <c r="HL941" s="23"/>
      <c r="HM941" s="23"/>
      <c r="HN941" s="23"/>
      <c r="HO941" s="23"/>
      <c r="HP941" s="23"/>
      <c r="HQ941" s="23"/>
      <c r="HR941" s="23"/>
      <c r="HS941" s="23"/>
      <c r="HT941" s="23"/>
      <c r="HU941" s="23"/>
      <c r="HV941" s="23"/>
      <c r="HW941" s="23"/>
      <c r="HX941" s="23"/>
      <c r="HY941" s="23"/>
      <c r="HZ941" s="23"/>
      <c r="IA941" s="23"/>
      <c r="IB941" s="23"/>
      <c r="IC941" s="23"/>
      <c r="ID941" s="23"/>
      <c r="IE941" s="23"/>
      <c r="IF941" s="23"/>
      <c r="IG941" s="23"/>
      <c r="IH941" s="23"/>
      <c r="II941" s="23"/>
      <c r="IJ941" s="23"/>
      <c r="IK941" s="23"/>
      <c r="IL941" s="23"/>
      <c r="IM941" s="23"/>
      <c r="IN941" s="23"/>
      <c r="IO941" s="23"/>
      <c r="IP941" s="23"/>
      <c r="IQ941" s="23"/>
    </row>
    <row r="942" spans="1:251" s="50" customFormat="1" ht="18.75" customHeight="1">
      <c r="A942" s="34"/>
      <c r="B942" s="47"/>
      <c r="C942" s="130"/>
      <c r="D942" s="130"/>
      <c r="E942" s="130"/>
      <c r="F942" s="130"/>
      <c r="G942" s="130"/>
      <c r="H942" s="130"/>
      <c r="I942" s="130"/>
      <c r="J942" s="130"/>
      <c r="K942" s="130"/>
      <c r="L942" s="130"/>
      <c r="M942" s="130"/>
      <c r="N942" s="130"/>
      <c r="O942" s="130"/>
      <c r="P942" s="130"/>
      <c r="Q942" s="130"/>
      <c r="R942" s="130"/>
      <c r="S942" s="130"/>
      <c r="T942" s="130"/>
      <c r="U942" s="130"/>
      <c r="V942" s="130"/>
      <c r="W942" s="130"/>
      <c r="X942" s="130"/>
      <c r="Y942" s="130"/>
      <c r="Z942" s="52"/>
      <c r="AA942" s="132"/>
      <c r="AB942" s="200"/>
      <c r="AC942" s="200"/>
      <c r="AD942" s="200"/>
      <c r="AE942" s="200"/>
      <c r="AF942" s="200"/>
      <c r="AG942" s="200"/>
      <c r="AH942" s="200"/>
      <c r="AI942" s="201"/>
      <c r="AJ942" s="132"/>
      <c r="AK942" s="196"/>
      <c r="AL942" s="196"/>
      <c r="AM942" s="196"/>
      <c r="AN942" s="196"/>
      <c r="AO942" s="196"/>
      <c r="AP942" s="196"/>
      <c r="AQ942" s="196"/>
      <c r="AR942" s="197"/>
      <c r="AS942" s="132"/>
      <c r="AT942" s="196"/>
      <c r="AU942" s="196"/>
      <c r="AV942" s="196"/>
      <c r="AW942" s="196"/>
      <c r="AX942" s="202"/>
      <c r="AY942" s="23"/>
      <c r="AZ942" s="23"/>
      <c r="BA942" s="23"/>
      <c r="BB942" s="23"/>
      <c r="BC942" s="23"/>
      <c r="BD942" s="23"/>
      <c r="BE942" s="23"/>
      <c r="BF942" s="23"/>
      <c r="BG942" s="23"/>
      <c r="BH942" s="23"/>
      <c r="BI942" s="23"/>
      <c r="BJ942" s="23"/>
      <c r="BK942" s="23"/>
      <c r="BL942" s="23"/>
      <c r="BM942" s="23"/>
      <c r="BN942" s="23"/>
      <c r="BO942" s="23"/>
      <c r="BP942" s="23"/>
      <c r="BQ942" s="23"/>
      <c r="BR942" s="23"/>
      <c r="BS942" s="23"/>
      <c r="BT942" s="23"/>
      <c r="BU942" s="23"/>
      <c r="BV942" s="23"/>
      <c r="BW942" s="23"/>
      <c r="BX942" s="23"/>
      <c r="BY942" s="23"/>
      <c r="BZ942" s="23"/>
      <c r="CA942" s="23"/>
      <c r="CB942" s="23"/>
      <c r="CC942" s="23"/>
      <c r="CD942" s="23"/>
      <c r="CE942" s="23"/>
      <c r="CF942" s="23"/>
      <c r="CG942" s="23"/>
      <c r="CH942" s="23"/>
      <c r="CI942" s="23"/>
      <c r="CJ942" s="23"/>
      <c r="CK942" s="23"/>
      <c r="CL942" s="23"/>
      <c r="CM942" s="23"/>
      <c r="CN942" s="23"/>
      <c r="CO942" s="23"/>
      <c r="CP942" s="23"/>
      <c r="CQ942" s="23"/>
      <c r="CR942" s="23"/>
      <c r="CS942" s="23"/>
      <c r="CT942" s="23"/>
      <c r="CU942" s="23"/>
      <c r="CV942" s="23"/>
      <c r="CW942" s="23"/>
      <c r="CX942" s="23"/>
      <c r="CY942" s="23"/>
      <c r="CZ942" s="23"/>
      <c r="DA942" s="23"/>
      <c r="DB942" s="23"/>
      <c r="DC942" s="23"/>
      <c r="DD942" s="23"/>
      <c r="DE942" s="23"/>
      <c r="DF942" s="23"/>
      <c r="DG942" s="23"/>
      <c r="DH942" s="23"/>
      <c r="DI942" s="23"/>
      <c r="DJ942" s="23"/>
      <c r="DK942" s="23"/>
      <c r="DL942" s="23"/>
      <c r="DM942" s="23"/>
      <c r="DN942" s="23"/>
      <c r="DO942" s="23"/>
      <c r="DP942" s="23"/>
      <c r="DQ942" s="23"/>
      <c r="DR942" s="23"/>
      <c r="DS942" s="23"/>
      <c r="DT942" s="23"/>
      <c r="DU942" s="23"/>
      <c r="DV942" s="23"/>
      <c r="DW942" s="23"/>
      <c r="DX942" s="23"/>
      <c r="DY942" s="23"/>
      <c r="DZ942" s="23"/>
      <c r="EA942" s="23"/>
      <c r="EB942" s="23"/>
      <c r="EC942" s="23"/>
      <c r="ED942" s="23"/>
      <c r="EE942" s="23"/>
      <c r="EF942" s="23"/>
      <c r="EG942" s="23"/>
      <c r="EH942" s="23"/>
      <c r="EI942" s="23"/>
      <c r="EJ942" s="23"/>
      <c r="EK942" s="23"/>
      <c r="EL942" s="23"/>
      <c r="EM942" s="23"/>
      <c r="EN942" s="23"/>
      <c r="EO942" s="23"/>
      <c r="EP942" s="23"/>
      <c r="EQ942" s="23"/>
      <c r="ER942" s="23"/>
      <c r="ES942" s="23"/>
      <c r="ET942" s="23"/>
      <c r="EU942" s="23"/>
      <c r="EV942" s="23"/>
      <c r="EW942" s="23"/>
      <c r="EX942" s="23"/>
      <c r="EY942" s="23"/>
      <c r="EZ942" s="23"/>
      <c r="FA942" s="23"/>
      <c r="FB942" s="23"/>
      <c r="FC942" s="23"/>
      <c r="FD942" s="23"/>
      <c r="FE942" s="23"/>
      <c r="FF942" s="23"/>
      <c r="FG942" s="23"/>
      <c r="FH942" s="23"/>
      <c r="FI942" s="23"/>
      <c r="FJ942" s="23"/>
      <c r="FK942" s="23"/>
      <c r="FL942" s="23"/>
      <c r="FM942" s="23"/>
      <c r="FN942" s="23"/>
      <c r="FO942" s="23"/>
      <c r="FP942" s="23"/>
      <c r="FQ942" s="23"/>
      <c r="FR942" s="23"/>
      <c r="FS942" s="23"/>
      <c r="FT942" s="23"/>
      <c r="FU942" s="23"/>
      <c r="FV942" s="23"/>
      <c r="FW942" s="23"/>
      <c r="FX942" s="23"/>
      <c r="FY942" s="23"/>
      <c r="FZ942" s="23"/>
      <c r="GA942" s="23"/>
      <c r="GB942" s="23"/>
      <c r="GC942" s="23"/>
      <c r="GD942" s="23"/>
      <c r="GE942" s="23"/>
      <c r="GF942" s="23"/>
      <c r="GG942" s="23"/>
      <c r="GH942" s="23"/>
      <c r="GI942" s="23"/>
      <c r="GJ942" s="23"/>
      <c r="GK942" s="23"/>
      <c r="GL942" s="23"/>
      <c r="GM942" s="23"/>
      <c r="GN942" s="23"/>
      <c r="GO942" s="23"/>
      <c r="GP942" s="23"/>
      <c r="GQ942" s="23"/>
      <c r="GR942" s="23"/>
      <c r="GS942" s="23"/>
      <c r="GT942" s="23"/>
      <c r="GU942" s="23"/>
      <c r="GV942" s="23"/>
      <c r="GW942" s="23"/>
      <c r="GX942" s="23"/>
      <c r="GY942" s="23"/>
      <c r="GZ942" s="23"/>
      <c r="HA942" s="23"/>
      <c r="HB942" s="23"/>
      <c r="HC942" s="23"/>
      <c r="HD942" s="23"/>
      <c r="HE942" s="23"/>
      <c r="HF942" s="23"/>
      <c r="HG942" s="23"/>
      <c r="HH942" s="23"/>
      <c r="HI942" s="23"/>
      <c r="HJ942" s="23"/>
      <c r="HK942" s="23"/>
      <c r="HL942" s="23"/>
      <c r="HM942" s="23"/>
      <c r="HN942" s="23"/>
      <c r="HO942" s="23"/>
      <c r="HP942" s="23"/>
      <c r="HQ942" s="23"/>
      <c r="HR942" s="23"/>
      <c r="HS942" s="23"/>
      <c r="HT942" s="23"/>
      <c r="HU942" s="23"/>
      <c r="HV942" s="23"/>
      <c r="HW942" s="23"/>
      <c r="HX942" s="23"/>
      <c r="HY942" s="23"/>
      <c r="HZ942" s="23"/>
      <c r="IA942" s="23"/>
      <c r="IB942" s="23"/>
      <c r="IC942" s="23"/>
      <c r="ID942" s="23"/>
      <c r="IE942" s="23"/>
      <c r="IF942" s="23"/>
      <c r="IG942" s="23"/>
      <c r="IH942" s="23"/>
      <c r="II942" s="23"/>
      <c r="IJ942" s="23"/>
      <c r="IK942" s="23"/>
      <c r="IL942" s="23"/>
      <c r="IM942" s="23"/>
      <c r="IN942" s="23"/>
      <c r="IO942" s="23"/>
      <c r="IP942" s="23"/>
      <c r="IQ942" s="23"/>
    </row>
    <row r="943" spans="1:251" s="50" customFormat="1" ht="18.75" customHeight="1">
      <c r="A943" s="34"/>
      <c r="B943" s="48"/>
      <c r="C943" s="130"/>
      <c r="D943" s="130"/>
      <c r="E943" s="130"/>
      <c r="F943" s="130"/>
      <c r="G943" s="130"/>
      <c r="H943" s="130"/>
      <c r="I943" s="130"/>
      <c r="J943" s="130"/>
      <c r="K943" s="130"/>
      <c r="L943" s="130"/>
      <c r="M943" s="130"/>
      <c r="N943" s="130"/>
      <c r="O943" s="130"/>
      <c r="P943" s="130"/>
      <c r="Q943" s="130"/>
      <c r="R943" s="130"/>
      <c r="S943" s="130"/>
      <c r="T943" s="130"/>
      <c r="U943" s="130"/>
      <c r="V943" s="130"/>
      <c r="W943" s="130"/>
      <c r="X943" s="130"/>
      <c r="Y943" s="130"/>
      <c r="Z943" s="54"/>
      <c r="AA943" s="132"/>
      <c r="AB943" s="200"/>
      <c r="AC943" s="200"/>
      <c r="AD943" s="200"/>
      <c r="AE943" s="200"/>
      <c r="AF943" s="200"/>
      <c r="AG943" s="200"/>
      <c r="AH943" s="200"/>
      <c r="AI943" s="201"/>
      <c r="AJ943" s="132"/>
      <c r="AK943" s="133"/>
      <c r="AL943" s="133"/>
      <c r="AM943" s="133"/>
      <c r="AN943" s="133"/>
      <c r="AO943" s="133"/>
      <c r="AP943" s="133"/>
      <c r="AQ943" s="133"/>
      <c r="AR943" s="134"/>
      <c r="AS943" s="132"/>
      <c r="AT943" s="196"/>
      <c r="AU943" s="196"/>
      <c r="AV943" s="196"/>
      <c r="AW943" s="196"/>
      <c r="AX943" s="202"/>
      <c r="AY943" s="23"/>
      <c r="AZ943" s="23"/>
      <c r="BA943" s="23"/>
      <c r="BB943" s="23"/>
      <c r="BC943" s="23"/>
      <c r="BD943" s="23"/>
      <c r="BE943" s="23"/>
      <c r="BF943" s="23"/>
      <c r="BG943" s="23"/>
      <c r="BH943" s="23"/>
      <c r="BI943" s="23"/>
      <c r="BJ943" s="23"/>
      <c r="BK943" s="23"/>
      <c r="BL943" s="23"/>
      <c r="BM943" s="23"/>
      <c r="BN943" s="23"/>
      <c r="BO943" s="23"/>
      <c r="BP943" s="23"/>
      <c r="BQ943" s="23"/>
      <c r="BR943" s="23"/>
      <c r="BS943" s="23"/>
      <c r="BT943" s="23"/>
      <c r="BU943" s="23"/>
      <c r="BV943" s="23"/>
      <c r="BW943" s="23"/>
      <c r="BX943" s="23"/>
      <c r="BY943" s="23"/>
      <c r="BZ943" s="23"/>
      <c r="CA943" s="23"/>
      <c r="CB943" s="23"/>
      <c r="CC943" s="23"/>
      <c r="CD943" s="23"/>
      <c r="CE943" s="23"/>
      <c r="CF943" s="23"/>
      <c r="CG943" s="23"/>
      <c r="CH943" s="23"/>
      <c r="CI943" s="23"/>
      <c r="CJ943" s="23"/>
      <c r="CK943" s="23"/>
      <c r="CL943" s="23"/>
      <c r="CM943" s="23"/>
      <c r="CN943" s="23"/>
      <c r="CO943" s="23"/>
      <c r="CP943" s="23"/>
      <c r="CQ943" s="23"/>
      <c r="CR943" s="23"/>
      <c r="CS943" s="23"/>
      <c r="CT943" s="23"/>
      <c r="CU943" s="23"/>
      <c r="CV943" s="23"/>
      <c r="CW943" s="23"/>
      <c r="CX943" s="23"/>
      <c r="CY943" s="23"/>
      <c r="CZ943" s="23"/>
      <c r="DA943" s="23"/>
      <c r="DB943" s="23"/>
      <c r="DC943" s="23"/>
      <c r="DD943" s="23"/>
      <c r="DE943" s="23"/>
      <c r="DF943" s="23"/>
      <c r="DG943" s="23"/>
      <c r="DH943" s="23"/>
      <c r="DI943" s="23"/>
      <c r="DJ943" s="23"/>
      <c r="DK943" s="23"/>
      <c r="DL943" s="23"/>
      <c r="DM943" s="23"/>
      <c r="DN943" s="23"/>
      <c r="DO943" s="23"/>
      <c r="DP943" s="23"/>
      <c r="DQ943" s="23"/>
      <c r="DR943" s="23"/>
      <c r="DS943" s="23"/>
      <c r="DT943" s="23"/>
      <c r="DU943" s="23"/>
      <c r="DV943" s="23"/>
      <c r="DW943" s="23"/>
      <c r="DX943" s="23"/>
      <c r="DY943" s="23"/>
      <c r="DZ943" s="23"/>
      <c r="EA943" s="23"/>
      <c r="EB943" s="23"/>
      <c r="EC943" s="23"/>
      <c r="ED943" s="23"/>
      <c r="EE943" s="23"/>
      <c r="EF943" s="23"/>
      <c r="EG943" s="23"/>
      <c r="EH943" s="23"/>
      <c r="EI943" s="23"/>
      <c r="EJ943" s="23"/>
      <c r="EK943" s="23"/>
      <c r="EL943" s="23"/>
      <c r="EM943" s="23"/>
      <c r="EN943" s="23"/>
      <c r="EO943" s="23"/>
      <c r="EP943" s="23"/>
      <c r="EQ943" s="23"/>
      <c r="ER943" s="23"/>
      <c r="ES943" s="23"/>
      <c r="ET943" s="23"/>
      <c r="EU943" s="23"/>
      <c r="EV943" s="23"/>
      <c r="EW943" s="23"/>
      <c r="EX943" s="23"/>
      <c r="EY943" s="23"/>
      <c r="EZ943" s="23"/>
      <c r="FA943" s="23"/>
      <c r="FB943" s="23"/>
      <c r="FC943" s="23"/>
      <c r="FD943" s="23"/>
      <c r="FE943" s="23"/>
      <c r="FF943" s="23"/>
      <c r="FG943" s="23"/>
      <c r="FH943" s="23"/>
      <c r="FI943" s="23"/>
      <c r="FJ943" s="23"/>
      <c r="FK943" s="23"/>
      <c r="FL943" s="23"/>
      <c r="FM943" s="23"/>
      <c r="FN943" s="23"/>
      <c r="FO943" s="23"/>
      <c r="FP943" s="23"/>
      <c r="FQ943" s="23"/>
      <c r="FR943" s="23"/>
      <c r="FS943" s="23"/>
      <c r="FT943" s="23"/>
      <c r="FU943" s="23"/>
      <c r="FV943" s="23"/>
      <c r="FW943" s="23"/>
      <c r="FX943" s="23"/>
      <c r="FY943" s="23"/>
      <c r="FZ943" s="23"/>
      <c r="GA943" s="23"/>
      <c r="GB943" s="23"/>
      <c r="GC943" s="23"/>
      <c r="GD943" s="23"/>
      <c r="GE943" s="23"/>
      <c r="GF943" s="23"/>
      <c r="GG943" s="23"/>
      <c r="GH943" s="23"/>
      <c r="GI943" s="23"/>
      <c r="GJ943" s="23"/>
      <c r="GK943" s="23"/>
      <c r="GL943" s="23"/>
      <c r="GM943" s="23"/>
      <c r="GN943" s="23"/>
      <c r="GO943" s="23"/>
      <c r="GP943" s="23"/>
      <c r="GQ943" s="23"/>
      <c r="GR943" s="23"/>
      <c r="GS943" s="23"/>
      <c r="GT943" s="23"/>
      <c r="GU943" s="23"/>
      <c r="GV943" s="23"/>
      <c r="GW943" s="23"/>
      <c r="GX943" s="23"/>
      <c r="GY943" s="23"/>
      <c r="GZ943" s="23"/>
      <c r="HA943" s="23"/>
      <c r="HB943" s="23"/>
      <c r="HC943" s="23"/>
      <c r="HD943" s="23"/>
      <c r="HE943" s="23"/>
      <c r="HF943" s="23"/>
      <c r="HG943" s="23"/>
      <c r="HH943" s="23"/>
      <c r="HI943" s="23"/>
      <c r="HJ943" s="23"/>
      <c r="HK943" s="23"/>
      <c r="HL943" s="23"/>
      <c r="HM943" s="23"/>
      <c r="HN943" s="23"/>
      <c r="HO943" s="23"/>
      <c r="HP943" s="23"/>
      <c r="HQ943" s="23"/>
      <c r="HR943" s="23"/>
      <c r="HS943" s="23"/>
      <c r="HT943" s="23"/>
      <c r="HU943" s="23"/>
      <c r="HV943" s="23"/>
      <c r="HW943" s="23"/>
      <c r="HX943" s="23"/>
      <c r="HY943" s="23"/>
      <c r="HZ943" s="23"/>
      <c r="IA943" s="23"/>
      <c r="IB943" s="23"/>
      <c r="IC943" s="23"/>
      <c r="ID943" s="23"/>
      <c r="IE943" s="23"/>
      <c r="IF943" s="23"/>
      <c r="IG943" s="23"/>
      <c r="IH943" s="23"/>
      <c r="II943" s="23"/>
      <c r="IJ943" s="23"/>
      <c r="IK943" s="23"/>
      <c r="IL943" s="23"/>
      <c r="IM943" s="23"/>
      <c r="IN943" s="23"/>
      <c r="IO943" s="23"/>
      <c r="IP943" s="23"/>
      <c r="IQ943" s="23"/>
    </row>
    <row r="944" spans="1:251" s="50" customFormat="1" ht="18.75" customHeight="1" thickBot="1">
      <c r="A944" s="34"/>
      <c r="B944" s="49"/>
      <c r="C944" s="158"/>
      <c r="D944" s="158"/>
      <c r="E944" s="158"/>
      <c r="F944" s="158"/>
      <c r="G944" s="158"/>
      <c r="H944" s="158"/>
      <c r="I944" s="158"/>
      <c r="J944" s="158"/>
      <c r="K944" s="158"/>
      <c r="L944" s="158"/>
      <c r="M944" s="158"/>
      <c r="N944" s="158"/>
      <c r="O944" s="158"/>
      <c r="P944" s="158"/>
      <c r="Q944" s="158"/>
      <c r="R944" s="158"/>
      <c r="S944" s="158"/>
      <c r="T944" s="158"/>
      <c r="U944" s="158"/>
      <c r="V944" s="158"/>
      <c r="W944" s="158"/>
      <c r="X944" s="158"/>
      <c r="Y944" s="158"/>
      <c r="Z944" s="55"/>
      <c r="AA944" s="160"/>
      <c r="AB944" s="211"/>
      <c r="AC944" s="211"/>
      <c r="AD944" s="211"/>
      <c r="AE944" s="211"/>
      <c r="AF944" s="211"/>
      <c r="AG944" s="211"/>
      <c r="AH944" s="211"/>
      <c r="AI944" s="212"/>
      <c r="AJ944" s="160"/>
      <c r="AK944" s="161"/>
      <c r="AL944" s="161"/>
      <c r="AM944" s="161"/>
      <c r="AN944" s="161"/>
      <c r="AO944" s="161"/>
      <c r="AP944" s="161"/>
      <c r="AQ944" s="161"/>
      <c r="AR944" s="162"/>
      <c r="AS944" s="188"/>
      <c r="AT944" s="213"/>
      <c r="AU944" s="213"/>
      <c r="AV944" s="213"/>
      <c r="AW944" s="213"/>
      <c r="AX944" s="214"/>
      <c r="AY944" s="23"/>
      <c r="AZ944" s="23"/>
      <c r="BA944" s="23"/>
      <c r="BB944" s="23"/>
      <c r="BC944" s="23"/>
      <c r="BD944" s="23"/>
      <c r="BE944" s="23"/>
      <c r="BF944" s="23"/>
      <c r="BG944" s="23"/>
      <c r="BH944" s="23"/>
      <c r="BI944" s="23"/>
      <c r="BJ944" s="23"/>
      <c r="BK944" s="23"/>
      <c r="BL944" s="23"/>
      <c r="BM944" s="23"/>
      <c r="BN944" s="23"/>
      <c r="BO944" s="23"/>
      <c r="BP944" s="23"/>
      <c r="BQ944" s="23"/>
      <c r="BR944" s="23"/>
      <c r="BS944" s="23"/>
      <c r="BT944" s="23"/>
      <c r="BU944" s="23"/>
      <c r="BV944" s="23"/>
      <c r="BW944" s="23"/>
      <c r="BX944" s="23"/>
      <c r="BY944" s="23"/>
      <c r="BZ944" s="23"/>
      <c r="CA944" s="23"/>
      <c r="CB944" s="23"/>
      <c r="CC944" s="23"/>
      <c r="CD944" s="23"/>
      <c r="CE944" s="23"/>
      <c r="CF944" s="23"/>
      <c r="CG944" s="23"/>
      <c r="CH944" s="23"/>
      <c r="CI944" s="23"/>
      <c r="CJ944" s="23"/>
      <c r="CK944" s="23"/>
      <c r="CL944" s="23"/>
      <c r="CM944" s="23"/>
      <c r="CN944" s="23"/>
      <c r="CO944" s="23"/>
      <c r="CP944" s="23"/>
      <c r="CQ944" s="23"/>
      <c r="CR944" s="23"/>
      <c r="CS944" s="23"/>
      <c r="CT944" s="23"/>
      <c r="CU944" s="23"/>
      <c r="CV944" s="23"/>
      <c r="CW944" s="23"/>
      <c r="CX944" s="23"/>
      <c r="CY944" s="23"/>
      <c r="CZ944" s="23"/>
      <c r="DA944" s="23"/>
      <c r="DB944" s="23"/>
      <c r="DC944" s="23"/>
      <c r="DD944" s="23"/>
      <c r="DE944" s="23"/>
      <c r="DF944" s="23"/>
      <c r="DG944" s="23"/>
      <c r="DH944" s="23"/>
      <c r="DI944" s="23"/>
      <c r="DJ944" s="23"/>
      <c r="DK944" s="23"/>
      <c r="DL944" s="23"/>
      <c r="DM944" s="23"/>
      <c r="DN944" s="23"/>
      <c r="DO944" s="23"/>
      <c r="DP944" s="23"/>
      <c r="DQ944" s="23"/>
      <c r="DR944" s="23"/>
      <c r="DS944" s="23"/>
      <c r="DT944" s="23"/>
      <c r="DU944" s="23"/>
      <c r="DV944" s="23"/>
      <c r="DW944" s="23"/>
      <c r="DX944" s="23"/>
      <c r="DY944" s="23"/>
      <c r="DZ944" s="23"/>
      <c r="EA944" s="23"/>
      <c r="EB944" s="23"/>
      <c r="EC944" s="23"/>
      <c r="ED944" s="23"/>
      <c r="EE944" s="23"/>
      <c r="EF944" s="23"/>
      <c r="EG944" s="23"/>
      <c r="EH944" s="23"/>
      <c r="EI944" s="23"/>
      <c r="EJ944" s="23"/>
      <c r="EK944" s="23"/>
      <c r="EL944" s="23"/>
      <c r="EM944" s="23"/>
      <c r="EN944" s="23"/>
      <c r="EO944" s="23"/>
      <c r="EP944" s="23"/>
      <c r="EQ944" s="23"/>
      <c r="ER944" s="23"/>
      <c r="ES944" s="23"/>
      <c r="ET944" s="23"/>
      <c r="EU944" s="23"/>
      <c r="EV944" s="23"/>
      <c r="EW944" s="23"/>
      <c r="EX944" s="23"/>
      <c r="EY944" s="23"/>
      <c r="EZ944" s="23"/>
      <c r="FA944" s="23"/>
      <c r="FB944" s="23"/>
      <c r="FC944" s="23"/>
      <c r="FD944" s="23"/>
      <c r="FE944" s="23"/>
      <c r="FF944" s="23"/>
      <c r="FG944" s="23"/>
      <c r="FH944" s="23"/>
      <c r="FI944" s="23"/>
      <c r="FJ944" s="23"/>
      <c r="FK944" s="23"/>
      <c r="FL944" s="23"/>
      <c r="FM944" s="23"/>
      <c r="FN944" s="23"/>
      <c r="FO944" s="23"/>
      <c r="FP944" s="23"/>
      <c r="FQ944" s="23"/>
      <c r="FR944" s="23"/>
      <c r="FS944" s="23"/>
      <c r="FT944" s="23"/>
      <c r="FU944" s="23"/>
      <c r="FV944" s="23"/>
      <c r="FW944" s="23"/>
      <c r="FX944" s="23"/>
      <c r="FY944" s="23"/>
      <c r="FZ944" s="23"/>
      <c r="GA944" s="23"/>
      <c r="GB944" s="23"/>
      <c r="GC944" s="23"/>
      <c r="GD944" s="23"/>
      <c r="GE944" s="23"/>
      <c r="GF944" s="23"/>
      <c r="GG944" s="23"/>
      <c r="GH944" s="23"/>
      <c r="GI944" s="23"/>
      <c r="GJ944" s="23"/>
      <c r="GK944" s="23"/>
      <c r="GL944" s="23"/>
      <c r="GM944" s="23"/>
      <c r="GN944" s="23"/>
      <c r="GO944" s="23"/>
      <c r="GP944" s="23"/>
      <c r="GQ944" s="23"/>
      <c r="GR944" s="23"/>
      <c r="GS944" s="23"/>
      <c r="GT944" s="23"/>
      <c r="GU944" s="23"/>
      <c r="GV944" s="23"/>
      <c r="GW944" s="23"/>
      <c r="GX944" s="23"/>
      <c r="GY944" s="23"/>
      <c r="GZ944" s="23"/>
      <c r="HA944" s="23"/>
      <c r="HB944" s="23"/>
      <c r="HC944" s="23"/>
      <c r="HD944" s="23"/>
      <c r="HE944" s="23"/>
      <c r="HF944" s="23"/>
      <c r="HG944" s="23"/>
      <c r="HH944" s="23"/>
      <c r="HI944" s="23"/>
      <c r="HJ944" s="23"/>
      <c r="HK944" s="23"/>
      <c r="HL944" s="23"/>
      <c r="HM944" s="23"/>
      <c r="HN944" s="23"/>
      <c r="HO944" s="23"/>
      <c r="HP944" s="23"/>
      <c r="HQ944" s="23"/>
      <c r="HR944" s="23"/>
      <c r="HS944" s="23"/>
      <c r="HT944" s="23"/>
      <c r="HU944" s="23"/>
      <c r="HV944" s="23"/>
      <c r="HW944" s="23"/>
      <c r="HX944" s="23"/>
      <c r="HY944" s="23"/>
      <c r="HZ944" s="23"/>
      <c r="IA944" s="23"/>
      <c r="IB944" s="23"/>
      <c r="IC944" s="23"/>
      <c r="ID944" s="23"/>
      <c r="IE944" s="23"/>
      <c r="IF944" s="23"/>
      <c r="IG944" s="23"/>
      <c r="IH944" s="23"/>
      <c r="II944" s="23"/>
      <c r="IJ944" s="23"/>
      <c r="IK944" s="23"/>
      <c r="IL944" s="23"/>
      <c r="IM944" s="23"/>
      <c r="IN944" s="23"/>
      <c r="IO944" s="23"/>
      <c r="IP944" s="23"/>
      <c r="IQ944" s="23"/>
    </row>
    <row r="945" spans="1:251" s="50" customFormat="1" ht="18.75" customHeight="1" thickTop="1" thickBot="1">
      <c r="A945" s="38"/>
      <c r="B945" s="164" t="s">
        <v>105</v>
      </c>
      <c r="C945" s="191"/>
      <c r="D945" s="191"/>
      <c r="E945" s="191"/>
      <c r="F945" s="191"/>
      <c r="G945" s="191"/>
      <c r="H945" s="191"/>
      <c r="I945" s="191"/>
      <c r="J945" s="191"/>
      <c r="K945" s="191"/>
      <c r="L945" s="191"/>
      <c r="M945" s="191"/>
      <c r="N945" s="191"/>
      <c r="O945" s="191"/>
      <c r="P945" s="191"/>
      <c r="Q945" s="191"/>
      <c r="R945" s="191"/>
      <c r="S945" s="191"/>
      <c r="T945" s="191"/>
      <c r="U945" s="191"/>
      <c r="V945" s="191"/>
      <c r="W945" s="191"/>
      <c r="X945" s="191"/>
      <c r="Y945" s="191"/>
      <c r="Z945" s="192"/>
      <c r="AA945" s="167">
        <f>SUM(AA937:AA944)</f>
        <v>331442</v>
      </c>
      <c r="AB945" s="215"/>
      <c r="AC945" s="215"/>
      <c r="AD945" s="215"/>
      <c r="AE945" s="215"/>
      <c r="AF945" s="215"/>
      <c r="AG945" s="215"/>
      <c r="AH945" s="215"/>
      <c r="AI945" s="216"/>
      <c r="AJ945" s="167">
        <f>SUM(AJ937:AJ944)</f>
        <v>125668</v>
      </c>
      <c r="AK945" s="215"/>
      <c r="AL945" s="215"/>
      <c r="AM945" s="215"/>
      <c r="AN945" s="215"/>
      <c r="AO945" s="215"/>
      <c r="AP945" s="215"/>
      <c r="AQ945" s="215"/>
      <c r="AR945" s="216"/>
      <c r="AS945" s="167"/>
      <c r="AT945" s="215"/>
      <c r="AU945" s="215"/>
      <c r="AV945" s="215"/>
      <c r="AW945" s="215"/>
      <c r="AX945" s="217"/>
      <c r="AY945" s="23"/>
      <c r="AZ945" s="23"/>
      <c r="BA945" s="23"/>
      <c r="BB945" s="23"/>
      <c r="BC945" s="23"/>
      <c r="BD945" s="23"/>
      <c r="BE945" s="23"/>
      <c r="BF945" s="23"/>
      <c r="BG945" s="23"/>
      <c r="BH945" s="23"/>
      <c r="BI945" s="23"/>
      <c r="BJ945" s="23"/>
      <c r="BK945" s="23"/>
      <c r="BL945" s="23"/>
      <c r="BM945" s="23"/>
      <c r="BN945" s="23"/>
      <c r="BO945" s="23"/>
      <c r="BP945" s="23"/>
      <c r="BQ945" s="23"/>
      <c r="BR945" s="23"/>
      <c r="BS945" s="23"/>
      <c r="BT945" s="23"/>
      <c r="BU945" s="23"/>
      <c r="BV945" s="23"/>
      <c r="BW945" s="23"/>
      <c r="BX945" s="23"/>
      <c r="BY945" s="23"/>
      <c r="BZ945" s="23"/>
      <c r="CA945" s="23"/>
      <c r="CB945" s="23"/>
      <c r="CC945" s="23"/>
      <c r="CD945" s="23"/>
      <c r="CE945" s="23"/>
      <c r="CF945" s="23"/>
      <c r="CG945" s="23"/>
      <c r="CH945" s="23"/>
      <c r="CI945" s="23"/>
      <c r="CJ945" s="23"/>
      <c r="CK945" s="23"/>
      <c r="CL945" s="23"/>
      <c r="CM945" s="23"/>
      <c r="CN945" s="23"/>
      <c r="CO945" s="23"/>
      <c r="CP945" s="23"/>
      <c r="CQ945" s="23"/>
      <c r="CR945" s="23"/>
      <c r="CS945" s="23"/>
      <c r="CT945" s="23"/>
      <c r="CU945" s="23"/>
      <c r="CV945" s="23"/>
      <c r="CW945" s="23"/>
      <c r="CX945" s="23"/>
      <c r="CY945" s="23"/>
      <c r="CZ945" s="23"/>
      <c r="DA945" s="23"/>
      <c r="DB945" s="23"/>
      <c r="DC945" s="23"/>
      <c r="DD945" s="23"/>
      <c r="DE945" s="23"/>
      <c r="DF945" s="23"/>
      <c r="DG945" s="23"/>
      <c r="DH945" s="23"/>
      <c r="DI945" s="23"/>
      <c r="DJ945" s="23"/>
      <c r="DK945" s="23"/>
      <c r="DL945" s="23"/>
      <c r="DM945" s="23"/>
      <c r="DN945" s="23"/>
      <c r="DO945" s="23"/>
      <c r="DP945" s="23"/>
      <c r="DQ945" s="23"/>
      <c r="DR945" s="23"/>
      <c r="DS945" s="23"/>
      <c r="DT945" s="23"/>
      <c r="DU945" s="23"/>
      <c r="DV945" s="23"/>
      <c r="DW945" s="23"/>
      <c r="DX945" s="23"/>
      <c r="DY945" s="23"/>
      <c r="DZ945" s="23"/>
      <c r="EA945" s="23"/>
      <c r="EB945" s="23"/>
      <c r="EC945" s="23"/>
      <c r="ED945" s="23"/>
      <c r="EE945" s="23"/>
      <c r="EF945" s="23"/>
      <c r="EG945" s="23"/>
      <c r="EH945" s="23"/>
      <c r="EI945" s="23"/>
      <c r="EJ945" s="23"/>
      <c r="EK945" s="23"/>
      <c r="EL945" s="23"/>
      <c r="EM945" s="23"/>
      <c r="EN945" s="23"/>
      <c r="EO945" s="23"/>
      <c r="EP945" s="23"/>
      <c r="EQ945" s="23"/>
      <c r="ER945" s="23"/>
      <c r="ES945" s="23"/>
      <c r="ET945" s="23"/>
      <c r="EU945" s="23"/>
      <c r="EV945" s="23"/>
      <c r="EW945" s="23"/>
      <c r="EX945" s="23"/>
      <c r="EY945" s="23"/>
      <c r="EZ945" s="23"/>
      <c r="FA945" s="23"/>
      <c r="FB945" s="23"/>
      <c r="FC945" s="23"/>
      <c r="FD945" s="23"/>
      <c r="FE945" s="23"/>
      <c r="FF945" s="23"/>
      <c r="FG945" s="23"/>
      <c r="FH945" s="23"/>
      <c r="FI945" s="23"/>
      <c r="FJ945" s="23"/>
      <c r="FK945" s="23"/>
      <c r="FL945" s="23"/>
      <c r="FM945" s="23"/>
      <c r="FN945" s="23"/>
      <c r="FO945" s="23"/>
      <c r="FP945" s="23"/>
      <c r="FQ945" s="23"/>
      <c r="FR945" s="23"/>
      <c r="FS945" s="23"/>
      <c r="FT945" s="23"/>
      <c r="FU945" s="23"/>
      <c r="FV945" s="23"/>
      <c r="FW945" s="23"/>
      <c r="FX945" s="23"/>
      <c r="FY945" s="23"/>
      <c r="FZ945" s="23"/>
      <c r="GA945" s="23"/>
      <c r="GB945" s="23"/>
      <c r="GC945" s="23"/>
      <c r="GD945" s="23"/>
      <c r="GE945" s="23"/>
      <c r="GF945" s="23"/>
      <c r="GG945" s="23"/>
      <c r="GH945" s="23"/>
      <c r="GI945" s="23"/>
      <c r="GJ945" s="23"/>
      <c r="GK945" s="23"/>
      <c r="GL945" s="23"/>
      <c r="GM945" s="23"/>
      <c r="GN945" s="23"/>
      <c r="GO945" s="23"/>
      <c r="GP945" s="23"/>
      <c r="GQ945" s="23"/>
      <c r="GR945" s="23"/>
      <c r="GS945" s="23"/>
      <c r="GT945" s="23"/>
      <c r="GU945" s="23"/>
      <c r="GV945" s="23"/>
      <c r="GW945" s="23"/>
      <c r="GX945" s="23"/>
      <c r="GY945" s="23"/>
      <c r="GZ945" s="23"/>
      <c r="HA945" s="23"/>
      <c r="HB945" s="23"/>
      <c r="HC945" s="23"/>
      <c r="HD945" s="23"/>
      <c r="HE945" s="23"/>
      <c r="HF945" s="23"/>
      <c r="HG945" s="23"/>
      <c r="HH945" s="23"/>
      <c r="HI945" s="23"/>
      <c r="HJ945" s="23"/>
      <c r="HK945" s="23"/>
      <c r="HL945" s="23"/>
      <c r="HM945" s="23"/>
      <c r="HN945" s="23"/>
      <c r="HO945" s="23"/>
      <c r="HP945" s="23"/>
      <c r="HQ945" s="23"/>
      <c r="HR945" s="23"/>
      <c r="HS945" s="23"/>
      <c r="HT945" s="23"/>
      <c r="HU945" s="23"/>
      <c r="HV945" s="23"/>
      <c r="HW945" s="23"/>
      <c r="HX945" s="23"/>
      <c r="HY945" s="23"/>
      <c r="HZ945" s="23"/>
      <c r="IA945" s="23"/>
      <c r="IB945" s="23"/>
      <c r="IC945" s="23"/>
      <c r="ID945" s="23"/>
      <c r="IE945" s="23"/>
      <c r="IF945" s="23"/>
      <c r="IG945" s="23"/>
      <c r="IH945" s="23"/>
      <c r="II945" s="23"/>
      <c r="IJ945" s="23"/>
      <c r="IK945" s="23"/>
      <c r="IL945" s="23"/>
      <c r="IM945" s="23"/>
      <c r="IN945" s="23"/>
      <c r="IO945" s="23"/>
      <c r="IP945" s="23"/>
      <c r="IQ945" s="23"/>
    </row>
    <row r="947" spans="1:251" s="23" customFormat="1" ht="19.2">
      <c r="A947" s="22" t="s">
        <v>86</v>
      </c>
      <c r="AW947" s="24"/>
      <c r="AX947" s="25"/>
      <c r="AY947" s="24"/>
    </row>
    <row r="948" spans="1:251" s="23" customFormat="1" ht="13.2"/>
    <row r="949" spans="1:251" s="23" customFormat="1">
      <c r="A949" s="26"/>
      <c r="B949" s="115" t="s">
        <v>87</v>
      </c>
      <c r="C949" s="153"/>
      <c r="D949" s="153"/>
      <c r="E949" s="153"/>
      <c r="F949" s="153"/>
      <c r="G949" s="153"/>
      <c r="H949" s="153"/>
      <c r="I949" s="153"/>
      <c r="J949" s="153"/>
      <c r="K949" s="153"/>
      <c r="L949" s="153"/>
      <c r="M949" s="153"/>
      <c r="N949" s="153"/>
      <c r="O949" s="153"/>
      <c r="P949" s="153"/>
      <c r="Q949" s="153"/>
      <c r="R949" s="153"/>
      <c r="S949" s="153"/>
      <c r="T949" s="153"/>
      <c r="U949" s="153"/>
      <c r="V949" s="153"/>
      <c r="W949" s="153"/>
      <c r="X949" s="153"/>
      <c r="Y949" s="153"/>
      <c r="Z949" s="153"/>
      <c r="AA949" s="153"/>
      <c r="AB949" s="153"/>
      <c r="AC949" s="153"/>
      <c r="AD949" s="153"/>
      <c r="AE949" s="153"/>
      <c r="AF949" s="153"/>
      <c r="AG949" s="153"/>
      <c r="AH949" s="153"/>
      <c r="AI949" s="153"/>
      <c r="AJ949" s="153"/>
      <c r="AK949" s="153"/>
      <c r="AL949" s="153"/>
      <c r="AM949" s="153"/>
      <c r="AN949" s="153"/>
      <c r="AO949" s="153"/>
      <c r="AP949" s="153"/>
      <c r="AQ949" s="153"/>
      <c r="AR949" s="153"/>
      <c r="AS949" s="153"/>
      <c r="AT949" s="153"/>
      <c r="AU949" s="153"/>
      <c r="AV949" s="153"/>
      <c r="AW949" s="153"/>
      <c r="AX949" s="153"/>
      <c r="AY949" s="26"/>
    </row>
    <row r="950" spans="1:251" s="23" customFormat="1" ht="13.2">
      <c r="Z950" s="27"/>
      <c r="AD950" s="27"/>
      <c r="AE950" s="27"/>
      <c r="AF950" s="27"/>
      <c r="AG950" s="27"/>
      <c r="AH950" s="27"/>
      <c r="AI950" s="27"/>
      <c r="AO950" s="27"/>
    </row>
    <row r="951" spans="1:251" s="23" customFormat="1" ht="13.8" thickBot="1">
      <c r="Z951" s="27"/>
      <c r="AD951" s="27"/>
      <c r="AE951" s="27"/>
      <c r="AF951" s="27"/>
      <c r="AG951" s="27"/>
      <c r="AH951" s="27"/>
      <c r="AI951" s="27"/>
      <c r="AO951" s="27"/>
      <c r="DI951" s="28"/>
    </row>
    <row r="952" spans="1:251" s="23" customFormat="1" ht="24.6" customHeight="1" thickBot="1">
      <c r="A952" s="116" t="s">
        <v>88</v>
      </c>
      <c r="B952" s="117"/>
      <c r="C952" s="117"/>
      <c r="D952" s="117"/>
      <c r="E952" s="117"/>
      <c r="F952" s="117"/>
      <c r="G952" s="117"/>
      <c r="H952" s="117"/>
      <c r="I952" s="117"/>
      <c r="J952" s="117"/>
      <c r="K952" s="118"/>
      <c r="L952" s="154">
        <v>28</v>
      </c>
      <c r="M952" s="154"/>
      <c r="N952" s="154"/>
      <c r="O952" s="155"/>
      <c r="P952" s="122" t="s">
        <v>89</v>
      </c>
      <c r="Q952" s="120"/>
      <c r="R952" s="120"/>
      <c r="S952" s="120"/>
      <c r="T952" s="120"/>
      <c r="U952" s="123"/>
      <c r="V952" s="156" t="s">
        <v>186</v>
      </c>
      <c r="W952" s="156"/>
      <c r="X952" s="156"/>
      <c r="Y952" s="156"/>
      <c r="Z952" s="156"/>
      <c r="AA952" s="156"/>
      <c r="AB952" s="156"/>
      <c r="AC952" s="156"/>
      <c r="AD952" s="156"/>
      <c r="AE952" s="156"/>
      <c r="AF952" s="156"/>
      <c r="AG952" s="156"/>
      <c r="AH952" s="156"/>
      <c r="AI952" s="156"/>
      <c r="AJ952" s="156"/>
      <c r="AK952" s="156"/>
      <c r="AL952" s="156"/>
      <c r="AM952" s="156"/>
      <c r="AN952" s="156"/>
      <c r="AO952" s="156"/>
      <c r="AP952" s="156"/>
      <c r="AQ952" s="156"/>
      <c r="AR952" s="156"/>
      <c r="AS952" s="156"/>
      <c r="AT952" s="156"/>
      <c r="AU952" s="156"/>
      <c r="AV952" s="156"/>
      <c r="AW952" s="156"/>
      <c r="AX952" s="157"/>
      <c r="DI952" s="28"/>
    </row>
    <row r="953" spans="1:251" s="23" customFormat="1" ht="14.4">
      <c r="A953" s="29"/>
      <c r="B953" s="29"/>
      <c r="C953" s="29"/>
      <c r="D953" s="29"/>
      <c r="E953" s="29"/>
      <c r="F953" s="29"/>
      <c r="G953" s="29"/>
      <c r="H953" s="29"/>
      <c r="I953" s="29"/>
      <c r="J953" s="29"/>
      <c r="K953" s="29"/>
      <c r="L953" s="30"/>
      <c r="M953" s="30"/>
      <c r="N953" s="30"/>
      <c r="O953" s="30"/>
      <c r="P953" s="29"/>
      <c r="Q953" s="29"/>
      <c r="R953" s="29"/>
      <c r="S953" s="29"/>
      <c r="T953" s="29"/>
      <c r="U953" s="29"/>
      <c r="V953" s="31"/>
      <c r="W953" s="31"/>
      <c r="X953" s="31"/>
      <c r="Y953" s="31"/>
      <c r="Z953" s="31"/>
      <c r="AA953" s="31"/>
      <c r="AB953" s="31"/>
      <c r="AC953" s="31"/>
      <c r="AD953" s="31"/>
      <c r="AE953" s="31"/>
      <c r="AF953" s="31"/>
      <c r="AG953" s="31"/>
      <c r="AH953" s="31"/>
      <c r="AI953" s="31"/>
      <c r="AJ953" s="31"/>
      <c r="AK953" s="31"/>
      <c r="AL953" s="31"/>
      <c r="AM953" s="31"/>
      <c r="AN953" s="31"/>
      <c r="AO953" s="31"/>
      <c r="AP953" s="31"/>
      <c r="AQ953" s="31"/>
      <c r="AR953" s="31"/>
      <c r="AS953" s="31"/>
      <c r="AT953" s="31"/>
      <c r="AU953" s="31"/>
      <c r="AV953" s="31"/>
      <c r="AW953" s="31"/>
      <c r="AX953" s="31"/>
      <c r="DI953" s="28"/>
    </row>
    <row r="954" spans="1:251" s="23" customFormat="1" ht="15" thickBot="1">
      <c r="A954" s="32"/>
      <c r="B954" s="33" t="s">
        <v>91</v>
      </c>
      <c r="C954" s="34"/>
      <c r="D954" s="34"/>
      <c r="E954" s="34"/>
      <c r="F954" s="34"/>
      <c r="G954" s="34"/>
      <c r="H954" s="34"/>
      <c r="I954" s="34"/>
      <c r="J954" s="34"/>
      <c r="K954" s="34"/>
      <c r="L954" s="35"/>
      <c r="M954" s="35"/>
      <c r="N954" s="35"/>
      <c r="O954" s="35"/>
      <c r="P954" s="34"/>
      <c r="Q954" s="34"/>
      <c r="R954" s="34"/>
      <c r="S954" s="34"/>
      <c r="T954" s="34"/>
      <c r="U954" s="34"/>
      <c r="V954" s="33"/>
      <c r="W954" s="33"/>
      <c r="X954" s="33"/>
      <c r="Y954" s="33"/>
      <c r="Z954" s="33"/>
      <c r="AA954" s="33"/>
      <c r="AB954" s="33"/>
      <c r="AC954" s="33"/>
      <c r="AD954" s="33"/>
      <c r="AE954" s="33"/>
      <c r="AF954" s="33"/>
      <c r="AG954" s="33"/>
      <c r="AH954" s="33"/>
      <c r="AI954" s="33"/>
      <c r="AJ954" s="33"/>
      <c r="AK954" s="33"/>
      <c r="AL954" s="33"/>
      <c r="AM954" s="33"/>
      <c r="AN954" s="33"/>
      <c r="AO954" s="33"/>
      <c r="AP954" s="33"/>
      <c r="AQ954" s="33"/>
      <c r="AR954" s="33"/>
      <c r="AS954" s="33"/>
      <c r="AT954" s="33"/>
      <c r="AU954" s="33"/>
      <c r="AV954" s="33"/>
      <c r="AW954" s="33"/>
      <c r="AX954" s="33"/>
      <c r="DI954" s="28"/>
    </row>
    <row r="955" spans="1:251" s="23" customFormat="1" ht="14.4">
      <c r="A955" s="34"/>
      <c r="B955" s="36"/>
      <c r="C955" s="29"/>
      <c r="D955" s="29"/>
      <c r="E955" s="29"/>
      <c r="F955" s="29"/>
      <c r="G955" s="29"/>
      <c r="H955" s="29"/>
      <c r="I955" s="29"/>
      <c r="J955" s="29"/>
      <c r="K955" s="29"/>
      <c r="L955" s="30"/>
      <c r="M955" s="30"/>
      <c r="N955" s="30"/>
      <c r="O955" s="30"/>
      <c r="P955" s="29"/>
      <c r="Q955" s="29"/>
      <c r="R955" s="29"/>
      <c r="S955" s="29"/>
      <c r="T955" s="29"/>
      <c r="U955" s="29"/>
      <c r="V955" s="31"/>
      <c r="W955" s="31"/>
      <c r="X955" s="31"/>
      <c r="Y955" s="31"/>
      <c r="Z955" s="31"/>
      <c r="AA955" s="31"/>
      <c r="AB955" s="31"/>
      <c r="AC955" s="31"/>
      <c r="AD955" s="31"/>
      <c r="AE955" s="31"/>
      <c r="AF955" s="31"/>
      <c r="AG955" s="31"/>
      <c r="AH955" s="31"/>
      <c r="AI955" s="31"/>
      <c r="AJ955" s="31"/>
      <c r="AK955" s="31"/>
      <c r="AL955" s="31"/>
      <c r="AM955" s="31"/>
      <c r="AN955" s="31"/>
      <c r="AO955" s="31"/>
      <c r="AP955" s="31"/>
      <c r="AQ955" s="31"/>
      <c r="AR955" s="31"/>
      <c r="AS955" s="31"/>
      <c r="AT955" s="31"/>
      <c r="AU955" s="31"/>
      <c r="AV955" s="31"/>
      <c r="AW955" s="31"/>
      <c r="AX955" s="37"/>
    </row>
    <row r="956" spans="1:251" s="23" customFormat="1" ht="10.8" customHeight="1">
      <c r="A956" s="34"/>
      <c r="B956" s="127" t="s">
        <v>187</v>
      </c>
      <c r="C956" s="128"/>
      <c r="D956" s="128"/>
      <c r="E956" s="128"/>
      <c r="F956" s="128"/>
      <c r="G956" s="128"/>
      <c r="H956" s="128"/>
      <c r="I956" s="128"/>
      <c r="J956" s="128"/>
      <c r="K956" s="128"/>
      <c r="L956" s="128"/>
      <c r="M956" s="128"/>
      <c r="N956" s="128"/>
      <c r="O956" s="128"/>
      <c r="P956" s="128"/>
      <c r="Q956" s="128"/>
      <c r="R956" s="128"/>
      <c r="S956" s="128"/>
      <c r="T956" s="128"/>
      <c r="U956" s="128"/>
      <c r="V956" s="128"/>
      <c r="W956" s="128"/>
      <c r="X956" s="128"/>
      <c r="Y956" s="128"/>
      <c r="Z956" s="128"/>
      <c r="AA956" s="128"/>
      <c r="AB956" s="128"/>
      <c r="AC956" s="128"/>
      <c r="AD956" s="128"/>
      <c r="AE956" s="128"/>
      <c r="AF956" s="128"/>
      <c r="AG956" s="128"/>
      <c r="AH956" s="128"/>
      <c r="AI956" s="128"/>
      <c r="AJ956" s="128"/>
      <c r="AK956" s="128"/>
      <c r="AL956" s="128"/>
      <c r="AM956" s="128"/>
      <c r="AN956" s="128"/>
      <c r="AO956" s="128"/>
      <c r="AP956" s="128"/>
      <c r="AQ956" s="128"/>
      <c r="AR956" s="128"/>
      <c r="AS956" s="128"/>
      <c r="AT956" s="128"/>
      <c r="AU956" s="128"/>
      <c r="AV956" s="128"/>
      <c r="AW956" s="128"/>
      <c r="AX956" s="129"/>
    </row>
    <row r="957" spans="1:251" s="23" customFormat="1" ht="10.8" customHeight="1">
      <c r="A957" s="34"/>
      <c r="B957" s="127"/>
      <c r="C957" s="128"/>
      <c r="D957" s="128"/>
      <c r="E957" s="128"/>
      <c r="F957" s="128"/>
      <c r="G957" s="128"/>
      <c r="H957" s="128"/>
      <c r="I957" s="128"/>
      <c r="J957" s="128"/>
      <c r="K957" s="128"/>
      <c r="L957" s="128"/>
      <c r="M957" s="128"/>
      <c r="N957" s="128"/>
      <c r="O957" s="128"/>
      <c r="P957" s="128"/>
      <c r="Q957" s="128"/>
      <c r="R957" s="128"/>
      <c r="S957" s="128"/>
      <c r="T957" s="128"/>
      <c r="U957" s="128"/>
      <c r="V957" s="128"/>
      <c r="W957" s="128"/>
      <c r="X957" s="128"/>
      <c r="Y957" s="128"/>
      <c r="Z957" s="128"/>
      <c r="AA957" s="128"/>
      <c r="AB957" s="128"/>
      <c r="AC957" s="128"/>
      <c r="AD957" s="128"/>
      <c r="AE957" s="128"/>
      <c r="AF957" s="128"/>
      <c r="AG957" s="128"/>
      <c r="AH957" s="128"/>
      <c r="AI957" s="128"/>
      <c r="AJ957" s="128"/>
      <c r="AK957" s="128"/>
      <c r="AL957" s="128"/>
      <c r="AM957" s="128"/>
      <c r="AN957" s="128"/>
      <c r="AO957" s="128"/>
      <c r="AP957" s="128"/>
      <c r="AQ957" s="128"/>
      <c r="AR957" s="128"/>
      <c r="AS957" s="128"/>
      <c r="AT957" s="128"/>
      <c r="AU957" s="128"/>
      <c r="AV957" s="128"/>
      <c r="AW957" s="128"/>
      <c r="AX957" s="129"/>
      <c r="BC957" s="17"/>
    </row>
    <row r="958" spans="1:251" s="23" customFormat="1" ht="10.8" customHeight="1">
      <c r="A958" s="34"/>
      <c r="B958" s="127"/>
      <c r="C958" s="128"/>
      <c r="D958" s="128"/>
      <c r="E958" s="128"/>
      <c r="F958" s="128"/>
      <c r="G958" s="128"/>
      <c r="H958" s="128"/>
      <c r="I958" s="128"/>
      <c r="J958" s="128"/>
      <c r="K958" s="128"/>
      <c r="L958" s="128"/>
      <c r="M958" s="128"/>
      <c r="N958" s="128"/>
      <c r="O958" s="128"/>
      <c r="P958" s="128"/>
      <c r="Q958" s="128"/>
      <c r="R958" s="128"/>
      <c r="S958" s="128"/>
      <c r="T958" s="128"/>
      <c r="U958" s="128"/>
      <c r="V958" s="128"/>
      <c r="W958" s="128"/>
      <c r="X958" s="128"/>
      <c r="Y958" s="128"/>
      <c r="Z958" s="128"/>
      <c r="AA958" s="128"/>
      <c r="AB958" s="128"/>
      <c r="AC958" s="128"/>
      <c r="AD958" s="128"/>
      <c r="AE958" s="128"/>
      <c r="AF958" s="128"/>
      <c r="AG958" s="128"/>
      <c r="AH958" s="128"/>
      <c r="AI958" s="128"/>
      <c r="AJ958" s="128"/>
      <c r="AK958" s="128"/>
      <c r="AL958" s="128"/>
      <c r="AM958" s="128"/>
      <c r="AN958" s="128"/>
      <c r="AO958" s="128"/>
      <c r="AP958" s="128"/>
      <c r="AQ958" s="128"/>
      <c r="AR958" s="128"/>
      <c r="AS958" s="128"/>
      <c r="AT958" s="128"/>
      <c r="AU958" s="128"/>
      <c r="AV958" s="128"/>
      <c r="AW958" s="128"/>
      <c r="AX958" s="129"/>
    </row>
    <row r="959" spans="1:251" s="23" customFormat="1" ht="10.8" customHeight="1">
      <c r="A959" s="34"/>
      <c r="B959" s="127"/>
      <c r="C959" s="128"/>
      <c r="D959" s="128"/>
      <c r="E959" s="128"/>
      <c r="F959" s="128"/>
      <c r="G959" s="128"/>
      <c r="H959" s="128"/>
      <c r="I959" s="128"/>
      <c r="J959" s="128"/>
      <c r="K959" s="128"/>
      <c r="L959" s="128"/>
      <c r="M959" s="128"/>
      <c r="N959" s="128"/>
      <c r="O959" s="128"/>
      <c r="P959" s="128"/>
      <c r="Q959" s="128"/>
      <c r="R959" s="128"/>
      <c r="S959" s="128"/>
      <c r="T959" s="128"/>
      <c r="U959" s="128"/>
      <c r="V959" s="128"/>
      <c r="W959" s="128"/>
      <c r="X959" s="128"/>
      <c r="Y959" s="128"/>
      <c r="Z959" s="128"/>
      <c r="AA959" s="128"/>
      <c r="AB959" s="128"/>
      <c r="AC959" s="128"/>
      <c r="AD959" s="128"/>
      <c r="AE959" s="128"/>
      <c r="AF959" s="128"/>
      <c r="AG959" s="128"/>
      <c r="AH959" s="128"/>
      <c r="AI959" s="128"/>
      <c r="AJ959" s="128"/>
      <c r="AK959" s="128"/>
      <c r="AL959" s="128"/>
      <c r="AM959" s="128"/>
      <c r="AN959" s="128"/>
      <c r="AO959" s="128"/>
      <c r="AP959" s="128"/>
      <c r="AQ959" s="128"/>
      <c r="AR959" s="128"/>
      <c r="AS959" s="128"/>
      <c r="AT959" s="128"/>
      <c r="AU959" s="128"/>
      <c r="AV959" s="128"/>
      <c r="AW959" s="128"/>
      <c r="AX959" s="129"/>
    </row>
    <row r="960" spans="1:251" s="23" customFormat="1" ht="10.8" customHeight="1">
      <c r="A960" s="34"/>
      <c r="B960" s="127"/>
      <c r="C960" s="128"/>
      <c r="D960" s="128"/>
      <c r="E960" s="128"/>
      <c r="F960" s="128"/>
      <c r="G960" s="128"/>
      <c r="H960" s="128"/>
      <c r="I960" s="128"/>
      <c r="J960" s="128"/>
      <c r="K960" s="128"/>
      <c r="L960" s="128"/>
      <c r="M960" s="128"/>
      <c r="N960" s="128"/>
      <c r="O960" s="128"/>
      <c r="P960" s="128"/>
      <c r="Q960" s="128"/>
      <c r="R960" s="128"/>
      <c r="S960" s="128"/>
      <c r="T960" s="128"/>
      <c r="U960" s="128"/>
      <c r="V960" s="128"/>
      <c r="W960" s="128"/>
      <c r="X960" s="128"/>
      <c r="Y960" s="128"/>
      <c r="Z960" s="128"/>
      <c r="AA960" s="128"/>
      <c r="AB960" s="128"/>
      <c r="AC960" s="128"/>
      <c r="AD960" s="128"/>
      <c r="AE960" s="128"/>
      <c r="AF960" s="128"/>
      <c r="AG960" s="128"/>
      <c r="AH960" s="128"/>
      <c r="AI960" s="128"/>
      <c r="AJ960" s="128"/>
      <c r="AK960" s="128"/>
      <c r="AL960" s="128"/>
      <c r="AM960" s="128"/>
      <c r="AN960" s="128"/>
      <c r="AO960" s="128"/>
      <c r="AP960" s="128"/>
      <c r="AQ960" s="128"/>
      <c r="AR960" s="128"/>
      <c r="AS960" s="128"/>
      <c r="AT960" s="128"/>
      <c r="AU960" s="128"/>
      <c r="AV960" s="128"/>
      <c r="AW960" s="128"/>
      <c r="AX960" s="129"/>
    </row>
    <row r="961" spans="1:251" s="23" customFormat="1" ht="10.8" customHeight="1">
      <c r="A961" s="34"/>
      <c r="B961" s="127"/>
      <c r="C961" s="128"/>
      <c r="D961" s="128"/>
      <c r="E961" s="128"/>
      <c r="F961" s="128"/>
      <c r="G961" s="128"/>
      <c r="H961" s="128"/>
      <c r="I961" s="128"/>
      <c r="J961" s="128"/>
      <c r="K961" s="128"/>
      <c r="L961" s="128"/>
      <c r="M961" s="128"/>
      <c r="N961" s="128"/>
      <c r="O961" s="128"/>
      <c r="P961" s="128"/>
      <c r="Q961" s="128"/>
      <c r="R961" s="128"/>
      <c r="S961" s="128"/>
      <c r="T961" s="128"/>
      <c r="U961" s="128"/>
      <c r="V961" s="128"/>
      <c r="W961" s="128"/>
      <c r="X961" s="128"/>
      <c r="Y961" s="128"/>
      <c r="Z961" s="128"/>
      <c r="AA961" s="128"/>
      <c r="AB961" s="128"/>
      <c r="AC961" s="128"/>
      <c r="AD961" s="128"/>
      <c r="AE961" s="128"/>
      <c r="AF961" s="128"/>
      <c r="AG961" s="128"/>
      <c r="AH961" s="128"/>
      <c r="AI961" s="128"/>
      <c r="AJ961" s="128"/>
      <c r="AK961" s="128"/>
      <c r="AL961" s="128"/>
      <c r="AM961" s="128"/>
      <c r="AN961" s="128"/>
      <c r="AO961" s="128"/>
      <c r="AP961" s="128"/>
      <c r="AQ961" s="128"/>
      <c r="AR961" s="128"/>
      <c r="AS961" s="128"/>
      <c r="AT961" s="128"/>
      <c r="AU961" s="128"/>
      <c r="AV961" s="128"/>
      <c r="AW961" s="128"/>
      <c r="AX961" s="129"/>
    </row>
    <row r="962" spans="1:251" s="23" customFormat="1" ht="10.8" customHeight="1">
      <c r="A962" s="34"/>
      <c r="B962" s="127"/>
      <c r="C962" s="128"/>
      <c r="D962" s="128"/>
      <c r="E962" s="128"/>
      <c r="F962" s="128"/>
      <c r="G962" s="128"/>
      <c r="H962" s="128"/>
      <c r="I962" s="128"/>
      <c r="J962" s="128"/>
      <c r="K962" s="128"/>
      <c r="L962" s="128"/>
      <c r="M962" s="128"/>
      <c r="N962" s="128"/>
      <c r="O962" s="128"/>
      <c r="P962" s="128"/>
      <c r="Q962" s="128"/>
      <c r="R962" s="128"/>
      <c r="S962" s="128"/>
      <c r="T962" s="128"/>
      <c r="U962" s="128"/>
      <c r="V962" s="128"/>
      <c r="W962" s="128"/>
      <c r="X962" s="128"/>
      <c r="Y962" s="128"/>
      <c r="Z962" s="128"/>
      <c r="AA962" s="128"/>
      <c r="AB962" s="128"/>
      <c r="AC962" s="128"/>
      <c r="AD962" s="128"/>
      <c r="AE962" s="128"/>
      <c r="AF962" s="128"/>
      <c r="AG962" s="128"/>
      <c r="AH962" s="128"/>
      <c r="AI962" s="128"/>
      <c r="AJ962" s="128"/>
      <c r="AK962" s="128"/>
      <c r="AL962" s="128"/>
      <c r="AM962" s="128"/>
      <c r="AN962" s="128"/>
      <c r="AO962" s="128"/>
      <c r="AP962" s="128"/>
      <c r="AQ962" s="128"/>
      <c r="AR962" s="128"/>
      <c r="AS962" s="128"/>
      <c r="AT962" s="128"/>
      <c r="AU962" s="128"/>
      <c r="AV962" s="128"/>
      <c r="AW962" s="128"/>
      <c r="AX962" s="129"/>
    </row>
    <row r="963" spans="1:251" s="23" customFormat="1" ht="10.8" customHeight="1">
      <c r="A963" s="34"/>
      <c r="B963" s="127"/>
      <c r="C963" s="128"/>
      <c r="D963" s="128"/>
      <c r="E963" s="128"/>
      <c r="F963" s="128"/>
      <c r="G963" s="128"/>
      <c r="H963" s="128"/>
      <c r="I963" s="128"/>
      <c r="J963" s="128"/>
      <c r="K963" s="128"/>
      <c r="L963" s="128"/>
      <c r="M963" s="128"/>
      <c r="N963" s="128"/>
      <c r="O963" s="128"/>
      <c r="P963" s="128"/>
      <c r="Q963" s="128"/>
      <c r="R963" s="128"/>
      <c r="S963" s="128"/>
      <c r="T963" s="128"/>
      <c r="U963" s="128"/>
      <c r="V963" s="128"/>
      <c r="W963" s="128"/>
      <c r="X963" s="128"/>
      <c r="Y963" s="128"/>
      <c r="Z963" s="128"/>
      <c r="AA963" s="128"/>
      <c r="AB963" s="128"/>
      <c r="AC963" s="128"/>
      <c r="AD963" s="128"/>
      <c r="AE963" s="128"/>
      <c r="AF963" s="128"/>
      <c r="AG963" s="128"/>
      <c r="AH963" s="128"/>
      <c r="AI963" s="128"/>
      <c r="AJ963" s="128"/>
      <c r="AK963" s="128"/>
      <c r="AL963" s="128"/>
      <c r="AM963" s="128"/>
      <c r="AN963" s="128"/>
      <c r="AO963" s="128"/>
      <c r="AP963" s="128"/>
      <c r="AQ963" s="128"/>
      <c r="AR963" s="128"/>
      <c r="AS963" s="128"/>
      <c r="AT963" s="128"/>
      <c r="AU963" s="128"/>
      <c r="AV963" s="128"/>
      <c r="AW963" s="128"/>
      <c r="AX963" s="129"/>
    </row>
    <row r="964" spans="1:251" s="23" customFormat="1" ht="10.8" customHeight="1">
      <c r="A964" s="34"/>
      <c r="B964" s="127"/>
      <c r="C964" s="128"/>
      <c r="D964" s="128"/>
      <c r="E964" s="128"/>
      <c r="F964" s="128"/>
      <c r="G964" s="128"/>
      <c r="H964" s="128"/>
      <c r="I964" s="128"/>
      <c r="J964" s="128"/>
      <c r="K964" s="128"/>
      <c r="L964" s="128"/>
      <c r="M964" s="128"/>
      <c r="N964" s="128"/>
      <c r="O964" s="128"/>
      <c r="P964" s="128"/>
      <c r="Q964" s="128"/>
      <c r="R964" s="128"/>
      <c r="S964" s="128"/>
      <c r="T964" s="128"/>
      <c r="U964" s="128"/>
      <c r="V964" s="128"/>
      <c r="W964" s="128"/>
      <c r="X964" s="128"/>
      <c r="Y964" s="128"/>
      <c r="Z964" s="128"/>
      <c r="AA964" s="128"/>
      <c r="AB964" s="128"/>
      <c r="AC964" s="128"/>
      <c r="AD964" s="128"/>
      <c r="AE964" s="128"/>
      <c r="AF964" s="128"/>
      <c r="AG964" s="128"/>
      <c r="AH964" s="128"/>
      <c r="AI964" s="128"/>
      <c r="AJ964" s="128"/>
      <c r="AK964" s="128"/>
      <c r="AL964" s="128"/>
      <c r="AM964" s="128"/>
      <c r="AN964" s="128"/>
      <c r="AO964" s="128"/>
      <c r="AP964" s="128"/>
      <c r="AQ964" s="128"/>
      <c r="AR964" s="128"/>
      <c r="AS964" s="128"/>
      <c r="AT964" s="128"/>
      <c r="AU964" s="128"/>
      <c r="AV964" s="128"/>
      <c r="AW964" s="128"/>
      <c r="AX964" s="129"/>
    </row>
    <row r="965" spans="1:251" s="23" customFormat="1" ht="10.8" customHeight="1">
      <c r="A965" s="34"/>
      <c r="B965" s="127"/>
      <c r="C965" s="128"/>
      <c r="D965" s="128"/>
      <c r="E965" s="128"/>
      <c r="F965" s="128"/>
      <c r="G965" s="128"/>
      <c r="H965" s="128"/>
      <c r="I965" s="128"/>
      <c r="J965" s="128"/>
      <c r="K965" s="128"/>
      <c r="L965" s="128"/>
      <c r="M965" s="128"/>
      <c r="N965" s="128"/>
      <c r="O965" s="128"/>
      <c r="P965" s="128"/>
      <c r="Q965" s="128"/>
      <c r="R965" s="128"/>
      <c r="S965" s="128"/>
      <c r="T965" s="128"/>
      <c r="U965" s="128"/>
      <c r="V965" s="128"/>
      <c r="W965" s="128"/>
      <c r="X965" s="128"/>
      <c r="Y965" s="128"/>
      <c r="Z965" s="128"/>
      <c r="AA965" s="128"/>
      <c r="AB965" s="128"/>
      <c r="AC965" s="128"/>
      <c r="AD965" s="128"/>
      <c r="AE965" s="128"/>
      <c r="AF965" s="128"/>
      <c r="AG965" s="128"/>
      <c r="AH965" s="128"/>
      <c r="AI965" s="128"/>
      <c r="AJ965" s="128"/>
      <c r="AK965" s="128"/>
      <c r="AL965" s="128"/>
      <c r="AM965" s="128"/>
      <c r="AN965" s="128"/>
      <c r="AO965" s="128"/>
      <c r="AP965" s="128"/>
      <c r="AQ965" s="128"/>
      <c r="AR965" s="128"/>
      <c r="AS965" s="128"/>
      <c r="AT965" s="128"/>
      <c r="AU965" s="128"/>
      <c r="AV965" s="128"/>
      <c r="AW965" s="128"/>
      <c r="AX965" s="129"/>
    </row>
    <row r="966" spans="1:251" s="23" customFormat="1" ht="15" thickBot="1">
      <c r="A966" s="38"/>
      <c r="B966" s="39"/>
      <c r="C966" s="40"/>
      <c r="D966" s="40"/>
      <c r="E966" s="40"/>
      <c r="F966" s="40"/>
      <c r="G966" s="40"/>
      <c r="H966" s="40"/>
      <c r="I966" s="40"/>
      <c r="J966" s="40"/>
      <c r="K966" s="40"/>
      <c r="L966" s="40"/>
      <c r="M966" s="40"/>
      <c r="N966" s="40"/>
      <c r="O966" s="40"/>
      <c r="P966" s="40"/>
      <c r="Q966" s="40"/>
      <c r="R966" s="40"/>
      <c r="S966" s="40"/>
      <c r="T966" s="40"/>
      <c r="U966" s="40"/>
      <c r="V966" s="40"/>
      <c r="W966" s="40"/>
      <c r="X966" s="40"/>
      <c r="Y966" s="40"/>
      <c r="Z966" s="40"/>
      <c r="AA966" s="40"/>
      <c r="AB966" s="40"/>
      <c r="AC966" s="40"/>
      <c r="AD966" s="40"/>
      <c r="AE966" s="40"/>
      <c r="AF966" s="40"/>
      <c r="AG966" s="40"/>
      <c r="AH966" s="40"/>
      <c r="AI966" s="40"/>
      <c r="AJ966" s="40"/>
      <c r="AK966" s="40"/>
      <c r="AL966" s="40"/>
      <c r="AM966" s="40"/>
      <c r="AN966" s="40"/>
      <c r="AO966" s="40"/>
      <c r="AP966" s="40"/>
      <c r="AQ966" s="40"/>
      <c r="AR966" s="40"/>
      <c r="AS966" s="40"/>
      <c r="AT966" s="40"/>
      <c r="AU966" s="40"/>
      <c r="AV966" s="40"/>
      <c r="AW966" s="40"/>
      <c r="AX966" s="41"/>
    </row>
    <row r="967" spans="1:251" s="23" customFormat="1" ht="13.2">
      <c r="B967" s="42"/>
    </row>
    <row r="968" spans="1:251" s="23" customFormat="1" ht="14.4">
      <c r="B968" s="33" t="s">
        <v>93</v>
      </c>
      <c r="C968" s="34"/>
      <c r="D968" s="34"/>
      <c r="E968" s="34"/>
      <c r="F968" s="34"/>
      <c r="G968" s="34"/>
      <c r="H968" s="34"/>
      <c r="I968" s="34"/>
      <c r="J968" s="34"/>
      <c r="K968" s="34"/>
      <c r="L968" s="35"/>
      <c r="M968" s="35"/>
      <c r="N968" s="35"/>
      <c r="O968" s="35"/>
      <c r="P968" s="34"/>
      <c r="Q968" s="34"/>
      <c r="R968" s="34"/>
      <c r="S968" s="34"/>
      <c r="T968" s="34"/>
      <c r="U968" s="34"/>
      <c r="V968" s="33"/>
      <c r="W968" s="33"/>
      <c r="X968" s="33"/>
      <c r="Y968" s="33"/>
      <c r="Z968" s="33"/>
      <c r="AA968" s="33"/>
      <c r="AB968" s="33"/>
      <c r="AC968" s="33"/>
      <c r="AD968" s="33"/>
      <c r="AE968" s="33"/>
      <c r="AF968" s="33"/>
      <c r="AG968" s="33"/>
      <c r="AH968" s="33"/>
      <c r="AI968" s="33"/>
      <c r="AJ968" s="33"/>
      <c r="AK968" s="33"/>
      <c r="AL968" s="33"/>
      <c r="AM968" s="33"/>
      <c r="AN968" s="33"/>
      <c r="AO968" s="33"/>
      <c r="AP968" s="33"/>
      <c r="AQ968" s="33"/>
      <c r="AR968" s="33"/>
      <c r="AS968" s="33"/>
      <c r="AT968" s="33"/>
      <c r="AU968" s="33"/>
      <c r="AV968" s="33"/>
      <c r="AW968" s="33"/>
      <c r="AX968" s="33"/>
    </row>
    <row r="969" spans="1:251" s="23" customFormat="1" ht="15" thickBot="1">
      <c r="B969" s="33"/>
      <c r="C969" s="34"/>
      <c r="D969" s="34"/>
      <c r="E969" s="34"/>
      <c r="F969" s="34"/>
      <c r="G969" s="34"/>
      <c r="H969" s="34"/>
      <c r="I969" s="34"/>
      <c r="J969" s="34"/>
      <c r="K969" s="34"/>
      <c r="L969" s="35"/>
      <c r="M969" s="35"/>
      <c r="N969" s="35"/>
      <c r="O969" s="35"/>
      <c r="P969" s="34"/>
      <c r="Q969" s="34"/>
      <c r="R969" s="34"/>
      <c r="S969" s="34"/>
      <c r="T969" s="34"/>
      <c r="U969" s="34"/>
      <c r="V969" s="33"/>
      <c r="W969" s="33"/>
      <c r="X969" s="33"/>
      <c r="Y969" s="33"/>
      <c r="Z969" s="33"/>
      <c r="AA969" s="33"/>
      <c r="AB969" s="33"/>
      <c r="AC969" s="33"/>
      <c r="AD969" s="33"/>
      <c r="AE969" s="33"/>
      <c r="AF969" s="33"/>
      <c r="AG969" s="33"/>
      <c r="AH969" s="33"/>
      <c r="AI969" s="33"/>
      <c r="AJ969" s="33"/>
      <c r="AK969" s="33"/>
      <c r="AL969" s="33"/>
      <c r="AM969" s="33"/>
      <c r="AN969" s="33"/>
      <c r="AO969" s="33"/>
      <c r="AP969" s="33"/>
      <c r="AQ969" s="33"/>
      <c r="AR969" s="33"/>
      <c r="AS969" s="33"/>
      <c r="AT969" s="33"/>
      <c r="AU969" s="33"/>
      <c r="AV969" s="33"/>
      <c r="AW969" s="33"/>
      <c r="AX969" s="43" t="s">
        <v>94</v>
      </c>
    </row>
    <row r="970" spans="1:251" s="50" customFormat="1" ht="13.5" customHeight="1">
      <c r="A970" s="34"/>
      <c r="B970" s="139" t="s">
        <v>95</v>
      </c>
      <c r="C970" s="203"/>
      <c r="D970" s="203"/>
      <c r="E970" s="203"/>
      <c r="F970" s="203"/>
      <c r="G970" s="203"/>
      <c r="H970" s="203"/>
      <c r="I970" s="203"/>
      <c r="J970" s="203"/>
      <c r="K970" s="203"/>
      <c r="L970" s="203"/>
      <c r="M970" s="203"/>
      <c r="N970" s="203"/>
      <c r="O970" s="203"/>
      <c r="P970" s="203"/>
      <c r="Q970" s="203"/>
      <c r="R970" s="203"/>
      <c r="S970" s="203"/>
      <c r="T970" s="203"/>
      <c r="U970" s="203"/>
      <c r="V970" s="203"/>
      <c r="W970" s="203"/>
      <c r="X970" s="203"/>
      <c r="Y970" s="203"/>
      <c r="Z970" s="204"/>
      <c r="AA970" s="145" t="s">
        <v>116</v>
      </c>
      <c r="AB970" s="203"/>
      <c r="AC970" s="203"/>
      <c r="AD970" s="203"/>
      <c r="AE970" s="203"/>
      <c r="AF970" s="203"/>
      <c r="AG970" s="203"/>
      <c r="AH970" s="203"/>
      <c r="AI970" s="204"/>
      <c r="AJ970" s="145" t="s">
        <v>117</v>
      </c>
      <c r="AK970" s="203"/>
      <c r="AL970" s="203"/>
      <c r="AM970" s="203"/>
      <c r="AN970" s="203"/>
      <c r="AO970" s="203"/>
      <c r="AP970" s="203"/>
      <c r="AQ970" s="203"/>
      <c r="AR970" s="204"/>
      <c r="AS970" s="145" t="s">
        <v>98</v>
      </c>
      <c r="AT970" s="203"/>
      <c r="AU970" s="203"/>
      <c r="AV970" s="203"/>
      <c r="AW970" s="203"/>
      <c r="AX970" s="209"/>
      <c r="AY970" s="23"/>
      <c r="AZ970" s="23"/>
      <c r="BA970" s="23"/>
      <c r="BB970" s="23"/>
      <c r="BC970" s="23"/>
      <c r="BD970" s="23"/>
      <c r="BE970" s="23"/>
      <c r="BF970" s="23"/>
      <c r="BG970" s="23"/>
      <c r="BH970" s="23"/>
      <c r="BI970" s="23"/>
      <c r="BJ970" s="23"/>
      <c r="BK970" s="23"/>
      <c r="BL970" s="23"/>
      <c r="BM970" s="23"/>
      <c r="BN970" s="23"/>
      <c r="BO970" s="23"/>
      <c r="BP970" s="23"/>
      <c r="BQ970" s="23"/>
      <c r="BR970" s="23"/>
      <c r="BS970" s="23"/>
      <c r="BT970" s="23"/>
      <c r="BU970" s="23"/>
      <c r="BV970" s="23"/>
      <c r="BW970" s="23"/>
      <c r="BX970" s="23"/>
      <c r="BY970" s="23"/>
      <c r="BZ970" s="23"/>
      <c r="CA970" s="23"/>
      <c r="CB970" s="23"/>
      <c r="CC970" s="23"/>
      <c r="CD970" s="23"/>
      <c r="CE970" s="23"/>
      <c r="CF970" s="23"/>
      <c r="CG970" s="23"/>
      <c r="CH970" s="23"/>
      <c r="CI970" s="23"/>
      <c r="CJ970" s="23"/>
      <c r="CK970" s="23"/>
      <c r="CL970" s="23"/>
      <c r="CM970" s="23"/>
      <c r="CN970" s="23"/>
      <c r="CO970" s="23"/>
      <c r="CP970" s="23"/>
      <c r="CQ970" s="23"/>
      <c r="CR970" s="23"/>
      <c r="CS970" s="23"/>
      <c r="CT970" s="23"/>
      <c r="CU970" s="23"/>
      <c r="CV970" s="23"/>
      <c r="CW970" s="23"/>
      <c r="CX970" s="23"/>
      <c r="CY970" s="23"/>
      <c r="CZ970" s="23"/>
      <c r="DA970" s="23"/>
      <c r="DB970" s="23"/>
      <c r="DC970" s="23"/>
      <c r="DD970" s="23"/>
      <c r="DE970" s="23"/>
      <c r="DF970" s="23"/>
      <c r="DG970" s="23"/>
      <c r="DH970" s="23"/>
      <c r="DI970" s="23"/>
      <c r="DJ970" s="23"/>
      <c r="DK970" s="23"/>
      <c r="DL970" s="23"/>
      <c r="DM970" s="23"/>
      <c r="DN970" s="23"/>
      <c r="DO970" s="23"/>
      <c r="DP970" s="23"/>
      <c r="DQ970" s="23"/>
      <c r="DR970" s="23"/>
      <c r="DS970" s="23"/>
      <c r="DT970" s="23"/>
      <c r="DU970" s="23"/>
      <c r="DV970" s="23"/>
      <c r="DW970" s="23"/>
      <c r="DX970" s="23"/>
      <c r="DY970" s="23"/>
      <c r="DZ970" s="23"/>
      <c r="EA970" s="23"/>
      <c r="EB970" s="23"/>
      <c r="EC970" s="23"/>
      <c r="ED970" s="23"/>
      <c r="EE970" s="23"/>
      <c r="EF970" s="23"/>
      <c r="EG970" s="23"/>
      <c r="EH970" s="23"/>
      <c r="EI970" s="23"/>
      <c r="EJ970" s="23"/>
      <c r="EK970" s="23"/>
      <c r="EL970" s="23"/>
      <c r="EM970" s="23"/>
      <c r="EN970" s="23"/>
      <c r="EO970" s="23"/>
      <c r="EP970" s="23"/>
      <c r="EQ970" s="23"/>
      <c r="ER970" s="23"/>
      <c r="ES970" s="23"/>
      <c r="ET970" s="23"/>
      <c r="EU970" s="23"/>
      <c r="EV970" s="23"/>
      <c r="EW970" s="23"/>
      <c r="EX970" s="23"/>
      <c r="EY970" s="23"/>
      <c r="EZ970" s="23"/>
      <c r="FA970" s="23"/>
      <c r="FB970" s="23"/>
      <c r="FC970" s="23"/>
      <c r="FD970" s="23"/>
      <c r="FE970" s="23"/>
      <c r="FF970" s="23"/>
      <c r="FG970" s="23"/>
      <c r="FH970" s="23"/>
      <c r="FI970" s="23"/>
      <c r="FJ970" s="23"/>
      <c r="FK970" s="23"/>
      <c r="FL970" s="23"/>
      <c r="FM970" s="23"/>
      <c r="FN970" s="23"/>
      <c r="FO970" s="23"/>
      <c r="FP970" s="23"/>
      <c r="FQ970" s="23"/>
      <c r="FR970" s="23"/>
      <c r="FS970" s="23"/>
      <c r="FT970" s="23"/>
      <c r="FU970" s="23"/>
      <c r="FV970" s="23"/>
      <c r="FW970" s="23"/>
      <c r="FX970" s="23"/>
      <c r="FY970" s="23"/>
      <c r="FZ970" s="23"/>
      <c r="GA970" s="23"/>
      <c r="GB970" s="23"/>
      <c r="GC970" s="23"/>
      <c r="GD970" s="23"/>
      <c r="GE970" s="23"/>
      <c r="GF970" s="23"/>
      <c r="GG970" s="23"/>
      <c r="GH970" s="23"/>
      <c r="GI970" s="23"/>
      <c r="GJ970" s="23"/>
      <c r="GK970" s="23"/>
      <c r="GL970" s="23"/>
      <c r="GM970" s="23"/>
      <c r="GN970" s="23"/>
      <c r="GO970" s="23"/>
      <c r="GP970" s="23"/>
      <c r="GQ970" s="23"/>
      <c r="GR970" s="23"/>
      <c r="GS970" s="23"/>
      <c r="GT970" s="23"/>
      <c r="GU970" s="23"/>
      <c r="GV970" s="23"/>
      <c r="GW970" s="23"/>
      <c r="GX970" s="23"/>
      <c r="GY970" s="23"/>
      <c r="GZ970" s="23"/>
      <c r="HA970" s="23"/>
      <c r="HB970" s="23"/>
      <c r="HC970" s="23"/>
      <c r="HD970" s="23"/>
      <c r="HE970" s="23"/>
      <c r="HF970" s="23"/>
      <c r="HG970" s="23"/>
      <c r="HH970" s="23"/>
      <c r="HI970" s="23"/>
      <c r="HJ970" s="23"/>
      <c r="HK970" s="23"/>
      <c r="HL970" s="23"/>
      <c r="HM970" s="23"/>
      <c r="HN970" s="23"/>
      <c r="HO970" s="23"/>
      <c r="HP970" s="23"/>
      <c r="HQ970" s="23"/>
      <c r="HR970" s="23"/>
      <c r="HS970" s="23"/>
      <c r="HT970" s="23"/>
      <c r="HU970" s="23"/>
      <c r="HV970" s="23"/>
      <c r="HW970" s="23"/>
      <c r="HX970" s="23"/>
      <c r="HY970" s="23"/>
      <c r="HZ970" s="23"/>
      <c r="IA970" s="23"/>
      <c r="IB970" s="23"/>
      <c r="IC970" s="23"/>
      <c r="ID970" s="23"/>
      <c r="IE970" s="23"/>
      <c r="IF970" s="23"/>
      <c r="IG970" s="23"/>
      <c r="IH970" s="23"/>
      <c r="II970" s="23"/>
      <c r="IJ970" s="23"/>
      <c r="IK970" s="23"/>
      <c r="IL970" s="23"/>
      <c r="IM970" s="23"/>
      <c r="IN970" s="23"/>
      <c r="IO970" s="23"/>
      <c r="IP970" s="23"/>
      <c r="IQ970" s="23"/>
    </row>
    <row r="971" spans="1:251" s="50" customFormat="1">
      <c r="A971" s="34"/>
      <c r="B971" s="205"/>
      <c r="C971" s="206"/>
      <c r="D971" s="206"/>
      <c r="E971" s="206"/>
      <c r="F971" s="206"/>
      <c r="G971" s="206"/>
      <c r="H971" s="206"/>
      <c r="I971" s="206"/>
      <c r="J971" s="206"/>
      <c r="K971" s="206"/>
      <c r="L971" s="206"/>
      <c r="M971" s="206"/>
      <c r="N971" s="206"/>
      <c r="O971" s="206"/>
      <c r="P971" s="206"/>
      <c r="Q971" s="206"/>
      <c r="R971" s="206"/>
      <c r="S971" s="206"/>
      <c r="T971" s="206"/>
      <c r="U971" s="206"/>
      <c r="V971" s="206"/>
      <c r="W971" s="206"/>
      <c r="X971" s="206"/>
      <c r="Y971" s="206"/>
      <c r="Z971" s="207"/>
      <c r="AA971" s="208"/>
      <c r="AB971" s="206"/>
      <c r="AC971" s="206"/>
      <c r="AD971" s="206"/>
      <c r="AE971" s="206"/>
      <c r="AF971" s="206"/>
      <c r="AG971" s="206"/>
      <c r="AH971" s="206"/>
      <c r="AI971" s="207"/>
      <c r="AJ971" s="208"/>
      <c r="AK971" s="206"/>
      <c r="AL971" s="206"/>
      <c r="AM971" s="206"/>
      <c r="AN971" s="206"/>
      <c r="AO971" s="206"/>
      <c r="AP971" s="206"/>
      <c r="AQ971" s="206"/>
      <c r="AR971" s="207"/>
      <c r="AS971" s="208"/>
      <c r="AT971" s="206"/>
      <c r="AU971" s="206"/>
      <c r="AV971" s="206"/>
      <c r="AW971" s="206"/>
      <c r="AX971" s="210"/>
      <c r="AY971" s="23"/>
      <c r="AZ971" s="23"/>
      <c r="BA971" s="23"/>
      <c r="BB971"/>
      <c r="BC971" s="45"/>
      <c r="BE971" s="23"/>
      <c r="BF971" s="23"/>
      <c r="BG971" s="23"/>
      <c r="BH971" s="23"/>
      <c r="BI971" s="23"/>
      <c r="BJ971" s="23"/>
      <c r="BK971" s="23"/>
      <c r="BL971" s="23"/>
      <c r="BM971" s="23"/>
      <c r="BN971" s="23"/>
      <c r="BO971" s="23"/>
      <c r="BP971" s="23"/>
      <c r="BQ971" s="23"/>
      <c r="BR971" s="23"/>
      <c r="BS971" s="23"/>
      <c r="BT971" s="23"/>
      <c r="BU971" s="23"/>
      <c r="BV971" s="23"/>
      <c r="BW971" s="23"/>
      <c r="BX971" s="23"/>
      <c r="BY971" s="23"/>
      <c r="BZ971" s="23"/>
      <c r="CA971" s="23"/>
      <c r="CB971" s="23"/>
      <c r="CC971" s="23"/>
      <c r="CD971" s="23"/>
      <c r="CE971" s="23"/>
      <c r="CF971" s="23"/>
      <c r="CG971" s="23"/>
      <c r="CH971" s="23"/>
      <c r="CI971" s="23"/>
      <c r="CJ971" s="23"/>
      <c r="CK971" s="23"/>
      <c r="CL971" s="23"/>
      <c r="CM971" s="23"/>
      <c r="CN971" s="23"/>
      <c r="CO971" s="23"/>
      <c r="CP971" s="23"/>
      <c r="CQ971" s="23"/>
      <c r="CR971" s="23"/>
      <c r="CS971" s="23"/>
      <c r="CT971" s="23"/>
      <c r="CU971" s="23"/>
      <c r="CV971" s="23"/>
      <c r="CW971" s="23"/>
      <c r="CX971" s="23"/>
      <c r="CY971" s="23"/>
      <c r="CZ971" s="23"/>
      <c r="DA971" s="23"/>
      <c r="DB971" s="23"/>
      <c r="DC971" s="23"/>
      <c r="DD971" s="23"/>
      <c r="DE971" s="23"/>
      <c r="DF971" s="23"/>
      <c r="DG971" s="23"/>
      <c r="DH971" s="23"/>
      <c r="DI971" s="23"/>
      <c r="DJ971" s="23"/>
      <c r="DK971" s="23"/>
      <c r="DL971" s="23"/>
      <c r="DM971" s="23"/>
      <c r="DN971" s="23"/>
      <c r="DO971" s="23"/>
      <c r="DP971" s="23"/>
      <c r="DQ971" s="23"/>
      <c r="DR971" s="23"/>
      <c r="DS971" s="23"/>
      <c r="DT971" s="23"/>
      <c r="DU971" s="23"/>
      <c r="DV971" s="23"/>
      <c r="DW971" s="23"/>
      <c r="DX971" s="23"/>
      <c r="DY971" s="23"/>
      <c r="DZ971" s="23"/>
      <c r="EA971" s="23"/>
      <c r="EB971" s="23"/>
      <c r="EC971" s="23"/>
      <c r="ED971" s="23"/>
      <c r="EE971" s="23"/>
      <c r="EF971" s="23"/>
      <c r="EG971" s="23"/>
      <c r="EH971" s="23"/>
      <c r="EI971" s="23"/>
      <c r="EJ971" s="23"/>
      <c r="EK971" s="23"/>
      <c r="EL971" s="23"/>
      <c r="EM971" s="23"/>
      <c r="EN971" s="23"/>
      <c r="EO971" s="23"/>
      <c r="EP971" s="23"/>
      <c r="EQ971" s="23"/>
      <c r="ER971" s="23"/>
      <c r="ES971" s="23"/>
      <c r="ET971" s="23"/>
      <c r="EU971" s="23"/>
      <c r="EV971" s="23"/>
      <c r="EW971" s="23"/>
      <c r="EX971" s="23"/>
      <c r="EY971" s="23"/>
      <c r="EZ971" s="23"/>
      <c r="FA971" s="23"/>
      <c r="FB971" s="23"/>
      <c r="FC971" s="23"/>
      <c r="FD971" s="23"/>
      <c r="FE971" s="23"/>
      <c r="FF971" s="23"/>
      <c r="FG971" s="23"/>
      <c r="FH971" s="23"/>
      <c r="FI971" s="23"/>
      <c r="FJ971" s="23"/>
      <c r="FK971" s="23"/>
      <c r="FL971" s="23"/>
      <c r="FM971" s="23"/>
      <c r="FN971" s="23"/>
      <c r="FO971" s="23"/>
      <c r="FP971" s="23"/>
      <c r="FQ971" s="23"/>
      <c r="FR971" s="23"/>
      <c r="FS971" s="23"/>
      <c r="FT971" s="23"/>
      <c r="FU971" s="23"/>
      <c r="FV971" s="23"/>
      <c r="FW971" s="23"/>
      <c r="FX971" s="23"/>
      <c r="FY971" s="23"/>
      <c r="FZ971" s="23"/>
      <c r="GA971" s="23"/>
      <c r="GB971" s="23"/>
      <c r="GC971" s="23"/>
      <c r="GD971" s="23"/>
      <c r="GE971" s="23"/>
      <c r="GF971" s="23"/>
      <c r="GG971" s="23"/>
      <c r="GH971" s="23"/>
      <c r="GI971" s="23"/>
      <c r="GJ971" s="23"/>
      <c r="GK971" s="23"/>
      <c r="GL971" s="23"/>
      <c r="GM971" s="23"/>
      <c r="GN971" s="23"/>
      <c r="GO971" s="23"/>
      <c r="GP971" s="23"/>
      <c r="GQ971" s="23"/>
      <c r="GR971" s="23"/>
      <c r="GS971" s="23"/>
      <c r="GT971" s="23"/>
      <c r="GU971" s="23"/>
      <c r="GV971" s="23"/>
      <c r="GW971" s="23"/>
      <c r="GX971" s="23"/>
      <c r="GY971" s="23"/>
      <c r="GZ971" s="23"/>
      <c r="HA971" s="23"/>
      <c r="HB971" s="23"/>
      <c r="HC971" s="23"/>
      <c r="HD971" s="23"/>
      <c r="HE971" s="23"/>
      <c r="HF971" s="23"/>
      <c r="HG971" s="23"/>
      <c r="HH971" s="23"/>
      <c r="HI971" s="23"/>
      <c r="HJ971" s="23"/>
      <c r="HK971" s="23"/>
      <c r="HL971" s="23"/>
      <c r="HM971" s="23"/>
      <c r="HN971" s="23"/>
      <c r="HO971" s="23"/>
      <c r="HP971" s="23"/>
      <c r="HQ971" s="23"/>
      <c r="HR971" s="23"/>
      <c r="HS971" s="23"/>
      <c r="HT971" s="23"/>
      <c r="HU971" s="23"/>
      <c r="HV971" s="23"/>
      <c r="HW971" s="23"/>
      <c r="HX971" s="23"/>
      <c r="HY971" s="23"/>
      <c r="HZ971" s="23"/>
      <c r="IA971" s="23"/>
      <c r="IB971" s="23"/>
      <c r="IC971" s="23"/>
      <c r="ID971" s="23"/>
      <c r="IE971" s="23"/>
      <c r="IF971" s="23"/>
      <c r="IG971" s="23"/>
      <c r="IH971" s="23"/>
      <c r="II971" s="23"/>
      <c r="IJ971" s="23"/>
      <c r="IK971" s="23"/>
      <c r="IL971" s="23"/>
      <c r="IM971" s="23"/>
      <c r="IN971" s="23"/>
      <c r="IO971" s="23"/>
      <c r="IP971" s="23"/>
      <c r="IQ971" s="23"/>
    </row>
    <row r="972" spans="1:251" s="50" customFormat="1" ht="18.75" customHeight="1">
      <c r="A972" s="34"/>
      <c r="B972" s="47"/>
      <c r="C972" s="130" t="s">
        <v>184</v>
      </c>
      <c r="D972" s="130"/>
      <c r="E972" s="130"/>
      <c r="F972" s="130"/>
      <c r="G972" s="130"/>
      <c r="H972" s="130"/>
      <c r="I972" s="130"/>
      <c r="J972" s="130"/>
      <c r="K972" s="130"/>
      <c r="L972" s="130"/>
      <c r="M972" s="130"/>
      <c r="N972" s="130"/>
      <c r="O972" s="130"/>
      <c r="P972" s="130"/>
      <c r="Q972" s="130"/>
      <c r="R972" s="130"/>
      <c r="S972" s="130"/>
      <c r="T972" s="130"/>
      <c r="U972" s="130"/>
      <c r="V972" s="130"/>
      <c r="W972" s="130"/>
      <c r="X972" s="130"/>
      <c r="Y972" s="130"/>
      <c r="Z972" s="131"/>
      <c r="AA972" s="132">
        <v>3405</v>
      </c>
      <c r="AB972" s="200"/>
      <c r="AC972" s="200"/>
      <c r="AD972" s="200"/>
      <c r="AE972" s="200"/>
      <c r="AF972" s="200"/>
      <c r="AG972" s="200"/>
      <c r="AH972" s="200"/>
      <c r="AI972" s="201"/>
      <c r="AJ972" s="132">
        <v>264</v>
      </c>
      <c r="AK972" s="196"/>
      <c r="AL972" s="196"/>
      <c r="AM972" s="196"/>
      <c r="AN972" s="196"/>
      <c r="AO972" s="196"/>
      <c r="AP972" s="196"/>
      <c r="AQ972" s="196"/>
      <c r="AR972" s="197"/>
      <c r="AS972" s="132"/>
      <c r="AT972" s="196"/>
      <c r="AU972" s="196"/>
      <c r="AV972" s="196"/>
      <c r="AW972" s="196"/>
      <c r="AX972" s="202"/>
      <c r="AY972" s="23"/>
      <c r="AZ972" s="23"/>
      <c r="BA972" s="23"/>
      <c r="BB972" s="23"/>
      <c r="BC972" s="23"/>
      <c r="BD972" s="23"/>
      <c r="BE972" s="23"/>
      <c r="BF972" s="23"/>
      <c r="BG972" s="23"/>
      <c r="BH972" s="23"/>
      <c r="BI972" s="23"/>
      <c r="BJ972" s="23"/>
      <c r="BK972" s="23"/>
      <c r="BL972" s="23"/>
      <c r="BM972" s="23"/>
      <c r="BN972" s="23"/>
      <c r="BO972" s="23"/>
      <c r="BP972" s="23"/>
      <c r="BQ972" s="23"/>
      <c r="BR972" s="23"/>
      <c r="BS972" s="23"/>
      <c r="BT972" s="23"/>
      <c r="BU972" s="23"/>
      <c r="BV972" s="23"/>
      <c r="BW972" s="23"/>
      <c r="BX972" s="23"/>
      <c r="BY972" s="23"/>
      <c r="BZ972" s="23"/>
      <c r="CA972" s="23"/>
      <c r="CB972" s="23"/>
      <c r="CC972" s="23"/>
      <c r="CD972" s="23"/>
      <c r="CE972" s="23"/>
      <c r="CF972" s="23"/>
      <c r="CG972" s="23"/>
      <c r="CH972" s="23"/>
      <c r="CI972" s="23"/>
      <c r="CJ972" s="23"/>
      <c r="CK972" s="23"/>
      <c r="CL972" s="23"/>
      <c r="CM972" s="23"/>
      <c r="CN972" s="23"/>
      <c r="CO972" s="23"/>
      <c r="CP972" s="23"/>
      <c r="CQ972" s="23"/>
      <c r="CR972" s="23"/>
      <c r="CS972" s="23"/>
      <c r="CT972" s="23"/>
      <c r="CU972" s="23"/>
      <c r="CV972" s="23"/>
      <c r="CW972" s="23"/>
      <c r="CX972" s="23"/>
      <c r="CY972" s="23"/>
      <c r="CZ972" s="23"/>
      <c r="DA972" s="23"/>
      <c r="DB972" s="23"/>
      <c r="DC972" s="23"/>
      <c r="DD972" s="23"/>
      <c r="DE972" s="23"/>
      <c r="DF972" s="23"/>
      <c r="DG972" s="23"/>
      <c r="DH972" s="23"/>
      <c r="DI972" s="23"/>
      <c r="DJ972" s="23"/>
      <c r="DK972" s="23"/>
      <c r="DL972" s="23"/>
      <c r="DM972" s="23"/>
      <c r="DN972" s="23"/>
      <c r="DO972" s="23"/>
      <c r="DP972" s="23"/>
      <c r="DQ972" s="23"/>
      <c r="DR972" s="23"/>
      <c r="DS972" s="23"/>
      <c r="DT972" s="23"/>
      <c r="DU972" s="23"/>
      <c r="DV972" s="23"/>
      <c r="DW972" s="23"/>
      <c r="DX972" s="23"/>
      <c r="DY972" s="23"/>
      <c r="DZ972" s="23"/>
      <c r="EA972" s="23"/>
      <c r="EB972" s="23"/>
      <c r="EC972" s="23"/>
      <c r="ED972" s="23"/>
      <c r="EE972" s="23"/>
      <c r="EF972" s="23"/>
      <c r="EG972" s="23"/>
      <c r="EH972" s="23"/>
      <c r="EI972" s="23"/>
      <c r="EJ972" s="23"/>
      <c r="EK972" s="23"/>
      <c r="EL972" s="23"/>
      <c r="EM972" s="23"/>
      <c r="EN972" s="23"/>
      <c r="EO972" s="23"/>
      <c r="EP972" s="23"/>
      <c r="EQ972" s="23"/>
      <c r="ER972" s="23"/>
      <c r="ES972" s="23"/>
      <c r="ET972" s="23"/>
      <c r="EU972" s="23"/>
      <c r="EV972" s="23"/>
      <c r="EW972" s="23"/>
      <c r="EX972" s="23"/>
      <c r="EY972" s="23"/>
      <c r="EZ972" s="23"/>
      <c r="FA972" s="23"/>
      <c r="FB972" s="23"/>
      <c r="FC972" s="23"/>
      <c r="FD972" s="23"/>
      <c r="FE972" s="23"/>
      <c r="FF972" s="23"/>
      <c r="FG972" s="23"/>
      <c r="FH972" s="23"/>
      <c r="FI972" s="23"/>
      <c r="FJ972" s="23"/>
      <c r="FK972" s="23"/>
      <c r="FL972" s="23"/>
      <c r="FM972" s="23"/>
      <c r="FN972" s="23"/>
      <c r="FO972" s="23"/>
      <c r="FP972" s="23"/>
      <c r="FQ972" s="23"/>
      <c r="FR972" s="23"/>
      <c r="FS972" s="23"/>
      <c r="FT972" s="23"/>
      <c r="FU972" s="23"/>
      <c r="FV972" s="23"/>
      <c r="FW972" s="23"/>
      <c r="FX972" s="23"/>
      <c r="FY972" s="23"/>
      <c r="FZ972" s="23"/>
      <c r="GA972" s="23"/>
      <c r="GB972" s="23"/>
      <c r="GC972" s="23"/>
      <c r="GD972" s="23"/>
      <c r="GE972" s="23"/>
      <c r="GF972" s="23"/>
      <c r="GG972" s="23"/>
      <c r="GH972" s="23"/>
      <c r="GI972" s="23"/>
      <c r="GJ972" s="23"/>
      <c r="GK972" s="23"/>
      <c r="GL972" s="23"/>
      <c r="GM972" s="23"/>
      <c r="GN972" s="23"/>
      <c r="GO972" s="23"/>
      <c r="GP972" s="23"/>
      <c r="GQ972" s="23"/>
      <c r="GR972" s="23"/>
      <c r="GS972" s="23"/>
      <c r="GT972" s="23"/>
      <c r="GU972" s="23"/>
      <c r="GV972" s="23"/>
      <c r="GW972" s="23"/>
      <c r="GX972" s="23"/>
      <c r="GY972" s="23"/>
      <c r="GZ972" s="23"/>
      <c r="HA972" s="23"/>
      <c r="HB972" s="23"/>
      <c r="HC972" s="23"/>
      <c r="HD972" s="23"/>
      <c r="HE972" s="23"/>
      <c r="HF972" s="23"/>
      <c r="HG972" s="23"/>
      <c r="HH972" s="23"/>
      <c r="HI972" s="23"/>
      <c r="HJ972" s="23"/>
      <c r="HK972" s="23"/>
      <c r="HL972" s="23"/>
      <c r="HM972" s="23"/>
      <c r="HN972" s="23"/>
      <c r="HO972" s="23"/>
      <c r="HP972" s="23"/>
      <c r="HQ972" s="23"/>
      <c r="HR972" s="23"/>
      <c r="HS972" s="23"/>
      <c r="HT972" s="23"/>
      <c r="HU972" s="23"/>
      <c r="HV972" s="23"/>
      <c r="HW972" s="23"/>
      <c r="HX972" s="23"/>
      <c r="HY972" s="23"/>
      <c r="HZ972" s="23"/>
      <c r="IA972" s="23"/>
      <c r="IB972" s="23"/>
      <c r="IC972" s="23"/>
      <c r="ID972" s="23"/>
      <c r="IE972" s="23"/>
      <c r="IF972" s="23"/>
      <c r="IG972" s="23"/>
      <c r="IH972" s="23"/>
      <c r="II972" s="23"/>
      <c r="IJ972" s="23"/>
      <c r="IK972" s="23"/>
      <c r="IL972" s="23"/>
      <c r="IM972" s="23"/>
      <c r="IN972" s="23"/>
      <c r="IO972" s="23"/>
      <c r="IP972" s="23"/>
      <c r="IQ972" s="23"/>
    </row>
    <row r="973" spans="1:251" s="50" customFormat="1" ht="18.75" customHeight="1">
      <c r="A973" s="34"/>
      <c r="B973" s="46"/>
      <c r="C973" s="130" t="s">
        <v>185</v>
      </c>
      <c r="D973" s="130"/>
      <c r="E973" s="130"/>
      <c r="F973" s="130"/>
      <c r="G973" s="130"/>
      <c r="H973" s="130"/>
      <c r="I973" s="130"/>
      <c r="J973" s="130"/>
      <c r="K973" s="130"/>
      <c r="L973" s="130"/>
      <c r="M973" s="130"/>
      <c r="N973" s="130"/>
      <c r="O973" s="130"/>
      <c r="P973" s="130"/>
      <c r="Q973" s="130"/>
      <c r="R973" s="130"/>
      <c r="S973" s="130"/>
      <c r="T973" s="130"/>
      <c r="U973" s="130"/>
      <c r="V973" s="130"/>
      <c r="W973" s="130"/>
      <c r="X973" s="130"/>
      <c r="Y973" s="130"/>
      <c r="Z973" s="131"/>
      <c r="AA973" s="132">
        <v>5753</v>
      </c>
      <c r="AB973" s="196"/>
      <c r="AC973" s="196"/>
      <c r="AD973" s="196"/>
      <c r="AE973" s="196"/>
      <c r="AF973" s="196"/>
      <c r="AG973" s="196"/>
      <c r="AH973" s="196"/>
      <c r="AI973" s="197"/>
      <c r="AJ973" s="132">
        <v>583265</v>
      </c>
      <c r="AK973" s="196"/>
      <c r="AL973" s="196"/>
      <c r="AM973" s="196"/>
      <c r="AN973" s="196"/>
      <c r="AO973" s="196"/>
      <c r="AP973" s="196"/>
      <c r="AQ973" s="196"/>
      <c r="AR973" s="197"/>
      <c r="AS973" s="132"/>
      <c r="AT973" s="196"/>
      <c r="AU973" s="196"/>
      <c r="AV973" s="196"/>
      <c r="AW973" s="196"/>
      <c r="AX973" s="202"/>
      <c r="AY973" s="23"/>
      <c r="AZ973" s="23"/>
      <c r="BA973" s="23"/>
      <c r="BB973" s="23"/>
      <c r="BC973" s="23"/>
      <c r="BD973" s="23"/>
      <c r="BE973" s="23"/>
      <c r="BF973" s="23"/>
      <c r="BG973" s="23"/>
      <c r="BH973" s="23"/>
      <c r="BI973" s="23"/>
      <c r="BJ973" s="23"/>
      <c r="BK973" s="23"/>
      <c r="BL973" s="23"/>
      <c r="BM973" s="23"/>
      <c r="BN973" s="23"/>
      <c r="BO973" s="23"/>
      <c r="BP973" s="23"/>
      <c r="BQ973" s="23"/>
      <c r="BR973" s="23"/>
      <c r="BS973" s="23"/>
      <c r="BT973" s="23"/>
      <c r="BU973" s="23"/>
      <c r="BV973" s="23"/>
      <c r="BW973" s="23"/>
      <c r="BX973" s="23"/>
      <c r="BY973" s="23"/>
      <c r="BZ973" s="23"/>
      <c r="CA973" s="23"/>
      <c r="CB973" s="23"/>
      <c r="CC973" s="23"/>
      <c r="CD973" s="23"/>
      <c r="CE973" s="23"/>
      <c r="CF973" s="23"/>
      <c r="CG973" s="23"/>
      <c r="CH973" s="23"/>
      <c r="CI973" s="23"/>
      <c r="CJ973" s="23"/>
      <c r="CK973" s="23"/>
      <c r="CL973" s="23"/>
      <c r="CM973" s="23"/>
      <c r="CN973" s="23"/>
      <c r="CO973" s="23"/>
      <c r="CP973" s="23"/>
      <c r="CQ973" s="23"/>
      <c r="CR973" s="23"/>
      <c r="CS973" s="23"/>
      <c r="CT973" s="23"/>
      <c r="CU973" s="23"/>
      <c r="CV973" s="23"/>
      <c r="CW973" s="23"/>
      <c r="CX973" s="23"/>
      <c r="CY973" s="23"/>
      <c r="CZ973" s="23"/>
      <c r="DA973" s="23"/>
      <c r="DB973" s="23"/>
      <c r="DC973" s="23"/>
      <c r="DD973" s="23"/>
      <c r="DE973" s="23"/>
      <c r="DF973" s="23"/>
      <c r="DG973" s="23"/>
      <c r="DH973" s="23"/>
      <c r="DI973" s="23"/>
      <c r="DJ973" s="23"/>
      <c r="DK973" s="23"/>
      <c r="DL973" s="23"/>
      <c r="DM973" s="23"/>
      <c r="DN973" s="23"/>
      <c r="DO973" s="23"/>
      <c r="DP973" s="23"/>
      <c r="DQ973" s="23"/>
      <c r="DR973" s="23"/>
      <c r="DS973" s="23"/>
      <c r="DT973" s="23"/>
      <c r="DU973" s="23"/>
      <c r="DV973" s="23"/>
      <c r="DW973" s="23"/>
      <c r="DX973" s="23"/>
      <c r="DY973" s="23"/>
      <c r="DZ973" s="23"/>
      <c r="EA973" s="23"/>
      <c r="EB973" s="23"/>
      <c r="EC973" s="23"/>
      <c r="ED973" s="23"/>
      <c r="EE973" s="23"/>
      <c r="EF973" s="23"/>
      <c r="EG973" s="23"/>
      <c r="EH973" s="23"/>
      <c r="EI973" s="23"/>
      <c r="EJ973" s="23"/>
      <c r="EK973" s="23"/>
      <c r="EL973" s="23"/>
      <c r="EM973" s="23"/>
      <c r="EN973" s="23"/>
      <c r="EO973" s="23"/>
      <c r="EP973" s="23"/>
      <c r="EQ973" s="23"/>
      <c r="ER973" s="23"/>
      <c r="ES973" s="23"/>
      <c r="ET973" s="23"/>
      <c r="EU973" s="23"/>
      <c r="EV973" s="23"/>
      <c r="EW973" s="23"/>
      <c r="EX973" s="23"/>
      <c r="EY973" s="23"/>
      <c r="EZ973" s="23"/>
      <c r="FA973" s="23"/>
      <c r="FB973" s="23"/>
      <c r="FC973" s="23"/>
      <c r="FD973" s="23"/>
      <c r="FE973" s="23"/>
      <c r="FF973" s="23"/>
      <c r="FG973" s="23"/>
      <c r="FH973" s="23"/>
      <c r="FI973" s="23"/>
      <c r="FJ973" s="23"/>
      <c r="FK973" s="23"/>
      <c r="FL973" s="23"/>
      <c r="FM973" s="23"/>
      <c r="FN973" s="23"/>
      <c r="FO973" s="23"/>
      <c r="FP973" s="23"/>
      <c r="FQ973" s="23"/>
      <c r="FR973" s="23"/>
      <c r="FS973" s="23"/>
      <c r="FT973" s="23"/>
      <c r="FU973" s="23"/>
      <c r="FV973" s="23"/>
      <c r="FW973" s="23"/>
      <c r="FX973" s="23"/>
      <c r="FY973" s="23"/>
      <c r="FZ973" s="23"/>
      <c r="GA973" s="23"/>
      <c r="GB973" s="23"/>
      <c r="GC973" s="23"/>
      <c r="GD973" s="23"/>
      <c r="GE973" s="23"/>
      <c r="GF973" s="23"/>
      <c r="GG973" s="23"/>
      <c r="GH973" s="23"/>
      <c r="GI973" s="23"/>
      <c r="GJ973" s="23"/>
      <c r="GK973" s="23"/>
      <c r="GL973" s="23"/>
      <c r="GM973" s="23"/>
      <c r="GN973" s="23"/>
      <c r="GO973" s="23"/>
      <c r="GP973" s="23"/>
      <c r="GQ973" s="23"/>
      <c r="GR973" s="23"/>
      <c r="GS973" s="23"/>
      <c r="GT973" s="23"/>
      <c r="GU973" s="23"/>
      <c r="GV973" s="23"/>
      <c r="GW973" s="23"/>
      <c r="GX973" s="23"/>
      <c r="GY973" s="23"/>
      <c r="GZ973" s="23"/>
      <c r="HA973" s="23"/>
      <c r="HB973" s="23"/>
      <c r="HC973" s="23"/>
      <c r="HD973" s="23"/>
      <c r="HE973" s="23"/>
      <c r="HF973" s="23"/>
      <c r="HG973" s="23"/>
      <c r="HH973" s="23"/>
      <c r="HI973" s="23"/>
      <c r="HJ973" s="23"/>
      <c r="HK973" s="23"/>
      <c r="HL973" s="23"/>
      <c r="HM973" s="23"/>
      <c r="HN973" s="23"/>
      <c r="HO973" s="23"/>
      <c r="HP973" s="23"/>
      <c r="HQ973" s="23"/>
      <c r="HR973" s="23"/>
      <c r="HS973" s="23"/>
      <c r="HT973" s="23"/>
      <c r="HU973" s="23"/>
      <c r="HV973" s="23"/>
      <c r="HW973" s="23"/>
      <c r="HX973" s="23"/>
      <c r="HY973" s="23"/>
      <c r="HZ973" s="23"/>
      <c r="IA973" s="23"/>
      <c r="IB973" s="23"/>
      <c r="IC973" s="23"/>
      <c r="ID973" s="23"/>
      <c r="IE973" s="23"/>
      <c r="IF973" s="23"/>
      <c r="IG973" s="23"/>
      <c r="IH973" s="23"/>
      <c r="II973" s="23"/>
      <c r="IJ973" s="23"/>
      <c r="IK973" s="23"/>
      <c r="IL973" s="23"/>
      <c r="IM973" s="23"/>
      <c r="IN973" s="23"/>
      <c r="IO973" s="23"/>
      <c r="IP973" s="23"/>
      <c r="IQ973" s="23"/>
    </row>
    <row r="974" spans="1:251" s="50" customFormat="1" ht="18.75" customHeight="1">
      <c r="A974" s="34"/>
      <c r="B974" s="47"/>
      <c r="AA974" s="132"/>
      <c r="AB974" s="196"/>
      <c r="AC974" s="196"/>
      <c r="AD974" s="196"/>
      <c r="AE974" s="196"/>
      <c r="AF974" s="196"/>
      <c r="AG974" s="196"/>
      <c r="AH974" s="196"/>
      <c r="AI974" s="197"/>
      <c r="AJ974" s="132"/>
      <c r="AK974" s="196"/>
      <c r="AL974" s="196"/>
      <c r="AM974" s="196"/>
      <c r="AN974" s="196"/>
      <c r="AO974" s="196"/>
      <c r="AP974" s="196"/>
      <c r="AQ974" s="196"/>
      <c r="AR974" s="197"/>
      <c r="AS974" s="132"/>
      <c r="AT974" s="196"/>
      <c r="AU974" s="196"/>
      <c r="AV974" s="196"/>
      <c r="AW974" s="196"/>
      <c r="AX974" s="202"/>
      <c r="AY974" s="23"/>
      <c r="AZ974" s="23"/>
      <c r="BA974" s="23"/>
      <c r="BB974" s="23"/>
      <c r="BC974" s="23"/>
      <c r="BD974" s="23"/>
      <c r="BE974" s="23"/>
      <c r="BF974" s="23"/>
      <c r="BG974" s="23"/>
      <c r="BH974" s="23"/>
      <c r="BI974" s="23"/>
      <c r="BJ974" s="23"/>
      <c r="BK974" s="23"/>
      <c r="BL974" s="23"/>
      <c r="BM974" s="23"/>
      <c r="BN974" s="23"/>
      <c r="BO974" s="23"/>
      <c r="BP974" s="23"/>
      <c r="BQ974" s="23"/>
      <c r="BR974" s="23"/>
      <c r="BS974" s="23"/>
      <c r="BT974" s="23"/>
      <c r="BU974" s="23"/>
      <c r="BV974" s="23"/>
      <c r="BW974" s="23"/>
      <c r="BX974" s="23"/>
      <c r="BY974" s="23"/>
      <c r="BZ974" s="23"/>
      <c r="CA974" s="23"/>
      <c r="CB974" s="23"/>
      <c r="CC974" s="23"/>
      <c r="CD974" s="23"/>
      <c r="CE974" s="23"/>
      <c r="CF974" s="23"/>
      <c r="CG974" s="23"/>
      <c r="CH974" s="23"/>
      <c r="CI974" s="23"/>
      <c r="CJ974" s="23"/>
      <c r="CK974" s="23"/>
      <c r="CL974" s="23"/>
      <c r="CM974" s="23"/>
      <c r="CN974" s="23"/>
      <c r="CO974" s="23"/>
      <c r="CP974" s="23"/>
      <c r="CQ974" s="23"/>
      <c r="CR974" s="23"/>
      <c r="CS974" s="23"/>
      <c r="CT974" s="23"/>
      <c r="CU974" s="23"/>
      <c r="CV974" s="23"/>
      <c r="CW974" s="23"/>
      <c r="CX974" s="23"/>
      <c r="CY974" s="23"/>
      <c r="CZ974" s="23"/>
      <c r="DA974" s="23"/>
      <c r="DB974" s="23"/>
      <c r="DC974" s="23"/>
      <c r="DD974" s="23"/>
      <c r="DE974" s="23"/>
      <c r="DF974" s="23"/>
      <c r="DG974" s="23"/>
      <c r="DH974" s="23"/>
      <c r="DI974" s="23"/>
      <c r="DJ974" s="23"/>
      <c r="DK974" s="23"/>
      <c r="DL974" s="23"/>
      <c r="DM974" s="23"/>
      <c r="DN974" s="23"/>
      <c r="DO974" s="23"/>
      <c r="DP974" s="23"/>
      <c r="DQ974" s="23"/>
      <c r="DR974" s="23"/>
      <c r="DS974" s="23"/>
      <c r="DT974" s="23"/>
      <c r="DU974" s="23"/>
      <c r="DV974" s="23"/>
      <c r="DW974" s="23"/>
      <c r="DX974" s="23"/>
      <c r="DY974" s="23"/>
      <c r="DZ974" s="23"/>
      <c r="EA974" s="23"/>
      <c r="EB974" s="23"/>
      <c r="EC974" s="23"/>
      <c r="ED974" s="23"/>
      <c r="EE974" s="23"/>
      <c r="EF974" s="23"/>
      <c r="EG974" s="23"/>
      <c r="EH974" s="23"/>
      <c r="EI974" s="23"/>
      <c r="EJ974" s="23"/>
      <c r="EK974" s="23"/>
      <c r="EL974" s="23"/>
      <c r="EM974" s="23"/>
      <c r="EN974" s="23"/>
      <c r="EO974" s="23"/>
      <c r="EP974" s="23"/>
      <c r="EQ974" s="23"/>
      <c r="ER974" s="23"/>
      <c r="ES974" s="23"/>
      <c r="ET974" s="23"/>
      <c r="EU974" s="23"/>
      <c r="EV974" s="23"/>
      <c r="EW974" s="23"/>
      <c r="EX974" s="23"/>
      <c r="EY974" s="23"/>
      <c r="EZ974" s="23"/>
      <c r="FA974" s="23"/>
      <c r="FB974" s="23"/>
      <c r="FC974" s="23"/>
      <c r="FD974" s="23"/>
      <c r="FE974" s="23"/>
      <c r="FF974" s="23"/>
      <c r="FG974" s="23"/>
      <c r="FH974" s="23"/>
      <c r="FI974" s="23"/>
      <c r="FJ974" s="23"/>
      <c r="FK974" s="23"/>
      <c r="FL974" s="23"/>
      <c r="FM974" s="23"/>
      <c r="FN974" s="23"/>
      <c r="FO974" s="23"/>
      <c r="FP974" s="23"/>
      <c r="FQ974" s="23"/>
      <c r="FR974" s="23"/>
      <c r="FS974" s="23"/>
      <c r="FT974" s="23"/>
      <c r="FU974" s="23"/>
      <c r="FV974" s="23"/>
      <c r="FW974" s="23"/>
      <c r="FX974" s="23"/>
      <c r="FY974" s="23"/>
      <c r="FZ974" s="23"/>
      <c r="GA974" s="23"/>
      <c r="GB974" s="23"/>
      <c r="GC974" s="23"/>
      <c r="GD974" s="23"/>
      <c r="GE974" s="23"/>
      <c r="GF974" s="23"/>
      <c r="GG974" s="23"/>
      <c r="GH974" s="23"/>
      <c r="GI974" s="23"/>
      <c r="GJ974" s="23"/>
      <c r="GK974" s="23"/>
      <c r="GL974" s="23"/>
      <c r="GM974" s="23"/>
      <c r="GN974" s="23"/>
      <c r="GO974" s="23"/>
      <c r="GP974" s="23"/>
      <c r="GQ974" s="23"/>
      <c r="GR974" s="23"/>
      <c r="GS974" s="23"/>
      <c r="GT974" s="23"/>
      <c r="GU974" s="23"/>
      <c r="GV974" s="23"/>
      <c r="GW974" s="23"/>
      <c r="GX974" s="23"/>
      <c r="GY974" s="23"/>
      <c r="GZ974" s="23"/>
      <c r="HA974" s="23"/>
      <c r="HB974" s="23"/>
      <c r="HC974" s="23"/>
      <c r="HD974" s="23"/>
      <c r="HE974" s="23"/>
      <c r="HF974" s="23"/>
      <c r="HG974" s="23"/>
      <c r="HH974" s="23"/>
      <c r="HI974" s="23"/>
      <c r="HJ974" s="23"/>
      <c r="HK974" s="23"/>
      <c r="HL974" s="23"/>
      <c r="HM974" s="23"/>
      <c r="HN974" s="23"/>
      <c r="HO974" s="23"/>
      <c r="HP974" s="23"/>
      <c r="HQ974" s="23"/>
      <c r="HR974" s="23"/>
      <c r="HS974" s="23"/>
      <c r="HT974" s="23"/>
      <c r="HU974" s="23"/>
      <c r="HV974" s="23"/>
      <c r="HW974" s="23"/>
      <c r="HX974" s="23"/>
      <c r="HY974" s="23"/>
      <c r="HZ974" s="23"/>
      <c r="IA974" s="23"/>
      <c r="IB974" s="23"/>
      <c r="IC974" s="23"/>
      <c r="ID974" s="23"/>
      <c r="IE974" s="23"/>
      <c r="IF974" s="23"/>
      <c r="IG974" s="23"/>
      <c r="IH974" s="23"/>
      <c r="II974" s="23"/>
      <c r="IJ974" s="23"/>
      <c r="IK974" s="23"/>
      <c r="IL974" s="23"/>
      <c r="IM974" s="23"/>
      <c r="IN974" s="23"/>
      <c r="IO974" s="23"/>
      <c r="IP974" s="23"/>
      <c r="IQ974" s="23"/>
    </row>
    <row r="975" spans="1:251" s="50" customFormat="1" ht="18.75" customHeight="1">
      <c r="A975" s="34"/>
      <c r="B975" s="47"/>
      <c r="C975" s="130"/>
      <c r="D975" s="130"/>
      <c r="E975" s="130"/>
      <c r="F975" s="130"/>
      <c r="G975" s="130"/>
      <c r="H975" s="130"/>
      <c r="I975" s="130"/>
      <c r="J975" s="130"/>
      <c r="K975" s="130"/>
      <c r="L975" s="130"/>
      <c r="M975" s="130"/>
      <c r="N975" s="130"/>
      <c r="O975" s="130"/>
      <c r="P975" s="130"/>
      <c r="Q975" s="130"/>
      <c r="R975" s="130"/>
      <c r="S975" s="130"/>
      <c r="T975" s="130"/>
      <c r="U975" s="130"/>
      <c r="V975" s="130"/>
      <c r="W975" s="130"/>
      <c r="X975" s="130"/>
      <c r="Y975" s="130"/>
      <c r="Z975" s="131"/>
      <c r="AA975" s="132"/>
      <c r="AB975" s="200"/>
      <c r="AC975" s="200"/>
      <c r="AD975" s="200"/>
      <c r="AE975" s="200"/>
      <c r="AF975" s="200"/>
      <c r="AG975" s="200"/>
      <c r="AH975" s="200"/>
      <c r="AI975" s="201"/>
      <c r="AJ975" s="132"/>
      <c r="AK975" s="196"/>
      <c r="AL975" s="196"/>
      <c r="AM975" s="196"/>
      <c r="AN975" s="196"/>
      <c r="AO975" s="196"/>
      <c r="AP975" s="196"/>
      <c r="AQ975" s="196"/>
      <c r="AR975" s="197"/>
      <c r="AS975" s="132"/>
      <c r="AT975" s="196"/>
      <c r="AU975" s="196"/>
      <c r="AV975" s="196"/>
      <c r="AW975" s="196"/>
      <c r="AX975" s="202"/>
      <c r="AY975" s="23"/>
      <c r="AZ975" s="23"/>
      <c r="BA975" s="23"/>
      <c r="BB975" s="23"/>
      <c r="BC975" s="23"/>
      <c r="BD975" s="23"/>
      <c r="BE975" s="23"/>
      <c r="BF975" s="23"/>
      <c r="BG975" s="23"/>
      <c r="BH975" s="23"/>
      <c r="BI975" s="23"/>
      <c r="BJ975" s="23"/>
      <c r="BK975" s="23"/>
      <c r="BL975" s="23"/>
      <c r="BM975" s="23"/>
      <c r="BN975" s="23"/>
      <c r="BO975" s="23"/>
      <c r="BP975" s="23"/>
      <c r="BQ975" s="23"/>
      <c r="BR975" s="23"/>
      <c r="BS975" s="23"/>
      <c r="BT975" s="23"/>
      <c r="BU975" s="23"/>
      <c r="BV975" s="23"/>
      <c r="BW975" s="23"/>
      <c r="BX975" s="23"/>
      <c r="BY975" s="23"/>
      <c r="BZ975" s="23"/>
      <c r="CA975" s="23"/>
      <c r="CB975" s="23"/>
      <c r="CC975" s="23"/>
      <c r="CD975" s="23"/>
      <c r="CE975" s="23"/>
      <c r="CF975" s="23"/>
      <c r="CG975" s="23"/>
      <c r="CH975" s="23"/>
      <c r="CI975" s="23"/>
      <c r="CJ975" s="23"/>
      <c r="CK975" s="23"/>
      <c r="CL975" s="23"/>
      <c r="CM975" s="23"/>
      <c r="CN975" s="23"/>
      <c r="CO975" s="23"/>
      <c r="CP975" s="23"/>
      <c r="CQ975" s="23"/>
      <c r="CR975" s="23"/>
      <c r="CS975" s="23"/>
      <c r="CT975" s="23"/>
      <c r="CU975" s="23"/>
      <c r="CV975" s="23"/>
      <c r="CW975" s="23"/>
      <c r="CX975" s="23"/>
      <c r="CY975" s="23"/>
      <c r="CZ975" s="23"/>
      <c r="DA975" s="23"/>
      <c r="DB975" s="23"/>
      <c r="DC975" s="23"/>
      <c r="DD975" s="23"/>
      <c r="DE975" s="23"/>
      <c r="DF975" s="23"/>
      <c r="DG975" s="23"/>
      <c r="DH975" s="23"/>
      <c r="DI975" s="23"/>
      <c r="DJ975" s="23"/>
      <c r="DK975" s="23"/>
      <c r="DL975" s="23"/>
      <c r="DM975" s="23"/>
      <c r="DN975" s="23"/>
      <c r="DO975" s="23"/>
      <c r="DP975" s="23"/>
      <c r="DQ975" s="23"/>
      <c r="DR975" s="23"/>
      <c r="DS975" s="23"/>
      <c r="DT975" s="23"/>
      <c r="DU975" s="23"/>
      <c r="DV975" s="23"/>
      <c r="DW975" s="23"/>
      <c r="DX975" s="23"/>
      <c r="DY975" s="23"/>
      <c r="DZ975" s="23"/>
      <c r="EA975" s="23"/>
      <c r="EB975" s="23"/>
      <c r="EC975" s="23"/>
      <c r="ED975" s="23"/>
      <c r="EE975" s="23"/>
      <c r="EF975" s="23"/>
      <c r="EG975" s="23"/>
      <c r="EH975" s="23"/>
      <c r="EI975" s="23"/>
      <c r="EJ975" s="23"/>
      <c r="EK975" s="23"/>
      <c r="EL975" s="23"/>
      <c r="EM975" s="23"/>
      <c r="EN975" s="23"/>
      <c r="EO975" s="23"/>
      <c r="EP975" s="23"/>
      <c r="EQ975" s="23"/>
      <c r="ER975" s="23"/>
      <c r="ES975" s="23"/>
      <c r="ET975" s="23"/>
      <c r="EU975" s="23"/>
      <c r="EV975" s="23"/>
      <c r="EW975" s="23"/>
      <c r="EX975" s="23"/>
      <c r="EY975" s="23"/>
      <c r="EZ975" s="23"/>
      <c r="FA975" s="23"/>
      <c r="FB975" s="23"/>
      <c r="FC975" s="23"/>
      <c r="FD975" s="23"/>
      <c r="FE975" s="23"/>
      <c r="FF975" s="23"/>
      <c r="FG975" s="23"/>
      <c r="FH975" s="23"/>
      <c r="FI975" s="23"/>
      <c r="FJ975" s="23"/>
      <c r="FK975" s="23"/>
      <c r="FL975" s="23"/>
      <c r="FM975" s="23"/>
      <c r="FN975" s="23"/>
      <c r="FO975" s="23"/>
      <c r="FP975" s="23"/>
      <c r="FQ975" s="23"/>
      <c r="FR975" s="23"/>
      <c r="FS975" s="23"/>
      <c r="FT975" s="23"/>
      <c r="FU975" s="23"/>
      <c r="FV975" s="23"/>
      <c r="FW975" s="23"/>
      <c r="FX975" s="23"/>
      <c r="FY975" s="23"/>
      <c r="FZ975" s="23"/>
      <c r="GA975" s="23"/>
      <c r="GB975" s="23"/>
      <c r="GC975" s="23"/>
      <c r="GD975" s="23"/>
      <c r="GE975" s="23"/>
      <c r="GF975" s="23"/>
      <c r="GG975" s="23"/>
      <c r="GH975" s="23"/>
      <c r="GI975" s="23"/>
      <c r="GJ975" s="23"/>
      <c r="GK975" s="23"/>
      <c r="GL975" s="23"/>
      <c r="GM975" s="23"/>
      <c r="GN975" s="23"/>
      <c r="GO975" s="23"/>
      <c r="GP975" s="23"/>
      <c r="GQ975" s="23"/>
      <c r="GR975" s="23"/>
      <c r="GS975" s="23"/>
      <c r="GT975" s="23"/>
      <c r="GU975" s="23"/>
      <c r="GV975" s="23"/>
      <c r="GW975" s="23"/>
      <c r="GX975" s="23"/>
      <c r="GY975" s="23"/>
      <c r="GZ975" s="23"/>
      <c r="HA975" s="23"/>
      <c r="HB975" s="23"/>
      <c r="HC975" s="23"/>
      <c r="HD975" s="23"/>
      <c r="HE975" s="23"/>
      <c r="HF975" s="23"/>
      <c r="HG975" s="23"/>
      <c r="HH975" s="23"/>
      <c r="HI975" s="23"/>
      <c r="HJ975" s="23"/>
      <c r="HK975" s="23"/>
      <c r="HL975" s="23"/>
      <c r="HM975" s="23"/>
      <c r="HN975" s="23"/>
      <c r="HO975" s="23"/>
      <c r="HP975" s="23"/>
      <c r="HQ975" s="23"/>
      <c r="HR975" s="23"/>
      <c r="HS975" s="23"/>
      <c r="HT975" s="23"/>
      <c r="HU975" s="23"/>
      <c r="HV975" s="23"/>
      <c r="HW975" s="23"/>
      <c r="HX975" s="23"/>
      <c r="HY975" s="23"/>
      <c r="HZ975" s="23"/>
      <c r="IA975" s="23"/>
      <c r="IB975" s="23"/>
      <c r="IC975" s="23"/>
      <c r="ID975" s="23"/>
      <c r="IE975" s="23"/>
      <c r="IF975" s="23"/>
      <c r="IG975" s="23"/>
      <c r="IH975" s="23"/>
      <c r="II975" s="23"/>
      <c r="IJ975" s="23"/>
      <c r="IK975" s="23"/>
      <c r="IL975" s="23"/>
      <c r="IM975" s="23"/>
      <c r="IN975" s="23"/>
      <c r="IO975" s="23"/>
      <c r="IP975" s="23"/>
      <c r="IQ975" s="23"/>
    </row>
    <row r="976" spans="1:251" s="50" customFormat="1" ht="18.75" customHeight="1">
      <c r="A976" s="34"/>
      <c r="B976" s="47"/>
      <c r="C976" s="130"/>
      <c r="D976" s="130"/>
      <c r="E976" s="130"/>
      <c r="F976" s="130"/>
      <c r="G976" s="130"/>
      <c r="H976" s="130"/>
      <c r="I976" s="130"/>
      <c r="J976" s="130"/>
      <c r="K976" s="130"/>
      <c r="L976" s="130"/>
      <c r="M976" s="130"/>
      <c r="N976" s="130"/>
      <c r="O976" s="130"/>
      <c r="P976" s="130"/>
      <c r="Q976" s="130"/>
      <c r="R976" s="130"/>
      <c r="S976" s="130"/>
      <c r="T976" s="130"/>
      <c r="U976" s="130"/>
      <c r="V976" s="130"/>
      <c r="W976" s="130"/>
      <c r="X976" s="130"/>
      <c r="Y976" s="130"/>
      <c r="Z976" s="131"/>
      <c r="AA976" s="132"/>
      <c r="AB976" s="200"/>
      <c r="AC976" s="200"/>
      <c r="AD976" s="200"/>
      <c r="AE976" s="200"/>
      <c r="AF976" s="200"/>
      <c r="AG976" s="200"/>
      <c r="AH976" s="200"/>
      <c r="AI976" s="201"/>
      <c r="AJ976" s="132"/>
      <c r="AK976" s="196"/>
      <c r="AL976" s="196"/>
      <c r="AM976" s="196"/>
      <c r="AN976" s="196"/>
      <c r="AO976" s="196"/>
      <c r="AP976" s="196"/>
      <c r="AQ976" s="196"/>
      <c r="AR976" s="197"/>
      <c r="AS976" s="132"/>
      <c r="AT976" s="196"/>
      <c r="AU976" s="196"/>
      <c r="AV976" s="196"/>
      <c r="AW976" s="196"/>
      <c r="AX976" s="202"/>
      <c r="AY976" s="23"/>
      <c r="AZ976" s="23"/>
      <c r="BA976" s="23"/>
      <c r="BB976" s="23"/>
      <c r="BC976" s="23"/>
      <c r="BD976" s="23"/>
      <c r="BE976" s="23"/>
      <c r="BF976" s="23"/>
      <c r="BG976" s="23"/>
      <c r="BH976" s="23"/>
      <c r="BI976" s="23"/>
      <c r="BJ976" s="23"/>
      <c r="BK976" s="23"/>
      <c r="BL976" s="23"/>
      <c r="BM976" s="23"/>
      <c r="BN976" s="23"/>
      <c r="BO976" s="23"/>
      <c r="BP976" s="23"/>
      <c r="BQ976" s="23"/>
      <c r="BR976" s="23"/>
      <c r="BS976" s="23"/>
      <c r="BT976" s="23"/>
      <c r="BU976" s="23"/>
      <c r="BV976" s="23"/>
      <c r="BW976" s="23"/>
      <c r="BX976" s="23"/>
      <c r="BY976" s="23"/>
      <c r="BZ976" s="23"/>
      <c r="CA976" s="23"/>
      <c r="CB976" s="23"/>
      <c r="CC976" s="23"/>
      <c r="CD976" s="23"/>
      <c r="CE976" s="23"/>
      <c r="CF976" s="23"/>
      <c r="CG976" s="23"/>
      <c r="CH976" s="23"/>
      <c r="CI976" s="23"/>
      <c r="CJ976" s="23"/>
      <c r="CK976" s="23"/>
      <c r="CL976" s="23"/>
      <c r="CM976" s="23"/>
      <c r="CN976" s="23"/>
      <c r="CO976" s="23"/>
      <c r="CP976" s="23"/>
      <c r="CQ976" s="23"/>
      <c r="CR976" s="23"/>
      <c r="CS976" s="23"/>
      <c r="CT976" s="23"/>
      <c r="CU976" s="23"/>
      <c r="CV976" s="23"/>
      <c r="CW976" s="23"/>
      <c r="CX976" s="23"/>
      <c r="CY976" s="23"/>
      <c r="CZ976" s="23"/>
      <c r="DA976" s="23"/>
      <c r="DB976" s="23"/>
      <c r="DC976" s="23"/>
      <c r="DD976" s="23"/>
      <c r="DE976" s="23"/>
      <c r="DF976" s="23"/>
      <c r="DG976" s="23"/>
      <c r="DH976" s="23"/>
      <c r="DI976" s="23"/>
      <c r="DJ976" s="23"/>
      <c r="DK976" s="23"/>
      <c r="DL976" s="23"/>
      <c r="DM976" s="23"/>
      <c r="DN976" s="23"/>
      <c r="DO976" s="23"/>
      <c r="DP976" s="23"/>
      <c r="DQ976" s="23"/>
      <c r="DR976" s="23"/>
      <c r="DS976" s="23"/>
      <c r="DT976" s="23"/>
      <c r="DU976" s="23"/>
      <c r="DV976" s="23"/>
      <c r="DW976" s="23"/>
      <c r="DX976" s="23"/>
      <c r="DY976" s="23"/>
      <c r="DZ976" s="23"/>
      <c r="EA976" s="23"/>
      <c r="EB976" s="23"/>
      <c r="EC976" s="23"/>
      <c r="ED976" s="23"/>
      <c r="EE976" s="23"/>
      <c r="EF976" s="23"/>
      <c r="EG976" s="23"/>
      <c r="EH976" s="23"/>
      <c r="EI976" s="23"/>
      <c r="EJ976" s="23"/>
      <c r="EK976" s="23"/>
      <c r="EL976" s="23"/>
      <c r="EM976" s="23"/>
      <c r="EN976" s="23"/>
      <c r="EO976" s="23"/>
      <c r="EP976" s="23"/>
      <c r="EQ976" s="23"/>
      <c r="ER976" s="23"/>
      <c r="ES976" s="23"/>
      <c r="ET976" s="23"/>
      <c r="EU976" s="23"/>
      <c r="EV976" s="23"/>
      <c r="EW976" s="23"/>
      <c r="EX976" s="23"/>
      <c r="EY976" s="23"/>
      <c r="EZ976" s="23"/>
      <c r="FA976" s="23"/>
      <c r="FB976" s="23"/>
      <c r="FC976" s="23"/>
      <c r="FD976" s="23"/>
      <c r="FE976" s="23"/>
      <c r="FF976" s="23"/>
      <c r="FG976" s="23"/>
      <c r="FH976" s="23"/>
      <c r="FI976" s="23"/>
      <c r="FJ976" s="23"/>
      <c r="FK976" s="23"/>
      <c r="FL976" s="23"/>
      <c r="FM976" s="23"/>
      <c r="FN976" s="23"/>
      <c r="FO976" s="23"/>
      <c r="FP976" s="23"/>
      <c r="FQ976" s="23"/>
      <c r="FR976" s="23"/>
      <c r="FS976" s="23"/>
      <c r="FT976" s="23"/>
      <c r="FU976" s="23"/>
      <c r="FV976" s="23"/>
      <c r="FW976" s="23"/>
      <c r="FX976" s="23"/>
      <c r="FY976" s="23"/>
      <c r="FZ976" s="23"/>
      <c r="GA976" s="23"/>
      <c r="GB976" s="23"/>
      <c r="GC976" s="23"/>
      <c r="GD976" s="23"/>
      <c r="GE976" s="23"/>
      <c r="GF976" s="23"/>
      <c r="GG976" s="23"/>
      <c r="GH976" s="23"/>
      <c r="GI976" s="23"/>
      <c r="GJ976" s="23"/>
      <c r="GK976" s="23"/>
      <c r="GL976" s="23"/>
      <c r="GM976" s="23"/>
      <c r="GN976" s="23"/>
      <c r="GO976" s="23"/>
      <c r="GP976" s="23"/>
      <c r="GQ976" s="23"/>
      <c r="GR976" s="23"/>
      <c r="GS976" s="23"/>
      <c r="GT976" s="23"/>
      <c r="GU976" s="23"/>
      <c r="GV976" s="23"/>
      <c r="GW976" s="23"/>
      <c r="GX976" s="23"/>
      <c r="GY976" s="23"/>
      <c r="GZ976" s="23"/>
      <c r="HA976" s="23"/>
      <c r="HB976" s="23"/>
      <c r="HC976" s="23"/>
      <c r="HD976" s="23"/>
      <c r="HE976" s="23"/>
      <c r="HF976" s="23"/>
      <c r="HG976" s="23"/>
      <c r="HH976" s="23"/>
      <c r="HI976" s="23"/>
      <c r="HJ976" s="23"/>
      <c r="HK976" s="23"/>
      <c r="HL976" s="23"/>
      <c r="HM976" s="23"/>
      <c r="HN976" s="23"/>
      <c r="HO976" s="23"/>
      <c r="HP976" s="23"/>
      <c r="HQ976" s="23"/>
      <c r="HR976" s="23"/>
      <c r="HS976" s="23"/>
      <c r="HT976" s="23"/>
      <c r="HU976" s="23"/>
      <c r="HV976" s="23"/>
      <c r="HW976" s="23"/>
      <c r="HX976" s="23"/>
      <c r="HY976" s="23"/>
      <c r="HZ976" s="23"/>
      <c r="IA976" s="23"/>
      <c r="IB976" s="23"/>
      <c r="IC976" s="23"/>
      <c r="ID976" s="23"/>
      <c r="IE976" s="23"/>
      <c r="IF976" s="23"/>
      <c r="IG976" s="23"/>
      <c r="IH976" s="23"/>
      <c r="II976" s="23"/>
      <c r="IJ976" s="23"/>
      <c r="IK976" s="23"/>
      <c r="IL976" s="23"/>
      <c r="IM976" s="23"/>
      <c r="IN976" s="23"/>
      <c r="IO976" s="23"/>
      <c r="IP976" s="23"/>
      <c r="IQ976" s="23"/>
    </row>
    <row r="977" spans="1:251" s="50" customFormat="1" ht="18.75" customHeight="1">
      <c r="A977" s="34"/>
      <c r="B977" s="48"/>
      <c r="C977" s="130"/>
      <c r="D977" s="130"/>
      <c r="E977" s="130"/>
      <c r="F977" s="130"/>
      <c r="G977" s="130"/>
      <c r="H977" s="130"/>
      <c r="I977" s="130"/>
      <c r="J977" s="130"/>
      <c r="K977" s="130"/>
      <c r="L977" s="130"/>
      <c r="M977" s="130"/>
      <c r="N977" s="130"/>
      <c r="O977" s="130"/>
      <c r="P977" s="130"/>
      <c r="Q977" s="130"/>
      <c r="R977" s="130"/>
      <c r="S977" s="130"/>
      <c r="T977" s="130"/>
      <c r="U977" s="130"/>
      <c r="V977" s="130"/>
      <c r="W977" s="130"/>
      <c r="X977" s="130"/>
      <c r="Y977" s="130"/>
      <c r="Z977" s="131"/>
      <c r="AA977" s="132"/>
      <c r="AB977" s="200"/>
      <c r="AC977" s="200"/>
      <c r="AD977" s="200"/>
      <c r="AE977" s="200"/>
      <c r="AF977" s="200"/>
      <c r="AG977" s="200"/>
      <c r="AH977" s="200"/>
      <c r="AI977" s="201"/>
      <c r="AJ977" s="132"/>
      <c r="AK977" s="196"/>
      <c r="AL977" s="196"/>
      <c r="AM977" s="196"/>
      <c r="AN977" s="196"/>
      <c r="AO977" s="196"/>
      <c r="AP977" s="196"/>
      <c r="AQ977" s="196"/>
      <c r="AR977" s="197"/>
      <c r="AS977" s="136"/>
      <c r="AT977" s="198"/>
      <c r="AU977" s="198"/>
      <c r="AV977" s="198"/>
      <c r="AW977" s="198"/>
      <c r="AX977" s="199"/>
      <c r="AY977" s="23"/>
      <c r="AZ977" s="23"/>
      <c r="BA977" s="23"/>
      <c r="BB977" s="23"/>
      <c r="BC977" s="23"/>
      <c r="BD977" s="23"/>
      <c r="BE977" s="23"/>
      <c r="BF977" s="23"/>
      <c r="BG977" s="23"/>
      <c r="BH977" s="23"/>
      <c r="BI977" s="23"/>
      <c r="BJ977" s="23"/>
      <c r="BK977" s="23"/>
      <c r="BL977" s="23"/>
      <c r="BM977" s="23"/>
      <c r="BN977" s="23"/>
      <c r="BO977" s="23"/>
      <c r="BP977" s="23"/>
      <c r="BQ977" s="23"/>
      <c r="BR977" s="23"/>
      <c r="BS977" s="23"/>
      <c r="BT977" s="23"/>
      <c r="BU977" s="23"/>
      <c r="BV977" s="23"/>
      <c r="BW977" s="23"/>
      <c r="BX977" s="23"/>
      <c r="BY977" s="23"/>
      <c r="BZ977" s="23"/>
      <c r="CA977" s="23"/>
      <c r="CB977" s="23"/>
      <c r="CC977" s="23"/>
      <c r="CD977" s="23"/>
      <c r="CE977" s="23"/>
      <c r="CF977" s="23"/>
      <c r="CG977" s="23"/>
      <c r="CH977" s="23"/>
      <c r="CI977" s="23"/>
      <c r="CJ977" s="23"/>
      <c r="CK977" s="23"/>
      <c r="CL977" s="23"/>
      <c r="CM977" s="23"/>
      <c r="CN977" s="23"/>
      <c r="CO977" s="23"/>
      <c r="CP977" s="23"/>
      <c r="CQ977" s="23"/>
      <c r="CR977" s="23"/>
      <c r="CS977" s="23"/>
      <c r="CT977" s="23"/>
      <c r="CU977" s="23"/>
      <c r="CV977" s="23"/>
      <c r="CW977" s="23"/>
      <c r="CX977" s="23"/>
      <c r="CY977" s="23"/>
      <c r="CZ977" s="23"/>
      <c r="DA977" s="23"/>
      <c r="DB977" s="23"/>
      <c r="DC977" s="23"/>
      <c r="DD977" s="23"/>
      <c r="DE977" s="23"/>
      <c r="DF977" s="23"/>
      <c r="DG977" s="23"/>
      <c r="DH977" s="23"/>
      <c r="DI977" s="23"/>
      <c r="DJ977" s="23"/>
      <c r="DK977" s="23"/>
      <c r="DL977" s="23"/>
      <c r="DM977" s="23"/>
      <c r="DN977" s="23"/>
      <c r="DO977" s="23"/>
      <c r="DP977" s="23"/>
      <c r="DQ977" s="23"/>
      <c r="DR977" s="23"/>
      <c r="DS977" s="23"/>
      <c r="DT977" s="23"/>
      <c r="DU977" s="23"/>
      <c r="DV977" s="23"/>
      <c r="DW977" s="23"/>
      <c r="DX977" s="23"/>
      <c r="DY977" s="23"/>
      <c r="DZ977" s="23"/>
      <c r="EA977" s="23"/>
      <c r="EB977" s="23"/>
      <c r="EC977" s="23"/>
      <c r="ED977" s="23"/>
      <c r="EE977" s="23"/>
      <c r="EF977" s="23"/>
      <c r="EG977" s="23"/>
      <c r="EH977" s="23"/>
      <c r="EI977" s="23"/>
      <c r="EJ977" s="23"/>
      <c r="EK977" s="23"/>
      <c r="EL977" s="23"/>
      <c r="EM977" s="23"/>
      <c r="EN977" s="23"/>
      <c r="EO977" s="23"/>
      <c r="EP977" s="23"/>
      <c r="EQ977" s="23"/>
      <c r="ER977" s="23"/>
      <c r="ES977" s="23"/>
      <c r="ET977" s="23"/>
      <c r="EU977" s="23"/>
      <c r="EV977" s="23"/>
      <c r="EW977" s="23"/>
      <c r="EX977" s="23"/>
      <c r="EY977" s="23"/>
      <c r="EZ977" s="23"/>
      <c r="FA977" s="23"/>
      <c r="FB977" s="23"/>
      <c r="FC977" s="23"/>
      <c r="FD977" s="23"/>
      <c r="FE977" s="23"/>
      <c r="FF977" s="23"/>
      <c r="FG977" s="23"/>
      <c r="FH977" s="23"/>
      <c r="FI977" s="23"/>
      <c r="FJ977" s="23"/>
      <c r="FK977" s="23"/>
      <c r="FL977" s="23"/>
      <c r="FM977" s="23"/>
      <c r="FN977" s="23"/>
      <c r="FO977" s="23"/>
      <c r="FP977" s="23"/>
      <c r="FQ977" s="23"/>
      <c r="FR977" s="23"/>
      <c r="FS977" s="23"/>
      <c r="FT977" s="23"/>
      <c r="FU977" s="23"/>
      <c r="FV977" s="23"/>
      <c r="FW977" s="23"/>
      <c r="FX977" s="23"/>
      <c r="FY977" s="23"/>
      <c r="FZ977" s="23"/>
      <c r="GA977" s="23"/>
      <c r="GB977" s="23"/>
      <c r="GC977" s="23"/>
      <c r="GD977" s="23"/>
      <c r="GE977" s="23"/>
      <c r="GF977" s="23"/>
      <c r="GG977" s="23"/>
      <c r="GH977" s="23"/>
      <c r="GI977" s="23"/>
      <c r="GJ977" s="23"/>
      <c r="GK977" s="23"/>
      <c r="GL977" s="23"/>
      <c r="GM977" s="23"/>
      <c r="GN977" s="23"/>
      <c r="GO977" s="23"/>
      <c r="GP977" s="23"/>
      <c r="GQ977" s="23"/>
      <c r="GR977" s="23"/>
      <c r="GS977" s="23"/>
      <c r="GT977" s="23"/>
      <c r="GU977" s="23"/>
      <c r="GV977" s="23"/>
      <c r="GW977" s="23"/>
      <c r="GX977" s="23"/>
      <c r="GY977" s="23"/>
      <c r="GZ977" s="23"/>
      <c r="HA977" s="23"/>
      <c r="HB977" s="23"/>
      <c r="HC977" s="23"/>
      <c r="HD977" s="23"/>
      <c r="HE977" s="23"/>
      <c r="HF977" s="23"/>
      <c r="HG977" s="23"/>
      <c r="HH977" s="23"/>
      <c r="HI977" s="23"/>
      <c r="HJ977" s="23"/>
      <c r="HK977" s="23"/>
      <c r="HL977" s="23"/>
      <c r="HM977" s="23"/>
      <c r="HN977" s="23"/>
      <c r="HO977" s="23"/>
      <c r="HP977" s="23"/>
      <c r="HQ977" s="23"/>
      <c r="HR977" s="23"/>
      <c r="HS977" s="23"/>
      <c r="HT977" s="23"/>
      <c r="HU977" s="23"/>
      <c r="HV977" s="23"/>
      <c r="HW977" s="23"/>
      <c r="HX977" s="23"/>
      <c r="HY977" s="23"/>
      <c r="HZ977" s="23"/>
      <c r="IA977" s="23"/>
      <c r="IB977" s="23"/>
      <c r="IC977" s="23"/>
      <c r="ID977" s="23"/>
      <c r="IE977" s="23"/>
      <c r="IF977" s="23"/>
      <c r="IG977" s="23"/>
      <c r="IH977" s="23"/>
      <c r="II977" s="23"/>
      <c r="IJ977" s="23"/>
      <c r="IK977" s="23"/>
      <c r="IL977" s="23"/>
      <c r="IM977" s="23"/>
      <c r="IN977" s="23"/>
      <c r="IO977" s="23"/>
      <c r="IP977" s="23"/>
      <c r="IQ977" s="23"/>
    </row>
    <row r="978" spans="1:251" s="50" customFormat="1" ht="18.75" customHeight="1">
      <c r="A978" s="34"/>
      <c r="B978" s="48"/>
      <c r="C978" s="130"/>
      <c r="D978" s="130"/>
      <c r="E978" s="130"/>
      <c r="F978" s="130"/>
      <c r="G978" s="130"/>
      <c r="H978" s="130"/>
      <c r="I978" s="130"/>
      <c r="J978" s="130"/>
      <c r="K978" s="130"/>
      <c r="L978" s="130"/>
      <c r="M978" s="130"/>
      <c r="N978" s="130"/>
      <c r="O978" s="130"/>
      <c r="P978" s="130"/>
      <c r="Q978" s="130"/>
      <c r="R978" s="130"/>
      <c r="S978" s="130"/>
      <c r="T978" s="130"/>
      <c r="U978" s="130"/>
      <c r="V978" s="130"/>
      <c r="W978" s="130"/>
      <c r="X978" s="130"/>
      <c r="Y978" s="130"/>
      <c r="Z978" s="131"/>
      <c r="AA978" s="132"/>
      <c r="AB978" s="200"/>
      <c r="AC978" s="200"/>
      <c r="AD978" s="200"/>
      <c r="AE978" s="200"/>
      <c r="AF978" s="200"/>
      <c r="AG978" s="200"/>
      <c r="AH978" s="200"/>
      <c r="AI978" s="201"/>
      <c r="AJ978" s="132"/>
      <c r="AK978" s="133"/>
      <c r="AL978" s="133"/>
      <c r="AM978" s="133"/>
      <c r="AN978" s="133"/>
      <c r="AO978" s="133"/>
      <c r="AP978" s="133"/>
      <c r="AQ978" s="133"/>
      <c r="AR978" s="134"/>
      <c r="AS978" s="132"/>
      <c r="AT978" s="196"/>
      <c r="AU978" s="196"/>
      <c r="AV978" s="196"/>
      <c r="AW978" s="196"/>
      <c r="AX978" s="202"/>
      <c r="AY978" s="23"/>
      <c r="AZ978" s="23"/>
      <c r="BA978" s="23"/>
      <c r="BB978" s="23"/>
      <c r="BC978" s="23"/>
      <c r="BD978" s="23"/>
      <c r="BE978" s="23"/>
      <c r="BF978" s="23"/>
      <c r="BG978" s="23"/>
      <c r="BH978" s="23"/>
      <c r="BI978" s="23"/>
      <c r="BJ978" s="23"/>
      <c r="BK978" s="23"/>
      <c r="BL978" s="23"/>
      <c r="BM978" s="23"/>
      <c r="BN978" s="23"/>
      <c r="BO978" s="23"/>
      <c r="BP978" s="23"/>
      <c r="BQ978" s="23"/>
      <c r="BR978" s="23"/>
      <c r="BS978" s="23"/>
      <c r="BT978" s="23"/>
      <c r="BU978" s="23"/>
      <c r="BV978" s="23"/>
      <c r="BW978" s="23"/>
      <c r="BX978" s="23"/>
      <c r="BY978" s="23"/>
      <c r="BZ978" s="23"/>
      <c r="CA978" s="23"/>
      <c r="CB978" s="23"/>
      <c r="CC978" s="23"/>
      <c r="CD978" s="23"/>
      <c r="CE978" s="23"/>
      <c r="CF978" s="23"/>
      <c r="CG978" s="23"/>
      <c r="CH978" s="23"/>
      <c r="CI978" s="23"/>
      <c r="CJ978" s="23"/>
      <c r="CK978" s="23"/>
      <c r="CL978" s="23"/>
      <c r="CM978" s="23"/>
      <c r="CN978" s="23"/>
      <c r="CO978" s="23"/>
      <c r="CP978" s="23"/>
      <c r="CQ978" s="23"/>
      <c r="CR978" s="23"/>
      <c r="CS978" s="23"/>
      <c r="CT978" s="23"/>
      <c r="CU978" s="23"/>
      <c r="CV978" s="23"/>
      <c r="CW978" s="23"/>
      <c r="CX978" s="23"/>
      <c r="CY978" s="23"/>
      <c r="CZ978" s="23"/>
      <c r="DA978" s="23"/>
      <c r="DB978" s="23"/>
      <c r="DC978" s="23"/>
      <c r="DD978" s="23"/>
      <c r="DE978" s="23"/>
      <c r="DF978" s="23"/>
      <c r="DG978" s="23"/>
      <c r="DH978" s="23"/>
      <c r="DI978" s="23"/>
      <c r="DJ978" s="23"/>
      <c r="DK978" s="23"/>
      <c r="DL978" s="23"/>
      <c r="DM978" s="23"/>
      <c r="DN978" s="23"/>
      <c r="DO978" s="23"/>
      <c r="DP978" s="23"/>
      <c r="DQ978" s="23"/>
      <c r="DR978" s="23"/>
      <c r="DS978" s="23"/>
      <c r="DT978" s="23"/>
      <c r="DU978" s="23"/>
      <c r="DV978" s="23"/>
      <c r="DW978" s="23"/>
      <c r="DX978" s="23"/>
      <c r="DY978" s="23"/>
      <c r="DZ978" s="23"/>
      <c r="EA978" s="23"/>
      <c r="EB978" s="23"/>
      <c r="EC978" s="23"/>
      <c r="ED978" s="23"/>
      <c r="EE978" s="23"/>
      <c r="EF978" s="23"/>
      <c r="EG978" s="23"/>
      <c r="EH978" s="23"/>
      <c r="EI978" s="23"/>
      <c r="EJ978" s="23"/>
      <c r="EK978" s="23"/>
      <c r="EL978" s="23"/>
      <c r="EM978" s="23"/>
      <c r="EN978" s="23"/>
      <c r="EO978" s="23"/>
      <c r="EP978" s="23"/>
      <c r="EQ978" s="23"/>
      <c r="ER978" s="23"/>
      <c r="ES978" s="23"/>
      <c r="ET978" s="23"/>
      <c r="EU978" s="23"/>
      <c r="EV978" s="23"/>
      <c r="EW978" s="23"/>
      <c r="EX978" s="23"/>
      <c r="EY978" s="23"/>
      <c r="EZ978" s="23"/>
      <c r="FA978" s="23"/>
      <c r="FB978" s="23"/>
      <c r="FC978" s="23"/>
      <c r="FD978" s="23"/>
      <c r="FE978" s="23"/>
      <c r="FF978" s="23"/>
      <c r="FG978" s="23"/>
      <c r="FH978" s="23"/>
      <c r="FI978" s="23"/>
      <c r="FJ978" s="23"/>
      <c r="FK978" s="23"/>
      <c r="FL978" s="23"/>
      <c r="FM978" s="23"/>
      <c r="FN978" s="23"/>
      <c r="FO978" s="23"/>
      <c r="FP978" s="23"/>
      <c r="FQ978" s="23"/>
      <c r="FR978" s="23"/>
      <c r="FS978" s="23"/>
      <c r="FT978" s="23"/>
      <c r="FU978" s="23"/>
      <c r="FV978" s="23"/>
      <c r="FW978" s="23"/>
      <c r="FX978" s="23"/>
      <c r="FY978" s="23"/>
      <c r="FZ978" s="23"/>
      <c r="GA978" s="23"/>
      <c r="GB978" s="23"/>
      <c r="GC978" s="23"/>
      <c r="GD978" s="23"/>
      <c r="GE978" s="23"/>
      <c r="GF978" s="23"/>
      <c r="GG978" s="23"/>
      <c r="GH978" s="23"/>
      <c r="GI978" s="23"/>
      <c r="GJ978" s="23"/>
      <c r="GK978" s="23"/>
      <c r="GL978" s="23"/>
      <c r="GM978" s="23"/>
      <c r="GN978" s="23"/>
      <c r="GO978" s="23"/>
      <c r="GP978" s="23"/>
      <c r="GQ978" s="23"/>
      <c r="GR978" s="23"/>
      <c r="GS978" s="23"/>
      <c r="GT978" s="23"/>
      <c r="GU978" s="23"/>
      <c r="GV978" s="23"/>
      <c r="GW978" s="23"/>
      <c r="GX978" s="23"/>
      <c r="GY978" s="23"/>
      <c r="GZ978" s="23"/>
      <c r="HA978" s="23"/>
      <c r="HB978" s="23"/>
      <c r="HC978" s="23"/>
      <c r="HD978" s="23"/>
      <c r="HE978" s="23"/>
      <c r="HF978" s="23"/>
      <c r="HG978" s="23"/>
      <c r="HH978" s="23"/>
      <c r="HI978" s="23"/>
      <c r="HJ978" s="23"/>
      <c r="HK978" s="23"/>
      <c r="HL978" s="23"/>
      <c r="HM978" s="23"/>
      <c r="HN978" s="23"/>
      <c r="HO978" s="23"/>
      <c r="HP978" s="23"/>
      <c r="HQ978" s="23"/>
      <c r="HR978" s="23"/>
      <c r="HS978" s="23"/>
      <c r="HT978" s="23"/>
      <c r="HU978" s="23"/>
      <c r="HV978" s="23"/>
      <c r="HW978" s="23"/>
      <c r="HX978" s="23"/>
      <c r="HY978" s="23"/>
      <c r="HZ978" s="23"/>
      <c r="IA978" s="23"/>
      <c r="IB978" s="23"/>
      <c r="IC978" s="23"/>
      <c r="ID978" s="23"/>
      <c r="IE978" s="23"/>
      <c r="IF978" s="23"/>
      <c r="IG978" s="23"/>
      <c r="IH978" s="23"/>
      <c r="II978" s="23"/>
      <c r="IJ978" s="23"/>
      <c r="IK978" s="23"/>
      <c r="IL978" s="23"/>
      <c r="IM978" s="23"/>
      <c r="IN978" s="23"/>
      <c r="IO978" s="23"/>
      <c r="IP978" s="23"/>
      <c r="IQ978" s="23"/>
    </row>
    <row r="979" spans="1:251" s="50" customFormat="1" ht="18.75" customHeight="1" thickBot="1">
      <c r="A979" s="34"/>
      <c r="B979" s="49"/>
      <c r="C979" s="158"/>
      <c r="D979" s="158"/>
      <c r="E979" s="158"/>
      <c r="F979" s="158"/>
      <c r="G979" s="158"/>
      <c r="H979" s="158"/>
      <c r="I979" s="158"/>
      <c r="J979" s="158"/>
      <c r="K979" s="158"/>
      <c r="L979" s="158"/>
      <c r="M979" s="158"/>
      <c r="N979" s="158"/>
      <c r="O979" s="158"/>
      <c r="P979" s="158"/>
      <c r="Q979" s="158"/>
      <c r="R979" s="158"/>
      <c r="S979" s="158"/>
      <c r="T979" s="158"/>
      <c r="U979" s="158"/>
      <c r="V979" s="158"/>
      <c r="W979" s="158"/>
      <c r="X979" s="158"/>
      <c r="Y979" s="158"/>
      <c r="Z979" s="159"/>
      <c r="AA979" s="160"/>
      <c r="AB979" s="211"/>
      <c r="AC979" s="211"/>
      <c r="AD979" s="211"/>
      <c r="AE979" s="211"/>
      <c r="AF979" s="211"/>
      <c r="AG979" s="211"/>
      <c r="AH979" s="211"/>
      <c r="AI979" s="212"/>
      <c r="AJ979" s="160"/>
      <c r="AK979" s="161"/>
      <c r="AL979" s="161"/>
      <c r="AM979" s="161"/>
      <c r="AN979" s="161"/>
      <c r="AO979" s="161"/>
      <c r="AP979" s="161"/>
      <c r="AQ979" s="161"/>
      <c r="AR979" s="162"/>
      <c r="AS979" s="188"/>
      <c r="AT979" s="213"/>
      <c r="AU979" s="213"/>
      <c r="AV979" s="213"/>
      <c r="AW979" s="213"/>
      <c r="AX979" s="214"/>
      <c r="AY979" s="23"/>
      <c r="AZ979" s="23"/>
      <c r="BA979" s="23"/>
      <c r="BB979" s="23"/>
      <c r="BC979" s="23"/>
      <c r="BD979" s="23"/>
      <c r="BE979" s="23"/>
      <c r="BF979" s="23"/>
      <c r="BG979" s="23"/>
      <c r="BH979" s="23"/>
      <c r="BI979" s="23"/>
      <c r="BJ979" s="23"/>
      <c r="BK979" s="23"/>
      <c r="BL979" s="23"/>
      <c r="BM979" s="23"/>
      <c r="BN979" s="23"/>
      <c r="BO979" s="23"/>
      <c r="BP979" s="23"/>
      <c r="BQ979" s="23"/>
      <c r="BR979" s="23"/>
      <c r="BS979" s="23"/>
      <c r="BT979" s="23"/>
      <c r="BU979" s="23"/>
      <c r="BV979" s="23"/>
      <c r="BW979" s="23"/>
      <c r="BX979" s="23"/>
      <c r="BY979" s="23"/>
      <c r="BZ979" s="23"/>
      <c r="CA979" s="23"/>
      <c r="CB979" s="23"/>
      <c r="CC979" s="23"/>
      <c r="CD979" s="23"/>
      <c r="CE979" s="23"/>
      <c r="CF979" s="23"/>
      <c r="CG979" s="23"/>
      <c r="CH979" s="23"/>
      <c r="CI979" s="23"/>
      <c r="CJ979" s="23"/>
      <c r="CK979" s="23"/>
      <c r="CL979" s="23"/>
      <c r="CM979" s="23"/>
      <c r="CN979" s="23"/>
      <c r="CO979" s="23"/>
      <c r="CP979" s="23"/>
      <c r="CQ979" s="23"/>
      <c r="CR979" s="23"/>
      <c r="CS979" s="23"/>
      <c r="CT979" s="23"/>
      <c r="CU979" s="23"/>
      <c r="CV979" s="23"/>
      <c r="CW979" s="23"/>
      <c r="CX979" s="23"/>
      <c r="CY979" s="23"/>
      <c r="CZ979" s="23"/>
      <c r="DA979" s="23"/>
      <c r="DB979" s="23"/>
      <c r="DC979" s="23"/>
      <c r="DD979" s="23"/>
      <c r="DE979" s="23"/>
      <c r="DF979" s="23"/>
      <c r="DG979" s="23"/>
      <c r="DH979" s="23"/>
      <c r="DI979" s="23"/>
      <c r="DJ979" s="23"/>
      <c r="DK979" s="23"/>
      <c r="DL979" s="23"/>
      <c r="DM979" s="23"/>
      <c r="DN979" s="23"/>
      <c r="DO979" s="23"/>
      <c r="DP979" s="23"/>
      <c r="DQ979" s="23"/>
      <c r="DR979" s="23"/>
      <c r="DS979" s="23"/>
      <c r="DT979" s="23"/>
      <c r="DU979" s="23"/>
      <c r="DV979" s="23"/>
      <c r="DW979" s="23"/>
      <c r="DX979" s="23"/>
      <c r="DY979" s="23"/>
      <c r="DZ979" s="23"/>
      <c r="EA979" s="23"/>
      <c r="EB979" s="23"/>
      <c r="EC979" s="23"/>
      <c r="ED979" s="23"/>
      <c r="EE979" s="23"/>
      <c r="EF979" s="23"/>
      <c r="EG979" s="23"/>
      <c r="EH979" s="23"/>
      <c r="EI979" s="23"/>
      <c r="EJ979" s="23"/>
      <c r="EK979" s="23"/>
      <c r="EL979" s="23"/>
      <c r="EM979" s="23"/>
      <c r="EN979" s="23"/>
      <c r="EO979" s="23"/>
      <c r="EP979" s="23"/>
      <c r="EQ979" s="23"/>
      <c r="ER979" s="23"/>
      <c r="ES979" s="23"/>
      <c r="ET979" s="23"/>
      <c r="EU979" s="23"/>
      <c r="EV979" s="23"/>
      <c r="EW979" s="23"/>
      <c r="EX979" s="23"/>
      <c r="EY979" s="23"/>
      <c r="EZ979" s="23"/>
      <c r="FA979" s="23"/>
      <c r="FB979" s="23"/>
      <c r="FC979" s="23"/>
      <c r="FD979" s="23"/>
      <c r="FE979" s="23"/>
      <c r="FF979" s="23"/>
      <c r="FG979" s="23"/>
      <c r="FH979" s="23"/>
      <c r="FI979" s="23"/>
      <c r="FJ979" s="23"/>
      <c r="FK979" s="23"/>
      <c r="FL979" s="23"/>
      <c r="FM979" s="23"/>
      <c r="FN979" s="23"/>
      <c r="FO979" s="23"/>
      <c r="FP979" s="23"/>
      <c r="FQ979" s="23"/>
      <c r="FR979" s="23"/>
      <c r="FS979" s="23"/>
      <c r="FT979" s="23"/>
      <c r="FU979" s="23"/>
      <c r="FV979" s="23"/>
      <c r="FW979" s="23"/>
      <c r="FX979" s="23"/>
      <c r="FY979" s="23"/>
      <c r="FZ979" s="23"/>
      <c r="GA979" s="23"/>
      <c r="GB979" s="23"/>
      <c r="GC979" s="23"/>
      <c r="GD979" s="23"/>
      <c r="GE979" s="23"/>
      <c r="GF979" s="23"/>
      <c r="GG979" s="23"/>
      <c r="GH979" s="23"/>
      <c r="GI979" s="23"/>
      <c r="GJ979" s="23"/>
      <c r="GK979" s="23"/>
      <c r="GL979" s="23"/>
      <c r="GM979" s="23"/>
      <c r="GN979" s="23"/>
      <c r="GO979" s="23"/>
      <c r="GP979" s="23"/>
      <c r="GQ979" s="23"/>
      <c r="GR979" s="23"/>
      <c r="GS979" s="23"/>
      <c r="GT979" s="23"/>
      <c r="GU979" s="23"/>
      <c r="GV979" s="23"/>
      <c r="GW979" s="23"/>
      <c r="GX979" s="23"/>
      <c r="GY979" s="23"/>
      <c r="GZ979" s="23"/>
      <c r="HA979" s="23"/>
      <c r="HB979" s="23"/>
      <c r="HC979" s="23"/>
      <c r="HD979" s="23"/>
      <c r="HE979" s="23"/>
      <c r="HF979" s="23"/>
      <c r="HG979" s="23"/>
      <c r="HH979" s="23"/>
      <c r="HI979" s="23"/>
      <c r="HJ979" s="23"/>
      <c r="HK979" s="23"/>
      <c r="HL979" s="23"/>
      <c r="HM979" s="23"/>
      <c r="HN979" s="23"/>
      <c r="HO979" s="23"/>
      <c r="HP979" s="23"/>
      <c r="HQ979" s="23"/>
      <c r="HR979" s="23"/>
      <c r="HS979" s="23"/>
      <c r="HT979" s="23"/>
      <c r="HU979" s="23"/>
      <c r="HV979" s="23"/>
      <c r="HW979" s="23"/>
      <c r="HX979" s="23"/>
      <c r="HY979" s="23"/>
      <c r="HZ979" s="23"/>
      <c r="IA979" s="23"/>
      <c r="IB979" s="23"/>
      <c r="IC979" s="23"/>
      <c r="ID979" s="23"/>
      <c r="IE979" s="23"/>
      <c r="IF979" s="23"/>
      <c r="IG979" s="23"/>
      <c r="IH979" s="23"/>
      <c r="II979" s="23"/>
      <c r="IJ979" s="23"/>
      <c r="IK979" s="23"/>
      <c r="IL979" s="23"/>
      <c r="IM979" s="23"/>
      <c r="IN979" s="23"/>
      <c r="IO979" s="23"/>
      <c r="IP979" s="23"/>
      <c r="IQ979" s="23"/>
    </row>
    <row r="980" spans="1:251" s="50" customFormat="1" ht="18.75" customHeight="1" thickTop="1" thickBot="1">
      <c r="A980" s="38"/>
      <c r="B980" s="164" t="s">
        <v>105</v>
      </c>
      <c r="C980" s="191"/>
      <c r="D980" s="191"/>
      <c r="E980" s="191"/>
      <c r="F980" s="191"/>
      <c r="G980" s="191"/>
      <c r="H980" s="191"/>
      <c r="I980" s="191"/>
      <c r="J980" s="191"/>
      <c r="K980" s="191"/>
      <c r="L980" s="191"/>
      <c r="M980" s="191"/>
      <c r="N980" s="191"/>
      <c r="O980" s="191"/>
      <c r="P980" s="191"/>
      <c r="Q980" s="191"/>
      <c r="R980" s="191"/>
      <c r="S980" s="191"/>
      <c r="T980" s="191"/>
      <c r="U980" s="191"/>
      <c r="V980" s="191"/>
      <c r="W980" s="191"/>
      <c r="X980" s="191"/>
      <c r="Y980" s="191"/>
      <c r="Z980" s="192"/>
      <c r="AA980" s="167">
        <f>SUM(AA972:AA979)</f>
        <v>9158</v>
      </c>
      <c r="AB980" s="215"/>
      <c r="AC980" s="215"/>
      <c r="AD980" s="215"/>
      <c r="AE980" s="215"/>
      <c r="AF980" s="215"/>
      <c r="AG980" s="215"/>
      <c r="AH980" s="215"/>
      <c r="AI980" s="216"/>
      <c r="AJ980" s="167">
        <f>SUM(AJ972:AJ979)</f>
        <v>583529</v>
      </c>
      <c r="AK980" s="215"/>
      <c r="AL980" s="215"/>
      <c r="AM980" s="215"/>
      <c r="AN980" s="215"/>
      <c r="AO980" s="215"/>
      <c r="AP980" s="215"/>
      <c r="AQ980" s="215"/>
      <c r="AR980" s="216"/>
      <c r="AS980" s="167"/>
      <c r="AT980" s="215"/>
      <c r="AU980" s="215"/>
      <c r="AV980" s="215"/>
      <c r="AW980" s="215"/>
      <c r="AX980" s="217"/>
      <c r="AY980" s="23"/>
      <c r="AZ980" s="23"/>
      <c r="BA980" s="23"/>
      <c r="BB980" s="23"/>
      <c r="BC980" s="23"/>
      <c r="BD980" s="23"/>
      <c r="BE980" s="23"/>
      <c r="BF980" s="23"/>
      <c r="BG980" s="23"/>
      <c r="BH980" s="23"/>
      <c r="BI980" s="23"/>
      <c r="BJ980" s="23"/>
      <c r="BK980" s="23"/>
      <c r="BL980" s="23"/>
      <c r="BM980" s="23"/>
      <c r="BN980" s="23"/>
      <c r="BO980" s="23"/>
      <c r="BP980" s="23"/>
      <c r="BQ980" s="23"/>
      <c r="BR980" s="23"/>
      <c r="BS980" s="23"/>
      <c r="BT980" s="23"/>
      <c r="BU980" s="23"/>
      <c r="BV980" s="23"/>
      <c r="BW980" s="23"/>
      <c r="BX980" s="23"/>
      <c r="BY980" s="23"/>
      <c r="BZ980" s="23"/>
      <c r="CA980" s="23"/>
      <c r="CB980" s="23"/>
      <c r="CC980" s="23"/>
      <c r="CD980" s="23"/>
      <c r="CE980" s="23"/>
      <c r="CF980" s="23"/>
      <c r="CG980" s="23"/>
      <c r="CH980" s="23"/>
      <c r="CI980" s="23"/>
      <c r="CJ980" s="23"/>
      <c r="CK980" s="23"/>
      <c r="CL980" s="23"/>
      <c r="CM980" s="23"/>
      <c r="CN980" s="23"/>
      <c r="CO980" s="23"/>
      <c r="CP980" s="23"/>
      <c r="CQ980" s="23"/>
      <c r="CR980" s="23"/>
      <c r="CS980" s="23"/>
      <c r="CT980" s="23"/>
      <c r="CU980" s="23"/>
      <c r="CV980" s="23"/>
      <c r="CW980" s="23"/>
      <c r="CX980" s="23"/>
      <c r="CY980" s="23"/>
      <c r="CZ980" s="23"/>
      <c r="DA980" s="23"/>
      <c r="DB980" s="23"/>
      <c r="DC980" s="23"/>
      <c r="DD980" s="23"/>
      <c r="DE980" s="23"/>
      <c r="DF980" s="23"/>
      <c r="DG980" s="23"/>
      <c r="DH980" s="23"/>
      <c r="DI980" s="23"/>
      <c r="DJ980" s="23"/>
      <c r="DK980" s="23"/>
      <c r="DL980" s="23"/>
      <c r="DM980" s="23"/>
      <c r="DN980" s="23"/>
      <c r="DO980" s="23"/>
      <c r="DP980" s="23"/>
      <c r="DQ980" s="23"/>
      <c r="DR980" s="23"/>
      <c r="DS980" s="23"/>
      <c r="DT980" s="23"/>
      <c r="DU980" s="23"/>
      <c r="DV980" s="23"/>
      <c r="DW980" s="23"/>
      <c r="DX980" s="23"/>
      <c r="DY980" s="23"/>
      <c r="DZ980" s="23"/>
      <c r="EA980" s="23"/>
      <c r="EB980" s="23"/>
      <c r="EC980" s="23"/>
      <c r="ED980" s="23"/>
      <c r="EE980" s="23"/>
      <c r="EF980" s="23"/>
      <c r="EG980" s="23"/>
      <c r="EH980" s="23"/>
      <c r="EI980" s="23"/>
      <c r="EJ980" s="23"/>
      <c r="EK980" s="23"/>
      <c r="EL980" s="23"/>
      <c r="EM980" s="23"/>
      <c r="EN980" s="23"/>
      <c r="EO980" s="23"/>
      <c r="EP980" s="23"/>
      <c r="EQ980" s="23"/>
      <c r="ER980" s="23"/>
      <c r="ES980" s="23"/>
      <c r="ET980" s="23"/>
      <c r="EU980" s="23"/>
      <c r="EV980" s="23"/>
      <c r="EW980" s="23"/>
      <c r="EX980" s="23"/>
      <c r="EY980" s="23"/>
      <c r="EZ980" s="23"/>
      <c r="FA980" s="23"/>
      <c r="FB980" s="23"/>
      <c r="FC980" s="23"/>
      <c r="FD980" s="23"/>
      <c r="FE980" s="23"/>
      <c r="FF980" s="23"/>
      <c r="FG980" s="23"/>
      <c r="FH980" s="23"/>
      <c r="FI980" s="23"/>
      <c r="FJ980" s="23"/>
      <c r="FK980" s="23"/>
      <c r="FL980" s="23"/>
      <c r="FM980" s="23"/>
      <c r="FN980" s="23"/>
      <c r="FO980" s="23"/>
      <c r="FP980" s="23"/>
      <c r="FQ980" s="23"/>
      <c r="FR980" s="23"/>
      <c r="FS980" s="23"/>
      <c r="FT980" s="23"/>
      <c r="FU980" s="23"/>
      <c r="FV980" s="23"/>
      <c r="FW980" s="23"/>
      <c r="FX980" s="23"/>
      <c r="FY980" s="23"/>
      <c r="FZ980" s="23"/>
      <c r="GA980" s="23"/>
      <c r="GB980" s="23"/>
      <c r="GC980" s="23"/>
      <c r="GD980" s="23"/>
      <c r="GE980" s="23"/>
      <c r="GF980" s="23"/>
      <c r="GG980" s="23"/>
      <c r="GH980" s="23"/>
      <c r="GI980" s="23"/>
      <c r="GJ980" s="23"/>
      <c r="GK980" s="23"/>
      <c r="GL980" s="23"/>
      <c r="GM980" s="23"/>
      <c r="GN980" s="23"/>
      <c r="GO980" s="23"/>
      <c r="GP980" s="23"/>
      <c r="GQ980" s="23"/>
      <c r="GR980" s="23"/>
      <c r="GS980" s="23"/>
      <c r="GT980" s="23"/>
      <c r="GU980" s="23"/>
      <c r="GV980" s="23"/>
      <c r="GW980" s="23"/>
      <c r="GX980" s="23"/>
      <c r="GY980" s="23"/>
      <c r="GZ980" s="23"/>
      <c r="HA980" s="23"/>
      <c r="HB980" s="23"/>
      <c r="HC980" s="23"/>
      <c r="HD980" s="23"/>
      <c r="HE980" s="23"/>
      <c r="HF980" s="23"/>
      <c r="HG980" s="23"/>
      <c r="HH980" s="23"/>
      <c r="HI980" s="23"/>
      <c r="HJ980" s="23"/>
      <c r="HK980" s="23"/>
      <c r="HL980" s="23"/>
      <c r="HM980" s="23"/>
      <c r="HN980" s="23"/>
      <c r="HO980" s="23"/>
      <c r="HP980" s="23"/>
      <c r="HQ980" s="23"/>
      <c r="HR980" s="23"/>
      <c r="HS980" s="23"/>
      <c r="HT980" s="23"/>
      <c r="HU980" s="23"/>
      <c r="HV980" s="23"/>
      <c r="HW980" s="23"/>
      <c r="HX980" s="23"/>
      <c r="HY980" s="23"/>
      <c r="HZ980" s="23"/>
      <c r="IA980" s="23"/>
      <c r="IB980" s="23"/>
      <c r="IC980" s="23"/>
      <c r="ID980" s="23"/>
      <c r="IE980" s="23"/>
      <c r="IF980" s="23"/>
      <c r="IG980" s="23"/>
      <c r="IH980" s="23"/>
      <c r="II980" s="23"/>
      <c r="IJ980" s="23"/>
      <c r="IK980" s="23"/>
      <c r="IL980" s="23"/>
      <c r="IM980" s="23"/>
      <c r="IN980" s="23"/>
      <c r="IO980" s="23"/>
      <c r="IP980" s="23"/>
      <c r="IQ980" s="23"/>
    </row>
    <row r="982" spans="1:251" s="23" customFormat="1" ht="19.2">
      <c r="A982" s="22" t="s">
        <v>86</v>
      </c>
      <c r="AW982" s="24"/>
      <c r="AX982" s="25"/>
      <c r="AY982" s="24"/>
    </row>
    <row r="983" spans="1:251" s="23" customFormat="1" ht="13.2"/>
    <row r="984" spans="1:251" s="23" customFormat="1">
      <c r="A984" s="26"/>
      <c r="B984" s="115" t="s">
        <v>87</v>
      </c>
      <c r="C984" s="153"/>
      <c r="D984" s="153"/>
      <c r="E984" s="153"/>
      <c r="F984" s="153"/>
      <c r="G984" s="153"/>
      <c r="H984" s="153"/>
      <c r="I984" s="153"/>
      <c r="J984" s="153"/>
      <c r="K984" s="153"/>
      <c r="L984" s="153"/>
      <c r="M984" s="153"/>
      <c r="N984" s="153"/>
      <c r="O984" s="153"/>
      <c r="P984" s="153"/>
      <c r="Q984" s="153"/>
      <c r="R984" s="153"/>
      <c r="S984" s="153"/>
      <c r="T984" s="153"/>
      <c r="U984" s="153"/>
      <c r="V984" s="153"/>
      <c r="W984" s="153"/>
      <c r="X984" s="153"/>
      <c r="Y984" s="153"/>
      <c r="Z984" s="153"/>
      <c r="AA984" s="153"/>
      <c r="AB984" s="153"/>
      <c r="AC984" s="153"/>
      <c r="AD984" s="153"/>
      <c r="AE984" s="153"/>
      <c r="AF984" s="153"/>
      <c r="AG984" s="153"/>
      <c r="AH984" s="153"/>
      <c r="AI984" s="153"/>
      <c r="AJ984" s="153"/>
      <c r="AK984" s="153"/>
      <c r="AL984" s="153"/>
      <c r="AM984" s="153"/>
      <c r="AN984" s="153"/>
      <c r="AO984" s="153"/>
      <c r="AP984" s="153"/>
      <c r="AQ984" s="153"/>
      <c r="AR984" s="153"/>
      <c r="AS984" s="153"/>
      <c r="AT984" s="153"/>
      <c r="AU984" s="153"/>
      <c r="AV984" s="153"/>
      <c r="AW984" s="153"/>
      <c r="AX984" s="153"/>
      <c r="AY984" s="26"/>
    </row>
    <row r="985" spans="1:251" s="23" customFormat="1" ht="13.2">
      <c r="Z985" s="27"/>
      <c r="AD985" s="27"/>
      <c r="AE985" s="27"/>
      <c r="AF985" s="27"/>
      <c r="AG985" s="27"/>
      <c r="AH985" s="27"/>
      <c r="AI985" s="27"/>
      <c r="AO985" s="27"/>
    </row>
    <row r="986" spans="1:251" s="23" customFormat="1" ht="13.8" thickBot="1">
      <c r="Z986" s="27"/>
      <c r="AD986" s="27"/>
      <c r="AE986" s="27"/>
      <c r="AF986" s="27"/>
      <c r="AG986" s="27"/>
      <c r="AH986" s="27"/>
      <c r="AI986" s="27"/>
      <c r="AO986" s="27"/>
      <c r="DI986" s="28"/>
    </row>
    <row r="987" spans="1:251" s="23" customFormat="1" ht="24.6" customHeight="1" thickBot="1">
      <c r="A987" s="116" t="s">
        <v>88</v>
      </c>
      <c r="B987" s="117"/>
      <c r="C987" s="117"/>
      <c r="D987" s="117"/>
      <c r="E987" s="117"/>
      <c r="F987" s="117"/>
      <c r="G987" s="117"/>
      <c r="H987" s="117"/>
      <c r="I987" s="117"/>
      <c r="J987" s="117"/>
      <c r="K987" s="118"/>
      <c r="L987" s="154">
        <v>29</v>
      </c>
      <c r="M987" s="154"/>
      <c r="N987" s="154"/>
      <c r="O987" s="155"/>
      <c r="P987" s="122" t="s">
        <v>89</v>
      </c>
      <c r="Q987" s="120"/>
      <c r="R987" s="120"/>
      <c r="S987" s="120"/>
      <c r="T987" s="120"/>
      <c r="U987" s="123"/>
      <c r="V987" s="156" t="s">
        <v>188</v>
      </c>
      <c r="W987" s="156"/>
      <c r="X987" s="156"/>
      <c r="Y987" s="156"/>
      <c r="Z987" s="156"/>
      <c r="AA987" s="156"/>
      <c r="AB987" s="156"/>
      <c r="AC987" s="156"/>
      <c r="AD987" s="156"/>
      <c r="AE987" s="156"/>
      <c r="AF987" s="156"/>
      <c r="AG987" s="156"/>
      <c r="AH987" s="156"/>
      <c r="AI987" s="156"/>
      <c r="AJ987" s="156"/>
      <c r="AK987" s="156"/>
      <c r="AL987" s="156"/>
      <c r="AM987" s="156"/>
      <c r="AN987" s="156"/>
      <c r="AO987" s="156"/>
      <c r="AP987" s="156"/>
      <c r="AQ987" s="156"/>
      <c r="AR987" s="156"/>
      <c r="AS987" s="156"/>
      <c r="AT987" s="156"/>
      <c r="AU987" s="156"/>
      <c r="AV987" s="156"/>
      <c r="AW987" s="156"/>
      <c r="AX987" s="157"/>
      <c r="DI987" s="28"/>
    </row>
    <row r="988" spans="1:251" s="23" customFormat="1" ht="14.4">
      <c r="A988" s="29"/>
      <c r="B988" s="29"/>
      <c r="C988" s="29"/>
      <c r="D988" s="29"/>
      <c r="E988" s="29"/>
      <c r="F988" s="29"/>
      <c r="G988" s="29"/>
      <c r="H988" s="29"/>
      <c r="I988" s="29"/>
      <c r="J988" s="29"/>
      <c r="K988" s="29"/>
      <c r="L988" s="30"/>
      <c r="M988" s="30"/>
      <c r="N988" s="30"/>
      <c r="O988" s="30"/>
      <c r="P988" s="29"/>
      <c r="Q988" s="29"/>
      <c r="R988" s="29"/>
      <c r="S988" s="29"/>
      <c r="T988" s="29"/>
      <c r="U988" s="29"/>
      <c r="V988" s="31"/>
      <c r="W988" s="31"/>
      <c r="X988" s="31"/>
      <c r="Y988" s="31"/>
      <c r="Z988" s="31"/>
      <c r="AA988" s="31"/>
      <c r="AB988" s="31"/>
      <c r="AC988" s="31"/>
      <c r="AD988" s="31"/>
      <c r="AE988" s="31"/>
      <c r="AF988" s="31"/>
      <c r="AG988" s="31"/>
      <c r="AH988" s="31"/>
      <c r="AI988" s="31"/>
      <c r="AJ988" s="31"/>
      <c r="AK988" s="31"/>
      <c r="AL988" s="31"/>
      <c r="AM988" s="31"/>
      <c r="AN988" s="31"/>
      <c r="AO988" s="31"/>
      <c r="AP988" s="31"/>
      <c r="AQ988" s="31"/>
      <c r="AR988" s="31"/>
      <c r="AS988" s="31"/>
      <c r="AT988" s="31"/>
      <c r="AU988" s="31"/>
      <c r="AV988" s="31"/>
      <c r="AW988" s="31"/>
      <c r="AX988" s="31"/>
      <c r="DI988" s="28"/>
    </row>
    <row r="989" spans="1:251" s="23" customFormat="1" ht="15" thickBot="1">
      <c r="A989" s="32"/>
      <c r="B989" s="33" t="s">
        <v>91</v>
      </c>
      <c r="C989" s="34"/>
      <c r="D989" s="34"/>
      <c r="E989" s="34"/>
      <c r="F989" s="34"/>
      <c r="G989" s="34"/>
      <c r="H989" s="34"/>
      <c r="I989" s="34"/>
      <c r="J989" s="34"/>
      <c r="K989" s="34"/>
      <c r="L989" s="35"/>
      <c r="M989" s="35"/>
      <c r="N989" s="35"/>
      <c r="O989" s="35"/>
      <c r="P989" s="34"/>
      <c r="Q989" s="34"/>
      <c r="R989" s="34"/>
      <c r="S989" s="34"/>
      <c r="T989" s="34"/>
      <c r="U989" s="34"/>
      <c r="V989" s="33"/>
      <c r="W989" s="33"/>
      <c r="X989" s="33"/>
      <c r="Y989" s="33"/>
      <c r="Z989" s="33"/>
      <c r="AA989" s="33"/>
      <c r="AB989" s="33"/>
      <c r="AC989" s="33"/>
      <c r="AD989" s="33"/>
      <c r="AE989" s="33"/>
      <c r="AF989" s="33"/>
      <c r="AG989" s="33"/>
      <c r="AH989" s="33"/>
      <c r="AI989" s="33"/>
      <c r="AJ989" s="33"/>
      <c r="AK989" s="33"/>
      <c r="AL989" s="33"/>
      <c r="AM989" s="33"/>
      <c r="AN989" s="33"/>
      <c r="AO989" s="33"/>
      <c r="AP989" s="33"/>
      <c r="AQ989" s="33"/>
      <c r="AR989" s="33"/>
      <c r="AS989" s="33"/>
      <c r="AT989" s="33"/>
      <c r="AU989" s="33"/>
      <c r="AV989" s="33"/>
      <c r="AW989" s="33"/>
      <c r="AX989" s="33"/>
      <c r="DI989" s="28"/>
    </row>
    <row r="990" spans="1:251" s="23" customFormat="1" ht="14.4">
      <c r="A990" s="34"/>
      <c r="B990" s="36"/>
      <c r="C990" s="29"/>
      <c r="D990" s="29"/>
      <c r="E990" s="29"/>
      <c r="F990" s="29"/>
      <c r="G990" s="29"/>
      <c r="H990" s="29"/>
      <c r="I990" s="29"/>
      <c r="J990" s="29"/>
      <c r="K990" s="29"/>
      <c r="L990" s="30"/>
      <c r="M990" s="30"/>
      <c r="N990" s="30"/>
      <c r="O990" s="30"/>
      <c r="P990" s="29"/>
      <c r="Q990" s="29"/>
      <c r="R990" s="29"/>
      <c r="S990" s="29"/>
      <c r="T990" s="29"/>
      <c r="U990" s="29"/>
      <c r="V990" s="31"/>
      <c r="W990" s="31"/>
      <c r="X990" s="31"/>
      <c r="Y990" s="31"/>
      <c r="Z990" s="31"/>
      <c r="AA990" s="31"/>
      <c r="AB990" s="31"/>
      <c r="AC990" s="31"/>
      <c r="AD990" s="31"/>
      <c r="AE990" s="31"/>
      <c r="AF990" s="31"/>
      <c r="AG990" s="31"/>
      <c r="AH990" s="31"/>
      <c r="AI990" s="31"/>
      <c r="AJ990" s="31"/>
      <c r="AK990" s="31"/>
      <c r="AL990" s="31"/>
      <c r="AM990" s="31"/>
      <c r="AN990" s="31"/>
      <c r="AO990" s="31"/>
      <c r="AP990" s="31"/>
      <c r="AQ990" s="31"/>
      <c r="AR990" s="31"/>
      <c r="AS990" s="31"/>
      <c r="AT990" s="31"/>
      <c r="AU990" s="31"/>
      <c r="AV990" s="31"/>
      <c r="AW990" s="31"/>
      <c r="AX990" s="37"/>
    </row>
    <row r="991" spans="1:251" s="23" customFormat="1" ht="10.8" customHeight="1">
      <c r="A991" s="34"/>
      <c r="B991" s="127" t="s">
        <v>189</v>
      </c>
      <c r="C991" s="128"/>
      <c r="D991" s="128"/>
      <c r="E991" s="128"/>
      <c r="F991" s="128"/>
      <c r="G991" s="128"/>
      <c r="H991" s="128"/>
      <c r="I991" s="128"/>
      <c r="J991" s="128"/>
      <c r="K991" s="128"/>
      <c r="L991" s="128"/>
      <c r="M991" s="128"/>
      <c r="N991" s="128"/>
      <c r="O991" s="128"/>
      <c r="P991" s="128"/>
      <c r="Q991" s="128"/>
      <c r="R991" s="128"/>
      <c r="S991" s="128"/>
      <c r="T991" s="128"/>
      <c r="U991" s="128"/>
      <c r="V991" s="128"/>
      <c r="W991" s="128"/>
      <c r="X991" s="128"/>
      <c r="Y991" s="128"/>
      <c r="Z991" s="128"/>
      <c r="AA991" s="128"/>
      <c r="AB991" s="128"/>
      <c r="AC991" s="128"/>
      <c r="AD991" s="128"/>
      <c r="AE991" s="128"/>
      <c r="AF991" s="128"/>
      <c r="AG991" s="128"/>
      <c r="AH991" s="128"/>
      <c r="AI991" s="128"/>
      <c r="AJ991" s="128"/>
      <c r="AK991" s="128"/>
      <c r="AL991" s="128"/>
      <c r="AM991" s="128"/>
      <c r="AN991" s="128"/>
      <c r="AO991" s="128"/>
      <c r="AP991" s="128"/>
      <c r="AQ991" s="128"/>
      <c r="AR991" s="128"/>
      <c r="AS991" s="128"/>
      <c r="AT991" s="128"/>
      <c r="AU991" s="128"/>
      <c r="AV991" s="128"/>
      <c r="AW991" s="128"/>
      <c r="AX991" s="129"/>
    </row>
    <row r="992" spans="1:251" s="23" customFormat="1" ht="10.8" customHeight="1">
      <c r="A992" s="34"/>
      <c r="B992" s="127"/>
      <c r="C992" s="128"/>
      <c r="D992" s="128"/>
      <c r="E992" s="128"/>
      <c r="F992" s="128"/>
      <c r="G992" s="128"/>
      <c r="H992" s="128"/>
      <c r="I992" s="128"/>
      <c r="J992" s="128"/>
      <c r="K992" s="128"/>
      <c r="L992" s="128"/>
      <c r="M992" s="128"/>
      <c r="N992" s="128"/>
      <c r="O992" s="128"/>
      <c r="P992" s="128"/>
      <c r="Q992" s="128"/>
      <c r="R992" s="128"/>
      <c r="S992" s="128"/>
      <c r="T992" s="128"/>
      <c r="U992" s="128"/>
      <c r="V992" s="128"/>
      <c r="W992" s="128"/>
      <c r="X992" s="128"/>
      <c r="Y992" s="128"/>
      <c r="Z992" s="128"/>
      <c r="AA992" s="128"/>
      <c r="AB992" s="128"/>
      <c r="AC992" s="128"/>
      <c r="AD992" s="128"/>
      <c r="AE992" s="128"/>
      <c r="AF992" s="128"/>
      <c r="AG992" s="128"/>
      <c r="AH992" s="128"/>
      <c r="AI992" s="128"/>
      <c r="AJ992" s="128"/>
      <c r="AK992" s="128"/>
      <c r="AL992" s="128"/>
      <c r="AM992" s="128"/>
      <c r="AN992" s="128"/>
      <c r="AO992" s="128"/>
      <c r="AP992" s="128"/>
      <c r="AQ992" s="128"/>
      <c r="AR992" s="128"/>
      <c r="AS992" s="128"/>
      <c r="AT992" s="128"/>
      <c r="AU992" s="128"/>
      <c r="AV992" s="128"/>
      <c r="AW992" s="128"/>
      <c r="AX992" s="129"/>
      <c r="BC992" s="17"/>
    </row>
    <row r="993" spans="1:251" s="23" customFormat="1" ht="10.8" customHeight="1">
      <c r="A993" s="34"/>
      <c r="B993" s="127"/>
      <c r="C993" s="128"/>
      <c r="D993" s="128"/>
      <c r="E993" s="128"/>
      <c r="F993" s="128"/>
      <c r="G993" s="128"/>
      <c r="H993" s="128"/>
      <c r="I993" s="128"/>
      <c r="J993" s="128"/>
      <c r="K993" s="128"/>
      <c r="L993" s="128"/>
      <c r="M993" s="128"/>
      <c r="N993" s="128"/>
      <c r="O993" s="128"/>
      <c r="P993" s="128"/>
      <c r="Q993" s="128"/>
      <c r="R993" s="128"/>
      <c r="S993" s="128"/>
      <c r="T993" s="128"/>
      <c r="U993" s="128"/>
      <c r="V993" s="128"/>
      <c r="W993" s="128"/>
      <c r="X993" s="128"/>
      <c r="Y993" s="128"/>
      <c r="Z993" s="128"/>
      <c r="AA993" s="128"/>
      <c r="AB993" s="128"/>
      <c r="AC993" s="128"/>
      <c r="AD993" s="128"/>
      <c r="AE993" s="128"/>
      <c r="AF993" s="128"/>
      <c r="AG993" s="128"/>
      <c r="AH993" s="128"/>
      <c r="AI993" s="128"/>
      <c r="AJ993" s="128"/>
      <c r="AK993" s="128"/>
      <c r="AL993" s="128"/>
      <c r="AM993" s="128"/>
      <c r="AN993" s="128"/>
      <c r="AO993" s="128"/>
      <c r="AP993" s="128"/>
      <c r="AQ993" s="128"/>
      <c r="AR993" s="128"/>
      <c r="AS993" s="128"/>
      <c r="AT993" s="128"/>
      <c r="AU993" s="128"/>
      <c r="AV993" s="128"/>
      <c r="AW993" s="128"/>
      <c r="AX993" s="129"/>
    </row>
    <row r="994" spans="1:251" s="23" customFormat="1" ht="10.8" customHeight="1">
      <c r="A994" s="34"/>
      <c r="B994" s="127"/>
      <c r="C994" s="128"/>
      <c r="D994" s="128"/>
      <c r="E994" s="128"/>
      <c r="F994" s="128"/>
      <c r="G994" s="128"/>
      <c r="H994" s="128"/>
      <c r="I994" s="128"/>
      <c r="J994" s="128"/>
      <c r="K994" s="128"/>
      <c r="L994" s="128"/>
      <c r="M994" s="128"/>
      <c r="N994" s="128"/>
      <c r="O994" s="128"/>
      <c r="P994" s="128"/>
      <c r="Q994" s="128"/>
      <c r="R994" s="128"/>
      <c r="S994" s="128"/>
      <c r="T994" s="128"/>
      <c r="U994" s="128"/>
      <c r="V994" s="128"/>
      <c r="W994" s="128"/>
      <c r="X994" s="128"/>
      <c r="Y994" s="128"/>
      <c r="Z994" s="128"/>
      <c r="AA994" s="128"/>
      <c r="AB994" s="128"/>
      <c r="AC994" s="128"/>
      <c r="AD994" s="128"/>
      <c r="AE994" s="128"/>
      <c r="AF994" s="128"/>
      <c r="AG994" s="128"/>
      <c r="AH994" s="128"/>
      <c r="AI994" s="128"/>
      <c r="AJ994" s="128"/>
      <c r="AK994" s="128"/>
      <c r="AL994" s="128"/>
      <c r="AM994" s="128"/>
      <c r="AN994" s="128"/>
      <c r="AO994" s="128"/>
      <c r="AP994" s="128"/>
      <c r="AQ994" s="128"/>
      <c r="AR994" s="128"/>
      <c r="AS994" s="128"/>
      <c r="AT994" s="128"/>
      <c r="AU994" s="128"/>
      <c r="AV994" s="128"/>
      <c r="AW994" s="128"/>
      <c r="AX994" s="129"/>
    </row>
    <row r="995" spans="1:251" s="23" customFormat="1" ht="10.8" customHeight="1">
      <c r="A995" s="34"/>
      <c r="B995" s="127"/>
      <c r="C995" s="128"/>
      <c r="D995" s="128"/>
      <c r="E995" s="128"/>
      <c r="F995" s="128"/>
      <c r="G995" s="128"/>
      <c r="H995" s="128"/>
      <c r="I995" s="128"/>
      <c r="J995" s="128"/>
      <c r="K995" s="128"/>
      <c r="L995" s="128"/>
      <c r="M995" s="128"/>
      <c r="N995" s="128"/>
      <c r="O995" s="128"/>
      <c r="P995" s="128"/>
      <c r="Q995" s="128"/>
      <c r="R995" s="128"/>
      <c r="S995" s="128"/>
      <c r="T995" s="128"/>
      <c r="U995" s="128"/>
      <c r="V995" s="128"/>
      <c r="W995" s="128"/>
      <c r="X995" s="128"/>
      <c r="Y995" s="128"/>
      <c r="Z995" s="128"/>
      <c r="AA995" s="128"/>
      <c r="AB995" s="128"/>
      <c r="AC995" s="128"/>
      <c r="AD995" s="128"/>
      <c r="AE995" s="128"/>
      <c r="AF995" s="128"/>
      <c r="AG995" s="128"/>
      <c r="AH995" s="128"/>
      <c r="AI995" s="128"/>
      <c r="AJ995" s="128"/>
      <c r="AK995" s="128"/>
      <c r="AL995" s="128"/>
      <c r="AM995" s="128"/>
      <c r="AN995" s="128"/>
      <c r="AO995" s="128"/>
      <c r="AP995" s="128"/>
      <c r="AQ995" s="128"/>
      <c r="AR995" s="128"/>
      <c r="AS995" s="128"/>
      <c r="AT995" s="128"/>
      <c r="AU995" s="128"/>
      <c r="AV995" s="128"/>
      <c r="AW995" s="128"/>
      <c r="AX995" s="129"/>
    </row>
    <row r="996" spans="1:251" s="23" customFormat="1" ht="10.8" customHeight="1">
      <c r="A996" s="34"/>
      <c r="B996" s="127"/>
      <c r="C996" s="128"/>
      <c r="D996" s="128"/>
      <c r="E996" s="128"/>
      <c r="F996" s="128"/>
      <c r="G996" s="128"/>
      <c r="H996" s="128"/>
      <c r="I996" s="128"/>
      <c r="J996" s="128"/>
      <c r="K996" s="128"/>
      <c r="L996" s="128"/>
      <c r="M996" s="128"/>
      <c r="N996" s="128"/>
      <c r="O996" s="128"/>
      <c r="P996" s="128"/>
      <c r="Q996" s="128"/>
      <c r="R996" s="128"/>
      <c r="S996" s="128"/>
      <c r="T996" s="128"/>
      <c r="U996" s="128"/>
      <c r="V996" s="128"/>
      <c r="W996" s="128"/>
      <c r="X996" s="128"/>
      <c r="Y996" s="128"/>
      <c r="Z996" s="128"/>
      <c r="AA996" s="128"/>
      <c r="AB996" s="128"/>
      <c r="AC996" s="128"/>
      <c r="AD996" s="128"/>
      <c r="AE996" s="128"/>
      <c r="AF996" s="128"/>
      <c r="AG996" s="128"/>
      <c r="AH996" s="128"/>
      <c r="AI996" s="128"/>
      <c r="AJ996" s="128"/>
      <c r="AK996" s="128"/>
      <c r="AL996" s="128"/>
      <c r="AM996" s="128"/>
      <c r="AN996" s="128"/>
      <c r="AO996" s="128"/>
      <c r="AP996" s="128"/>
      <c r="AQ996" s="128"/>
      <c r="AR996" s="128"/>
      <c r="AS996" s="128"/>
      <c r="AT996" s="128"/>
      <c r="AU996" s="128"/>
      <c r="AV996" s="128"/>
      <c r="AW996" s="128"/>
      <c r="AX996" s="129"/>
    </row>
    <row r="997" spans="1:251" s="23" customFormat="1" ht="10.8" customHeight="1">
      <c r="A997" s="34"/>
      <c r="B997" s="127"/>
      <c r="C997" s="128"/>
      <c r="D997" s="128"/>
      <c r="E997" s="128"/>
      <c r="F997" s="128"/>
      <c r="G997" s="128"/>
      <c r="H997" s="128"/>
      <c r="I997" s="128"/>
      <c r="J997" s="128"/>
      <c r="K997" s="128"/>
      <c r="L997" s="128"/>
      <c r="M997" s="128"/>
      <c r="N997" s="128"/>
      <c r="O997" s="128"/>
      <c r="P997" s="128"/>
      <c r="Q997" s="128"/>
      <c r="R997" s="128"/>
      <c r="S997" s="128"/>
      <c r="T997" s="128"/>
      <c r="U997" s="128"/>
      <c r="V997" s="128"/>
      <c r="W997" s="128"/>
      <c r="X997" s="128"/>
      <c r="Y997" s="128"/>
      <c r="Z997" s="128"/>
      <c r="AA997" s="128"/>
      <c r="AB997" s="128"/>
      <c r="AC997" s="128"/>
      <c r="AD997" s="128"/>
      <c r="AE997" s="128"/>
      <c r="AF997" s="128"/>
      <c r="AG997" s="128"/>
      <c r="AH997" s="128"/>
      <c r="AI997" s="128"/>
      <c r="AJ997" s="128"/>
      <c r="AK997" s="128"/>
      <c r="AL997" s="128"/>
      <c r="AM997" s="128"/>
      <c r="AN997" s="128"/>
      <c r="AO997" s="128"/>
      <c r="AP997" s="128"/>
      <c r="AQ997" s="128"/>
      <c r="AR997" s="128"/>
      <c r="AS997" s="128"/>
      <c r="AT997" s="128"/>
      <c r="AU997" s="128"/>
      <c r="AV997" s="128"/>
      <c r="AW997" s="128"/>
      <c r="AX997" s="129"/>
    </row>
    <row r="998" spans="1:251" s="23" customFormat="1" ht="10.8" customHeight="1">
      <c r="A998" s="34"/>
      <c r="B998" s="127"/>
      <c r="C998" s="128"/>
      <c r="D998" s="128"/>
      <c r="E998" s="128"/>
      <c r="F998" s="128"/>
      <c r="G998" s="128"/>
      <c r="H998" s="128"/>
      <c r="I998" s="128"/>
      <c r="J998" s="128"/>
      <c r="K998" s="128"/>
      <c r="L998" s="128"/>
      <c r="M998" s="128"/>
      <c r="N998" s="128"/>
      <c r="O998" s="128"/>
      <c r="P998" s="128"/>
      <c r="Q998" s="128"/>
      <c r="R998" s="128"/>
      <c r="S998" s="128"/>
      <c r="T998" s="128"/>
      <c r="U998" s="128"/>
      <c r="V998" s="128"/>
      <c r="W998" s="128"/>
      <c r="X998" s="128"/>
      <c r="Y998" s="128"/>
      <c r="Z998" s="128"/>
      <c r="AA998" s="128"/>
      <c r="AB998" s="128"/>
      <c r="AC998" s="128"/>
      <c r="AD998" s="128"/>
      <c r="AE998" s="128"/>
      <c r="AF998" s="128"/>
      <c r="AG998" s="128"/>
      <c r="AH998" s="128"/>
      <c r="AI998" s="128"/>
      <c r="AJ998" s="128"/>
      <c r="AK998" s="128"/>
      <c r="AL998" s="128"/>
      <c r="AM998" s="128"/>
      <c r="AN998" s="128"/>
      <c r="AO998" s="128"/>
      <c r="AP998" s="128"/>
      <c r="AQ998" s="128"/>
      <c r="AR998" s="128"/>
      <c r="AS998" s="128"/>
      <c r="AT998" s="128"/>
      <c r="AU998" s="128"/>
      <c r="AV998" s="128"/>
      <c r="AW998" s="128"/>
      <c r="AX998" s="129"/>
    </row>
    <row r="999" spans="1:251" s="23" customFormat="1" ht="10.8" customHeight="1">
      <c r="A999" s="34"/>
      <c r="B999" s="127"/>
      <c r="C999" s="128"/>
      <c r="D999" s="128"/>
      <c r="E999" s="128"/>
      <c r="F999" s="128"/>
      <c r="G999" s="128"/>
      <c r="H999" s="128"/>
      <c r="I999" s="128"/>
      <c r="J999" s="128"/>
      <c r="K999" s="128"/>
      <c r="L999" s="128"/>
      <c r="M999" s="128"/>
      <c r="N999" s="128"/>
      <c r="O999" s="128"/>
      <c r="P999" s="128"/>
      <c r="Q999" s="128"/>
      <c r="R999" s="128"/>
      <c r="S999" s="128"/>
      <c r="T999" s="128"/>
      <c r="U999" s="128"/>
      <c r="V999" s="128"/>
      <c r="W999" s="128"/>
      <c r="X999" s="128"/>
      <c r="Y999" s="128"/>
      <c r="Z999" s="128"/>
      <c r="AA999" s="128"/>
      <c r="AB999" s="128"/>
      <c r="AC999" s="128"/>
      <c r="AD999" s="128"/>
      <c r="AE999" s="128"/>
      <c r="AF999" s="128"/>
      <c r="AG999" s="128"/>
      <c r="AH999" s="128"/>
      <c r="AI999" s="128"/>
      <c r="AJ999" s="128"/>
      <c r="AK999" s="128"/>
      <c r="AL999" s="128"/>
      <c r="AM999" s="128"/>
      <c r="AN999" s="128"/>
      <c r="AO999" s="128"/>
      <c r="AP999" s="128"/>
      <c r="AQ999" s="128"/>
      <c r="AR999" s="128"/>
      <c r="AS999" s="128"/>
      <c r="AT999" s="128"/>
      <c r="AU999" s="128"/>
      <c r="AV999" s="128"/>
      <c r="AW999" s="128"/>
      <c r="AX999" s="129"/>
    </row>
    <row r="1000" spans="1:251" s="23" customFormat="1" ht="10.8" customHeight="1">
      <c r="A1000" s="34"/>
      <c r="B1000" s="127"/>
      <c r="C1000" s="128"/>
      <c r="D1000" s="128"/>
      <c r="E1000" s="128"/>
      <c r="F1000" s="128"/>
      <c r="G1000" s="128"/>
      <c r="H1000" s="128"/>
      <c r="I1000" s="128"/>
      <c r="J1000" s="128"/>
      <c r="K1000" s="128"/>
      <c r="L1000" s="128"/>
      <c r="M1000" s="128"/>
      <c r="N1000" s="128"/>
      <c r="O1000" s="128"/>
      <c r="P1000" s="128"/>
      <c r="Q1000" s="128"/>
      <c r="R1000" s="128"/>
      <c r="S1000" s="128"/>
      <c r="T1000" s="128"/>
      <c r="U1000" s="128"/>
      <c r="V1000" s="128"/>
      <c r="W1000" s="128"/>
      <c r="X1000" s="128"/>
      <c r="Y1000" s="128"/>
      <c r="Z1000" s="128"/>
      <c r="AA1000" s="128"/>
      <c r="AB1000" s="128"/>
      <c r="AC1000" s="128"/>
      <c r="AD1000" s="128"/>
      <c r="AE1000" s="128"/>
      <c r="AF1000" s="128"/>
      <c r="AG1000" s="128"/>
      <c r="AH1000" s="128"/>
      <c r="AI1000" s="128"/>
      <c r="AJ1000" s="128"/>
      <c r="AK1000" s="128"/>
      <c r="AL1000" s="128"/>
      <c r="AM1000" s="128"/>
      <c r="AN1000" s="128"/>
      <c r="AO1000" s="128"/>
      <c r="AP1000" s="128"/>
      <c r="AQ1000" s="128"/>
      <c r="AR1000" s="128"/>
      <c r="AS1000" s="128"/>
      <c r="AT1000" s="128"/>
      <c r="AU1000" s="128"/>
      <c r="AV1000" s="128"/>
      <c r="AW1000" s="128"/>
      <c r="AX1000" s="129"/>
    </row>
    <row r="1001" spans="1:251" s="23" customFormat="1" ht="15" thickBot="1">
      <c r="A1001" s="38"/>
      <c r="B1001" s="39"/>
      <c r="C1001" s="40"/>
      <c r="D1001" s="40"/>
      <c r="E1001" s="40"/>
      <c r="F1001" s="40"/>
      <c r="G1001" s="40"/>
      <c r="H1001" s="40"/>
      <c r="I1001" s="40"/>
      <c r="J1001" s="40"/>
      <c r="K1001" s="40"/>
      <c r="L1001" s="40"/>
      <c r="M1001" s="40"/>
      <c r="N1001" s="40"/>
      <c r="O1001" s="40"/>
      <c r="P1001" s="40"/>
      <c r="Q1001" s="40"/>
      <c r="R1001" s="40"/>
      <c r="S1001" s="40"/>
      <c r="T1001" s="40"/>
      <c r="U1001" s="40"/>
      <c r="V1001" s="40"/>
      <c r="W1001" s="40"/>
      <c r="X1001" s="40"/>
      <c r="Y1001" s="40"/>
      <c r="Z1001" s="40"/>
      <c r="AA1001" s="40"/>
      <c r="AB1001" s="40"/>
      <c r="AC1001" s="40"/>
      <c r="AD1001" s="40"/>
      <c r="AE1001" s="40"/>
      <c r="AF1001" s="40"/>
      <c r="AG1001" s="40"/>
      <c r="AH1001" s="40"/>
      <c r="AI1001" s="40"/>
      <c r="AJ1001" s="40"/>
      <c r="AK1001" s="40"/>
      <c r="AL1001" s="40"/>
      <c r="AM1001" s="40"/>
      <c r="AN1001" s="40"/>
      <c r="AO1001" s="40"/>
      <c r="AP1001" s="40"/>
      <c r="AQ1001" s="40"/>
      <c r="AR1001" s="40"/>
      <c r="AS1001" s="40"/>
      <c r="AT1001" s="40"/>
      <c r="AU1001" s="40"/>
      <c r="AV1001" s="40"/>
      <c r="AW1001" s="40"/>
      <c r="AX1001" s="41"/>
    </row>
    <row r="1002" spans="1:251" s="23" customFormat="1" ht="13.2">
      <c r="B1002" s="42"/>
    </row>
    <row r="1003" spans="1:251" s="23" customFormat="1" ht="14.4">
      <c r="B1003" s="33" t="s">
        <v>93</v>
      </c>
      <c r="C1003" s="34"/>
      <c r="D1003" s="34"/>
      <c r="E1003" s="34"/>
      <c r="F1003" s="34"/>
      <c r="G1003" s="34"/>
      <c r="H1003" s="34"/>
      <c r="I1003" s="34"/>
      <c r="J1003" s="34"/>
      <c r="K1003" s="34"/>
      <c r="L1003" s="35"/>
      <c r="M1003" s="35"/>
      <c r="N1003" s="35"/>
      <c r="O1003" s="35"/>
      <c r="P1003" s="34"/>
      <c r="Q1003" s="34"/>
      <c r="R1003" s="34"/>
      <c r="S1003" s="34"/>
      <c r="T1003" s="34"/>
      <c r="U1003" s="34"/>
      <c r="V1003" s="33"/>
      <c r="W1003" s="33"/>
      <c r="X1003" s="33"/>
      <c r="Y1003" s="33"/>
      <c r="Z1003" s="33"/>
      <c r="AA1003" s="33"/>
      <c r="AB1003" s="33"/>
      <c r="AC1003" s="33"/>
      <c r="AD1003" s="33"/>
      <c r="AE1003" s="33"/>
      <c r="AF1003" s="33"/>
      <c r="AG1003" s="33"/>
      <c r="AH1003" s="33"/>
      <c r="AI1003" s="33"/>
      <c r="AJ1003" s="33"/>
      <c r="AK1003" s="33"/>
      <c r="AL1003" s="33"/>
      <c r="AM1003" s="33"/>
      <c r="AN1003" s="33"/>
      <c r="AO1003" s="33"/>
      <c r="AP1003" s="33"/>
      <c r="AQ1003" s="33"/>
      <c r="AR1003" s="33"/>
      <c r="AS1003" s="33"/>
      <c r="AT1003" s="33"/>
      <c r="AU1003" s="33"/>
      <c r="AV1003" s="33"/>
      <c r="AW1003" s="33"/>
      <c r="AX1003" s="33"/>
    </row>
    <row r="1004" spans="1:251" s="23" customFormat="1" ht="15" thickBot="1">
      <c r="B1004" s="33"/>
      <c r="C1004" s="34"/>
      <c r="D1004" s="34"/>
      <c r="E1004" s="34"/>
      <c r="F1004" s="34"/>
      <c r="G1004" s="34"/>
      <c r="H1004" s="34"/>
      <c r="I1004" s="34"/>
      <c r="J1004" s="34"/>
      <c r="K1004" s="34"/>
      <c r="L1004" s="35"/>
      <c r="M1004" s="35"/>
      <c r="N1004" s="35"/>
      <c r="O1004" s="35"/>
      <c r="P1004" s="34"/>
      <c r="Q1004" s="34"/>
      <c r="R1004" s="34"/>
      <c r="S1004" s="34"/>
      <c r="T1004" s="34"/>
      <c r="U1004" s="34"/>
      <c r="V1004" s="33"/>
      <c r="W1004" s="33"/>
      <c r="X1004" s="33"/>
      <c r="Y1004" s="33"/>
      <c r="Z1004" s="33"/>
      <c r="AA1004" s="33"/>
      <c r="AB1004" s="33"/>
      <c r="AC1004" s="33"/>
      <c r="AD1004" s="33"/>
      <c r="AE1004" s="33"/>
      <c r="AF1004" s="33"/>
      <c r="AG1004" s="33"/>
      <c r="AH1004" s="33"/>
      <c r="AI1004" s="33"/>
      <c r="AJ1004" s="33"/>
      <c r="AK1004" s="33"/>
      <c r="AL1004" s="33"/>
      <c r="AM1004" s="33"/>
      <c r="AN1004" s="33"/>
      <c r="AO1004" s="33"/>
      <c r="AP1004" s="33"/>
      <c r="AQ1004" s="33"/>
      <c r="AR1004" s="33"/>
      <c r="AS1004" s="33"/>
      <c r="AT1004" s="33"/>
      <c r="AU1004" s="33"/>
      <c r="AV1004" s="33"/>
      <c r="AW1004" s="33"/>
      <c r="AX1004" s="43" t="s">
        <v>94</v>
      </c>
    </row>
    <row r="1005" spans="1:251" s="50" customFormat="1" ht="13.5" customHeight="1">
      <c r="A1005" s="34"/>
      <c r="B1005" s="139" t="s">
        <v>95</v>
      </c>
      <c r="C1005" s="203"/>
      <c r="D1005" s="203"/>
      <c r="E1005" s="203"/>
      <c r="F1005" s="203"/>
      <c r="G1005" s="203"/>
      <c r="H1005" s="203"/>
      <c r="I1005" s="203"/>
      <c r="J1005" s="203"/>
      <c r="K1005" s="203"/>
      <c r="L1005" s="203"/>
      <c r="M1005" s="203"/>
      <c r="N1005" s="203"/>
      <c r="O1005" s="203"/>
      <c r="P1005" s="203"/>
      <c r="Q1005" s="203"/>
      <c r="R1005" s="203"/>
      <c r="S1005" s="203"/>
      <c r="T1005" s="203"/>
      <c r="U1005" s="203"/>
      <c r="V1005" s="203"/>
      <c r="W1005" s="203"/>
      <c r="X1005" s="203"/>
      <c r="Y1005" s="203"/>
      <c r="Z1005" s="204"/>
      <c r="AA1005" s="145" t="s">
        <v>116</v>
      </c>
      <c r="AB1005" s="203"/>
      <c r="AC1005" s="203"/>
      <c r="AD1005" s="203"/>
      <c r="AE1005" s="203"/>
      <c r="AF1005" s="203"/>
      <c r="AG1005" s="203"/>
      <c r="AH1005" s="203"/>
      <c r="AI1005" s="204"/>
      <c r="AJ1005" s="145" t="s">
        <v>117</v>
      </c>
      <c r="AK1005" s="203"/>
      <c r="AL1005" s="203"/>
      <c r="AM1005" s="203"/>
      <c r="AN1005" s="203"/>
      <c r="AO1005" s="203"/>
      <c r="AP1005" s="203"/>
      <c r="AQ1005" s="203"/>
      <c r="AR1005" s="204"/>
      <c r="AS1005" s="145" t="s">
        <v>98</v>
      </c>
      <c r="AT1005" s="203"/>
      <c r="AU1005" s="203"/>
      <c r="AV1005" s="203"/>
      <c r="AW1005" s="203"/>
      <c r="AX1005" s="209"/>
      <c r="AY1005" s="23"/>
      <c r="AZ1005" s="23"/>
      <c r="BA1005" s="23"/>
      <c r="BB1005" s="23"/>
      <c r="BC1005" s="23"/>
      <c r="BD1005" s="23"/>
      <c r="BE1005" s="23"/>
      <c r="BF1005" s="23"/>
      <c r="BG1005" s="23"/>
      <c r="BH1005" s="23"/>
      <c r="BI1005" s="23"/>
      <c r="BJ1005" s="23"/>
      <c r="BK1005" s="23"/>
      <c r="BL1005" s="23"/>
      <c r="BM1005" s="23"/>
      <c r="BN1005" s="23"/>
      <c r="BO1005" s="23"/>
      <c r="BP1005" s="23"/>
      <c r="BQ1005" s="23"/>
      <c r="BR1005" s="23"/>
      <c r="BS1005" s="23"/>
      <c r="BT1005" s="23"/>
      <c r="BU1005" s="23"/>
      <c r="BV1005" s="23"/>
      <c r="BW1005" s="23"/>
      <c r="BX1005" s="23"/>
      <c r="BY1005" s="23"/>
      <c r="BZ1005" s="23"/>
      <c r="CA1005" s="23"/>
      <c r="CB1005" s="23"/>
      <c r="CC1005" s="23"/>
      <c r="CD1005" s="23"/>
      <c r="CE1005" s="23"/>
      <c r="CF1005" s="23"/>
      <c r="CG1005" s="23"/>
      <c r="CH1005" s="23"/>
      <c r="CI1005" s="23"/>
      <c r="CJ1005" s="23"/>
      <c r="CK1005" s="23"/>
      <c r="CL1005" s="23"/>
      <c r="CM1005" s="23"/>
      <c r="CN1005" s="23"/>
      <c r="CO1005" s="23"/>
      <c r="CP1005" s="23"/>
      <c r="CQ1005" s="23"/>
      <c r="CR1005" s="23"/>
      <c r="CS1005" s="23"/>
      <c r="CT1005" s="23"/>
      <c r="CU1005" s="23"/>
      <c r="CV1005" s="23"/>
      <c r="CW1005" s="23"/>
      <c r="CX1005" s="23"/>
      <c r="CY1005" s="23"/>
      <c r="CZ1005" s="23"/>
      <c r="DA1005" s="23"/>
      <c r="DB1005" s="23"/>
      <c r="DC1005" s="23"/>
      <c r="DD1005" s="23"/>
      <c r="DE1005" s="23"/>
      <c r="DF1005" s="23"/>
      <c r="DG1005" s="23"/>
      <c r="DH1005" s="23"/>
      <c r="DI1005" s="23"/>
      <c r="DJ1005" s="23"/>
      <c r="DK1005" s="23"/>
      <c r="DL1005" s="23"/>
      <c r="DM1005" s="23"/>
      <c r="DN1005" s="23"/>
      <c r="DO1005" s="23"/>
      <c r="DP1005" s="23"/>
      <c r="DQ1005" s="23"/>
      <c r="DR1005" s="23"/>
      <c r="DS1005" s="23"/>
      <c r="DT1005" s="23"/>
      <c r="DU1005" s="23"/>
      <c r="DV1005" s="23"/>
      <c r="DW1005" s="23"/>
      <c r="DX1005" s="23"/>
      <c r="DY1005" s="23"/>
      <c r="DZ1005" s="23"/>
      <c r="EA1005" s="23"/>
      <c r="EB1005" s="23"/>
      <c r="EC1005" s="23"/>
      <c r="ED1005" s="23"/>
      <c r="EE1005" s="23"/>
      <c r="EF1005" s="23"/>
      <c r="EG1005" s="23"/>
      <c r="EH1005" s="23"/>
      <c r="EI1005" s="23"/>
      <c r="EJ1005" s="23"/>
      <c r="EK1005" s="23"/>
      <c r="EL1005" s="23"/>
      <c r="EM1005" s="23"/>
      <c r="EN1005" s="23"/>
      <c r="EO1005" s="23"/>
      <c r="EP1005" s="23"/>
      <c r="EQ1005" s="23"/>
      <c r="ER1005" s="23"/>
      <c r="ES1005" s="23"/>
      <c r="ET1005" s="23"/>
      <c r="EU1005" s="23"/>
      <c r="EV1005" s="23"/>
      <c r="EW1005" s="23"/>
      <c r="EX1005" s="23"/>
      <c r="EY1005" s="23"/>
      <c r="EZ1005" s="23"/>
      <c r="FA1005" s="23"/>
      <c r="FB1005" s="23"/>
      <c r="FC1005" s="23"/>
      <c r="FD1005" s="23"/>
      <c r="FE1005" s="23"/>
      <c r="FF1005" s="23"/>
      <c r="FG1005" s="23"/>
      <c r="FH1005" s="23"/>
      <c r="FI1005" s="23"/>
      <c r="FJ1005" s="23"/>
      <c r="FK1005" s="23"/>
      <c r="FL1005" s="23"/>
      <c r="FM1005" s="23"/>
      <c r="FN1005" s="23"/>
      <c r="FO1005" s="23"/>
      <c r="FP1005" s="23"/>
      <c r="FQ1005" s="23"/>
      <c r="FR1005" s="23"/>
      <c r="FS1005" s="23"/>
      <c r="FT1005" s="23"/>
      <c r="FU1005" s="23"/>
      <c r="FV1005" s="23"/>
      <c r="FW1005" s="23"/>
      <c r="FX1005" s="23"/>
      <c r="FY1005" s="23"/>
      <c r="FZ1005" s="23"/>
      <c r="GA1005" s="23"/>
      <c r="GB1005" s="23"/>
      <c r="GC1005" s="23"/>
      <c r="GD1005" s="23"/>
      <c r="GE1005" s="23"/>
      <c r="GF1005" s="23"/>
      <c r="GG1005" s="23"/>
      <c r="GH1005" s="23"/>
      <c r="GI1005" s="23"/>
      <c r="GJ1005" s="23"/>
      <c r="GK1005" s="23"/>
      <c r="GL1005" s="23"/>
      <c r="GM1005" s="23"/>
      <c r="GN1005" s="23"/>
      <c r="GO1005" s="23"/>
      <c r="GP1005" s="23"/>
      <c r="GQ1005" s="23"/>
      <c r="GR1005" s="23"/>
      <c r="GS1005" s="23"/>
      <c r="GT1005" s="23"/>
      <c r="GU1005" s="23"/>
      <c r="GV1005" s="23"/>
      <c r="GW1005" s="23"/>
      <c r="GX1005" s="23"/>
      <c r="GY1005" s="23"/>
      <c r="GZ1005" s="23"/>
      <c r="HA1005" s="23"/>
      <c r="HB1005" s="23"/>
      <c r="HC1005" s="23"/>
      <c r="HD1005" s="23"/>
      <c r="HE1005" s="23"/>
      <c r="HF1005" s="23"/>
      <c r="HG1005" s="23"/>
      <c r="HH1005" s="23"/>
      <c r="HI1005" s="23"/>
      <c r="HJ1005" s="23"/>
      <c r="HK1005" s="23"/>
      <c r="HL1005" s="23"/>
      <c r="HM1005" s="23"/>
      <c r="HN1005" s="23"/>
      <c r="HO1005" s="23"/>
      <c r="HP1005" s="23"/>
      <c r="HQ1005" s="23"/>
      <c r="HR1005" s="23"/>
      <c r="HS1005" s="23"/>
      <c r="HT1005" s="23"/>
      <c r="HU1005" s="23"/>
      <c r="HV1005" s="23"/>
      <c r="HW1005" s="23"/>
      <c r="HX1005" s="23"/>
      <c r="HY1005" s="23"/>
      <c r="HZ1005" s="23"/>
      <c r="IA1005" s="23"/>
      <c r="IB1005" s="23"/>
      <c r="IC1005" s="23"/>
      <c r="ID1005" s="23"/>
      <c r="IE1005" s="23"/>
      <c r="IF1005" s="23"/>
      <c r="IG1005" s="23"/>
      <c r="IH1005" s="23"/>
      <c r="II1005" s="23"/>
      <c r="IJ1005" s="23"/>
      <c r="IK1005" s="23"/>
      <c r="IL1005" s="23"/>
      <c r="IM1005" s="23"/>
      <c r="IN1005" s="23"/>
      <c r="IO1005" s="23"/>
      <c r="IP1005" s="23"/>
      <c r="IQ1005" s="23"/>
    </row>
    <row r="1006" spans="1:251" s="50" customFormat="1">
      <c r="A1006" s="34"/>
      <c r="B1006" s="205"/>
      <c r="C1006" s="206"/>
      <c r="D1006" s="206"/>
      <c r="E1006" s="206"/>
      <c r="F1006" s="206"/>
      <c r="G1006" s="206"/>
      <c r="H1006" s="206"/>
      <c r="I1006" s="206"/>
      <c r="J1006" s="206"/>
      <c r="K1006" s="206"/>
      <c r="L1006" s="206"/>
      <c r="M1006" s="206"/>
      <c r="N1006" s="206"/>
      <c r="O1006" s="206"/>
      <c r="P1006" s="206"/>
      <c r="Q1006" s="206"/>
      <c r="R1006" s="206"/>
      <c r="S1006" s="206"/>
      <c r="T1006" s="206"/>
      <c r="U1006" s="206"/>
      <c r="V1006" s="206"/>
      <c r="W1006" s="206"/>
      <c r="X1006" s="206"/>
      <c r="Y1006" s="206"/>
      <c r="Z1006" s="207"/>
      <c r="AA1006" s="208"/>
      <c r="AB1006" s="206"/>
      <c r="AC1006" s="206"/>
      <c r="AD1006" s="206"/>
      <c r="AE1006" s="206"/>
      <c r="AF1006" s="206"/>
      <c r="AG1006" s="206"/>
      <c r="AH1006" s="206"/>
      <c r="AI1006" s="207"/>
      <c r="AJ1006" s="208"/>
      <c r="AK1006" s="206"/>
      <c r="AL1006" s="206"/>
      <c r="AM1006" s="206"/>
      <c r="AN1006" s="206"/>
      <c r="AO1006" s="206"/>
      <c r="AP1006" s="206"/>
      <c r="AQ1006" s="206"/>
      <c r="AR1006" s="207"/>
      <c r="AS1006" s="208"/>
      <c r="AT1006" s="206"/>
      <c r="AU1006" s="206"/>
      <c r="AV1006" s="206"/>
      <c r="AW1006" s="206"/>
      <c r="AX1006" s="210"/>
      <c r="AY1006" s="23"/>
      <c r="AZ1006" s="23"/>
      <c r="BA1006" s="23"/>
      <c r="BB1006"/>
      <c r="BC1006" s="45"/>
      <c r="BE1006" s="23"/>
      <c r="BF1006" s="23"/>
      <c r="BG1006" s="23"/>
      <c r="BH1006" s="23"/>
      <c r="BI1006" s="23"/>
      <c r="BJ1006" s="23"/>
      <c r="BK1006" s="23"/>
      <c r="BL1006" s="23"/>
      <c r="BM1006" s="23"/>
      <c r="BN1006" s="23"/>
      <c r="BO1006" s="23"/>
      <c r="BP1006" s="23"/>
      <c r="BQ1006" s="23"/>
      <c r="BR1006" s="23"/>
      <c r="BS1006" s="23"/>
      <c r="BT1006" s="23"/>
      <c r="BU1006" s="23"/>
      <c r="BV1006" s="23"/>
      <c r="BW1006" s="23"/>
      <c r="BX1006" s="23"/>
      <c r="BY1006" s="23"/>
      <c r="BZ1006" s="23"/>
      <c r="CA1006" s="23"/>
      <c r="CB1006" s="23"/>
      <c r="CC1006" s="23"/>
      <c r="CD1006" s="23"/>
      <c r="CE1006" s="23"/>
      <c r="CF1006" s="23"/>
      <c r="CG1006" s="23"/>
      <c r="CH1006" s="23"/>
      <c r="CI1006" s="23"/>
      <c r="CJ1006" s="23"/>
      <c r="CK1006" s="23"/>
      <c r="CL1006" s="23"/>
      <c r="CM1006" s="23"/>
      <c r="CN1006" s="23"/>
      <c r="CO1006" s="23"/>
      <c r="CP1006" s="23"/>
      <c r="CQ1006" s="23"/>
      <c r="CR1006" s="23"/>
      <c r="CS1006" s="23"/>
      <c r="CT1006" s="23"/>
      <c r="CU1006" s="23"/>
      <c r="CV1006" s="23"/>
      <c r="CW1006" s="23"/>
      <c r="CX1006" s="23"/>
      <c r="CY1006" s="23"/>
      <c r="CZ1006" s="23"/>
      <c r="DA1006" s="23"/>
      <c r="DB1006" s="23"/>
      <c r="DC1006" s="23"/>
      <c r="DD1006" s="23"/>
      <c r="DE1006" s="23"/>
      <c r="DF1006" s="23"/>
      <c r="DG1006" s="23"/>
      <c r="DH1006" s="23"/>
      <c r="DI1006" s="23"/>
      <c r="DJ1006" s="23"/>
      <c r="DK1006" s="23"/>
      <c r="DL1006" s="23"/>
      <c r="DM1006" s="23"/>
      <c r="DN1006" s="23"/>
      <c r="DO1006" s="23"/>
      <c r="DP1006" s="23"/>
      <c r="DQ1006" s="23"/>
      <c r="DR1006" s="23"/>
      <c r="DS1006" s="23"/>
      <c r="DT1006" s="23"/>
      <c r="DU1006" s="23"/>
      <c r="DV1006" s="23"/>
      <c r="DW1006" s="23"/>
      <c r="DX1006" s="23"/>
      <c r="DY1006" s="23"/>
      <c r="DZ1006" s="23"/>
      <c r="EA1006" s="23"/>
      <c r="EB1006" s="23"/>
      <c r="EC1006" s="23"/>
      <c r="ED1006" s="23"/>
      <c r="EE1006" s="23"/>
      <c r="EF1006" s="23"/>
      <c r="EG1006" s="23"/>
      <c r="EH1006" s="23"/>
      <c r="EI1006" s="23"/>
      <c r="EJ1006" s="23"/>
      <c r="EK1006" s="23"/>
      <c r="EL1006" s="23"/>
      <c r="EM1006" s="23"/>
      <c r="EN1006" s="23"/>
      <c r="EO1006" s="23"/>
      <c r="EP1006" s="23"/>
      <c r="EQ1006" s="23"/>
      <c r="ER1006" s="23"/>
      <c r="ES1006" s="23"/>
      <c r="ET1006" s="23"/>
      <c r="EU1006" s="23"/>
      <c r="EV1006" s="23"/>
      <c r="EW1006" s="23"/>
      <c r="EX1006" s="23"/>
      <c r="EY1006" s="23"/>
      <c r="EZ1006" s="23"/>
      <c r="FA1006" s="23"/>
      <c r="FB1006" s="23"/>
      <c r="FC1006" s="23"/>
      <c r="FD1006" s="23"/>
      <c r="FE1006" s="23"/>
      <c r="FF1006" s="23"/>
      <c r="FG1006" s="23"/>
      <c r="FH1006" s="23"/>
      <c r="FI1006" s="23"/>
      <c r="FJ1006" s="23"/>
      <c r="FK1006" s="23"/>
      <c r="FL1006" s="23"/>
      <c r="FM1006" s="23"/>
      <c r="FN1006" s="23"/>
      <c r="FO1006" s="23"/>
      <c r="FP1006" s="23"/>
      <c r="FQ1006" s="23"/>
      <c r="FR1006" s="23"/>
      <c r="FS1006" s="23"/>
      <c r="FT1006" s="23"/>
      <c r="FU1006" s="23"/>
      <c r="FV1006" s="23"/>
      <c r="FW1006" s="23"/>
      <c r="FX1006" s="23"/>
      <c r="FY1006" s="23"/>
      <c r="FZ1006" s="23"/>
      <c r="GA1006" s="23"/>
      <c r="GB1006" s="23"/>
      <c r="GC1006" s="23"/>
      <c r="GD1006" s="23"/>
      <c r="GE1006" s="23"/>
      <c r="GF1006" s="23"/>
      <c r="GG1006" s="23"/>
      <c r="GH1006" s="23"/>
      <c r="GI1006" s="23"/>
      <c r="GJ1006" s="23"/>
      <c r="GK1006" s="23"/>
      <c r="GL1006" s="23"/>
      <c r="GM1006" s="23"/>
      <c r="GN1006" s="23"/>
      <c r="GO1006" s="23"/>
      <c r="GP1006" s="23"/>
      <c r="GQ1006" s="23"/>
      <c r="GR1006" s="23"/>
      <c r="GS1006" s="23"/>
      <c r="GT1006" s="23"/>
      <c r="GU1006" s="23"/>
      <c r="GV1006" s="23"/>
      <c r="GW1006" s="23"/>
      <c r="GX1006" s="23"/>
      <c r="GY1006" s="23"/>
      <c r="GZ1006" s="23"/>
      <c r="HA1006" s="23"/>
      <c r="HB1006" s="23"/>
      <c r="HC1006" s="23"/>
      <c r="HD1006" s="23"/>
      <c r="HE1006" s="23"/>
      <c r="HF1006" s="23"/>
      <c r="HG1006" s="23"/>
      <c r="HH1006" s="23"/>
      <c r="HI1006" s="23"/>
      <c r="HJ1006" s="23"/>
      <c r="HK1006" s="23"/>
      <c r="HL1006" s="23"/>
      <c r="HM1006" s="23"/>
      <c r="HN1006" s="23"/>
      <c r="HO1006" s="23"/>
      <c r="HP1006" s="23"/>
      <c r="HQ1006" s="23"/>
      <c r="HR1006" s="23"/>
      <c r="HS1006" s="23"/>
      <c r="HT1006" s="23"/>
      <c r="HU1006" s="23"/>
      <c r="HV1006" s="23"/>
      <c r="HW1006" s="23"/>
      <c r="HX1006" s="23"/>
      <c r="HY1006" s="23"/>
      <c r="HZ1006" s="23"/>
      <c r="IA1006" s="23"/>
      <c r="IB1006" s="23"/>
      <c r="IC1006" s="23"/>
      <c r="ID1006" s="23"/>
      <c r="IE1006" s="23"/>
      <c r="IF1006" s="23"/>
      <c r="IG1006" s="23"/>
      <c r="IH1006" s="23"/>
      <c r="II1006" s="23"/>
      <c r="IJ1006" s="23"/>
      <c r="IK1006" s="23"/>
      <c r="IL1006" s="23"/>
      <c r="IM1006" s="23"/>
      <c r="IN1006" s="23"/>
      <c r="IO1006" s="23"/>
      <c r="IP1006" s="23"/>
      <c r="IQ1006" s="23"/>
    </row>
    <row r="1007" spans="1:251" s="50" customFormat="1" ht="18.75" customHeight="1">
      <c r="A1007" s="34"/>
      <c r="B1007" s="46"/>
      <c r="C1007" s="130" t="s">
        <v>183</v>
      </c>
      <c r="D1007" s="130"/>
      <c r="E1007" s="130"/>
      <c r="F1007" s="130"/>
      <c r="G1007" s="130"/>
      <c r="H1007" s="130"/>
      <c r="I1007" s="130"/>
      <c r="J1007" s="130"/>
      <c r="K1007" s="130"/>
      <c r="L1007" s="130"/>
      <c r="M1007" s="130"/>
      <c r="N1007" s="130"/>
      <c r="O1007" s="130"/>
      <c r="P1007" s="130"/>
      <c r="Q1007" s="130"/>
      <c r="R1007" s="130"/>
      <c r="S1007" s="130"/>
      <c r="T1007" s="130"/>
      <c r="U1007" s="130"/>
      <c r="V1007" s="130"/>
      <c r="W1007" s="130"/>
      <c r="X1007" s="130"/>
      <c r="Y1007" s="130"/>
      <c r="Z1007" s="131"/>
      <c r="AA1007" s="132">
        <v>0</v>
      </c>
      <c r="AB1007" s="196"/>
      <c r="AC1007" s="196"/>
      <c r="AD1007" s="196"/>
      <c r="AE1007" s="196"/>
      <c r="AF1007" s="196"/>
      <c r="AG1007" s="196"/>
      <c r="AH1007" s="196"/>
      <c r="AI1007" s="197"/>
      <c r="AJ1007" s="132">
        <v>0</v>
      </c>
      <c r="AK1007" s="196"/>
      <c r="AL1007" s="196"/>
      <c r="AM1007" s="196"/>
      <c r="AN1007" s="196"/>
      <c r="AO1007" s="196"/>
      <c r="AP1007" s="196"/>
      <c r="AQ1007" s="196"/>
      <c r="AR1007" s="197"/>
      <c r="AS1007" s="132"/>
      <c r="AT1007" s="196"/>
      <c r="AU1007" s="196"/>
      <c r="AV1007" s="196"/>
      <c r="AW1007" s="196"/>
      <c r="AX1007" s="202"/>
      <c r="AY1007" s="23"/>
      <c r="AZ1007" s="23"/>
      <c r="BA1007" s="23"/>
      <c r="BB1007" s="23"/>
      <c r="BC1007" s="23"/>
      <c r="BD1007" s="23"/>
      <c r="BE1007" s="23"/>
      <c r="BF1007" s="23"/>
      <c r="BG1007" s="23"/>
      <c r="BH1007" s="23"/>
      <c r="BI1007" s="23"/>
      <c r="BJ1007" s="23"/>
      <c r="BK1007" s="23"/>
      <c r="BL1007" s="23"/>
      <c r="BM1007" s="23"/>
      <c r="BN1007" s="23"/>
      <c r="BO1007" s="23"/>
      <c r="BP1007" s="23"/>
      <c r="BQ1007" s="23"/>
      <c r="BR1007" s="23"/>
      <c r="BS1007" s="23"/>
      <c r="BT1007" s="23"/>
      <c r="BU1007" s="23"/>
      <c r="BV1007" s="23"/>
      <c r="BW1007" s="23"/>
      <c r="BX1007" s="23"/>
      <c r="BY1007" s="23"/>
      <c r="BZ1007" s="23"/>
      <c r="CA1007" s="23"/>
      <c r="CB1007" s="23"/>
      <c r="CC1007" s="23"/>
      <c r="CD1007" s="23"/>
      <c r="CE1007" s="23"/>
      <c r="CF1007" s="23"/>
      <c r="CG1007" s="23"/>
      <c r="CH1007" s="23"/>
      <c r="CI1007" s="23"/>
      <c r="CJ1007" s="23"/>
      <c r="CK1007" s="23"/>
      <c r="CL1007" s="23"/>
      <c r="CM1007" s="23"/>
      <c r="CN1007" s="23"/>
      <c r="CO1007" s="23"/>
      <c r="CP1007" s="23"/>
      <c r="CQ1007" s="23"/>
      <c r="CR1007" s="23"/>
      <c r="CS1007" s="23"/>
      <c r="CT1007" s="23"/>
      <c r="CU1007" s="23"/>
      <c r="CV1007" s="23"/>
      <c r="CW1007" s="23"/>
      <c r="CX1007" s="23"/>
      <c r="CY1007" s="23"/>
      <c r="CZ1007" s="23"/>
      <c r="DA1007" s="23"/>
      <c r="DB1007" s="23"/>
      <c r="DC1007" s="23"/>
      <c r="DD1007" s="23"/>
      <c r="DE1007" s="23"/>
      <c r="DF1007" s="23"/>
      <c r="DG1007" s="23"/>
      <c r="DH1007" s="23"/>
      <c r="DI1007" s="23"/>
      <c r="DJ1007" s="23"/>
      <c r="DK1007" s="23"/>
      <c r="DL1007" s="23"/>
      <c r="DM1007" s="23"/>
      <c r="DN1007" s="23"/>
      <c r="DO1007" s="23"/>
      <c r="DP1007" s="23"/>
      <c r="DQ1007" s="23"/>
      <c r="DR1007" s="23"/>
      <c r="DS1007" s="23"/>
      <c r="DT1007" s="23"/>
      <c r="DU1007" s="23"/>
      <c r="DV1007" s="23"/>
      <c r="DW1007" s="23"/>
      <c r="DX1007" s="23"/>
      <c r="DY1007" s="23"/>
      <c r="DZ1007" s="23"/>
      <c r="EA1007" s="23"/>
      <c r="EB1007" s="23"/>
      <c r="EC1007" s="23"/>
      <c r="ED1007" s="23"/>
      <c r="EE1007" s="23"/>
      <c r="EF1007" s="23"/>
      <c r="EG1007" s="23"/>
      <c r="EH1007" s="23"/>
      <c r="EI1007" s="23"/>
      <c r="EJ1007" s="23"/>
      <c r="EK1007" s="23"/>
      <c r="EL1007" s="23"/>
      <c r="EM1007" s="23"/>
      <c r="EN1007" s="23"/>
      <c r="EO1007" s="23"/>
      <c r="EP1007" s="23"/>
      <c r="EQ1007" s="23"/>
      <c r="ER1007" s="23"/>
      <c r="ES1007" s="23"/>
      <c r="ET1007" s="23"/>
      <c r="EU1007" s="23"/>
      <c r="EV1007" s="23"/>
      <c r="EW1007" s="23"/>
      <c r="EX1007" s="23"/>
      <c r="EY1007" s="23"/>
      <c r="EZ1007" s="23"/>
      <c r="FA1007" s="23"/>
      <c r="FB1007" s="23"/>
      <c r="FC1007" s="23"/>
      <c r="FD1007" s="23"/>
      <c r="FE1007" s="23"/>
      <c r="FF1007" s="23"/>
      <c r="FG1007" s="23"/>
      <c r="FH1007" s="23"/>
      <c r="FI1007" s="23"/>
      <c r="FJ1007" s="23"/>
      <c r="FK1007" s="23"/>
      <c r="FL1007" s="23"/>
      <c r="FM1007" s="23"/>
      <c r="FN1007" s="23"/>
      <c r="FO1007" s="23"/>
      <c r="FP1007" s="23"/>
      <c r="FQ1007" s="23"/>
      <c r="FR1007" s="23"/>
      <c r="FS1007" s="23"/>
      <c r="FT1007" s="23"/>
      <c r="FU1007" s="23"/>
      <c r="FV1007" s="23"/>
      <c r="FW1007" s="23"/>
      <c r="FX1007" s="23"/>
      <c r="FY1007" s="23"/>
      <c r="FZ1007" s="23"/>
      <c r="GA1007" s="23"/>
      <c r="GB1007" s="23"/>
      <c r="GC1007" s="23"/>
      <c r="GD1007" s="23"/>
      <c r="GE1007" s="23"/>
      <c r="GF1007" s="23"/>
      <c r="GG1007" s="23"/>
      <c r="GH1007" s="23"/>
      <c r="GI1007" s="23"/>
      <c r="GJ1007" s="23"/>
      <c r="GK1007" s="23"/>
      <c r="GL1007" s="23"/>
      <c r="GM1007" s="23"/>
      <c r="GN1007" s="23"/>
      <c r="GO1007" s="23"/>
      <c r="GP1007" s="23"/>
      <c r="GQ1007" s="23"/>
      <c r="GR1007" s="23"/>
      <c r="GS1007" s="23"/>
      <c r="GT1007" s="23"/>
      <c r="GU1007" s="23"/>
      <c r="GV1007" s="23"/>
      <c r="GW1007" s="23"/>
      <c r="GX1007" s="23"/>
      <c r="GY1007" s="23"/>
      <c r="GZ1007" s="23"/>
      <c r="HA1007" s="23"/>
      <c r="HB1007" s="23"/>
      <c r="HC1007" s="23"/>
      <c r="HD1007" s="23"/>
      <c r="HE1007" s="23"/>
      <c r="HF1007" s="23"/>
      <c r="HG1007" s="23"/>
      <c r="HH1007" s="23"/>
      <c r="HI1007" s="23"/>
      <c r="HJ1007" s="23"/>
      <c r="HK1007" s="23"/>
      <c r="HL1007" s="23"/>
      <c r="HM1007" s="23"/>
      <c r="HN1007" s="23"/>
      <c r="HO1007" s="23"/>
      <c r="HP1007" s="23"/>
      <c r="HQ1007" s="23"/>
      <c r="HR1007" s="23"/>
      <c r="HS1007" s="23"/>
      <c r="HT1007" s="23"/>
      <c r="HU1007" s="23"/>
      <c r="HV1007" s="23"/>
      <c r="HW1007" s="23"/>
      <c r="HX1007" s="23"/>
      <c r="HY1007" s="23"/>
      <c r="HZ1007" s="23"/>
      <c r="IA1007" s="23"/>
      <c r="IB1007" s="23"/>
      <c r="IC1007" s="23"/>
      <c r="ID1007" s="23"/>
      <c r="IE1007" s="23"/>
      <c r="IF1007" s="23"/>
      <c r="IG1007" s="23"/>
      <c r="IH1007" s="23"/>
      <c r="II1007" s="23"/>
      <c r="IJ1007" s="23"/>
      <c r="IK1007" s="23"/>
      <c r="IL1007" s="23"/>
      <c r="IM1007" s="23"/>
      <c r="IN1007" s="23"/>
      <c r="IO1007" s="23"/>
      <c r="IP1007" s="23"/>
      <c r="IQ1007" s="23"/>
    </row>
    <row r="1008" spans="1:251" s="50" customFormat="1" ht="18.75" customHeight="1">
      <c r="A1008" s="34"/>
      <c r="B1008" s="47"/>
      <c r="C1008" s="130" t="s">
        <v>184</v>
      </c>
      <c r="D1008" s="130"/>
      <c r="E1008" s="130"/>
      <c r="F1008" s="130"/>
      <c r="G1008" s="130"/>
      <c r="H1008" s="130"/>
      <c r="I1008" s="130"/>
      <c r="J1008" s="130"/>
      <c r="K1008" s="130"/>
      <c r="L1008" s="130"/>
      <c r="M1008" s="130"/>
      <c r="N1008" s="130"/>
      <c r="O1008" s="130"/>
      <c r="P1008" s="130"/>
      <c r="Q1008" s="130"/>
      <c r="R1008" s="130"/>
      <c r="S1008" s="130"/>
      <c r="T1008" s="130"/>
      <c r="U1008" s="130"/>
      <c r="V1008" s="130"/>
      <c r="W1008" s="130"/>
      <c r="X1008" s="130"/>
      <c r="Y1008" s="130"/>
      <c r="Z1008" s="131"/>
      <c r="AA1008" s="132">
        <v>485</v>
      </c>
      <c r="AB1008" s="196"/>
      <c r="AC1008" s="196"/>
      <c r="AD1008" s="196"/>
      <c r="AE1008" s="196"/>
      <c r="AF1008" s="196"/>
      <c r="AG1008" s="196"/>
      <c r="AH1008" s="196"/>
      <c r="AI1008" s="197"/>
      <c r="AJ1008" s="132">
        <v>39</v>
      </c>
      <c r="AK1008" s="196"/>
      <c r="AL1008" s="196"/>
      <c r="AM1008" s="196"/>
      <c r="AN1008" s="196"/>
      <c r="AO1008" s="196"/>
      <c r="AP1008" s="196"/>
      <c r="AQ1008" s="196"/>
      <c r="AR1008" s="197"/>
      <c r="AS1008" s="132"/>
      <c r="AT1008" s="196"/>
      <c r="AU1008" s="196"/>
      <c r="AV1008" s="196"/>
      <c r="AW1008" s="196"/>
      <c r="AX1008" s="202"/>
      <c r="AY1008" s="23"/>
      <c r="AZ1008" s="23"/>
      <c r="BA1008" s="23"/>
      <c r="BB1008" s="23"/>
      <c r="BC1008" s="23"/>
      <c r="BD1008" s="23"/>
      <c r="BE1008" s="23"/>
      <c r="BF1008" s="23"/>
      <c r="BG1008" s="23"/>
      <c r="BH1008" s="23"/>
      <c r="BI1008" s="23"/>
      <c r="BJ1008" s="23"/>
      <c r="BK1008" s="23"/>
      <c r="BL1008" s="23"/>
      <c r="BM1008" s="23"/>
      <c r="BN1008" s="23"/>
      <c r="BO1008" s="23"/>
      <c r="BP1008" s="23"/>
      <c r="BQ1008" s="23"/>
      <c r="BR1008" s="23"/>
      <c r="BS1008" s="23"/>
      <c r="BT1008" s="23"/>
      <c r="BU1008" s="23"/>
      <c r="BV1008" s="23"/>
      <c r="BW1008" s="23"/>
      <c r="BX1008" s="23"/>
      <c r="BY1008" s="23"/>
      <c r="BZ1008" s="23"/>
      <c r="CA1008" s="23"/>
      <c r="CB1008" s="23"/>
      <c r="CC1008" s="23"/>
      <c r="CD1008" s="23"/>
      <c r="CE1008" s="23"/>
      <c r="CF1008" s="23"/>
      <c r="CG1008" s="23"/>
      <c r="CH1008" s="23"/>
      <c r="CI1008" s="23"/>
      <c r="CJ1008" s="23"/>
      <c r="CK1008" s="23"/>
      <c r="CL1008" s="23"/>
      <c r="CM1008" s="23"/>
      <c r="CN1008" s="23"/>
      <c r="CO1008" s="23"/>
      <c r="CP1008" s="23"/>
      <c r="CQ1008" s="23"/>
      <c r="CR1008" s="23"/>
      <c r="CS1008" s="23"/>
      <c r="CT1008" s="23"/>
      <c r="CU1008" s="23"/>
      <c r="CV1008" s="23"/>
      <c r="CW1008" s="23"/>
      <c r="CX1008" s="23"/>
      <c r="CY1008" s="23"/>
      <c r="CZ1008" s="23"/>
      <c r="DA1008" s="23"/>
      <c r="DB1008" s="23"/>
      <c r="DC1008" s="23"/>
      <c r="DD1008" s="23"/>
      <c r="DE1008" s="23"/>
      <c r="DF1008" s="23"/>
      <c r="DG1008" s="23"/>
      <c r="DH1008" s="23"/>
      <c r="DI1008" s="23"/>
      <c r="DJ1008" s="23"/>
      <c r="DK1008" s="23"/>
      <c r="DL1008" s="23"/>
      <c r="DM1008" s="23"/>
      <c r="DN1008" s="23"/>
      <c r="DO1008" s="23"/>
      <c r="DP1008" s="23"/>
      <c r="DQ1008" s="23"/>
      <c r="DR1008" s="23"/>
      <c r="DS1008" s="23"/>
      <c r="DT1008" s="23"/>
      <c r="DU1008" s="23"/>
      <c r="DV1008" s="23"/>
      <c r="DW1008" s="23"/>
      <c r="DX1008" s="23"/>
      <c r="DY1008" s="23"/>
      <c r="DZ1008" s="23"/>
      <c r="EA1008" s="23"/>
      <c r="EB1008" s="23"/>
      <c r="EC1008" s="23"/>
      <c r="ED1008" s="23"/>
      <c r="EE1008" s="23"/>
      <c r="EF1008" s="23"/>
      <c r="EG1008" s="23"/>
      <c r="EH1008" s="23"/>
      <c r="EI1008" s="23"/>
      <c r="EJ1008" s="23"/>
      <c r="EK1008" s="23"/>
      <c r="EL1008" s="23"/>
      <c r="EM1008" s="23"/>
      <c r="EN1008" s="23"/>
      <c r="EO1008" s="23"/>
      <c r="EP1008" s="23"/>
      <c r="EQ1008" s="23"/>
      <c r="ER1008" s="23"/>
      <c r="ES1008" s="23"/>
      <c r="ET1008" s="23"/>
      <c r="EU1008" s="23"/>
      <c r="EV1008" s="23"/>
      <c r="EW1008" s="23"/>
      <c r="EX1008" s="23"/>
      <c r="EY1008" s="23"/>
      <c r="EZ1008" s="23"/>
      <c r="FA1008" s="23"/>
      <c r="FB1008" s="23"/>
      <c r="FC1008" s="23"/>
      <c r="FD1008" s="23"/>
      <c r="FE1008" s="23"/>
      <c r="FF1008" s="23"/>
      <c r="FG1008" s="23"/>
      <c r="FH1008" s="23"/>
      <c r="FI1008" s="23"/>
      <c r="FJ1008" s="23"/>
      <c r="FK1008" s="23"/>
      <c r="FL1008" s="23"/>
      <c r="FM1008" s="23"/>
      <c r="FN1008" s="23"/>
      <c r="FO1008" s="23"/>
      <c r="FP1008" s="23"/>
      <c r="FQ1008" s="23"/>
      <c r="FR1008" s="23"/>
      <c r="FS1008" s="23"/>
      <c r="FT1008" s="23"/>
      <c r="FU1008" s="23"/>
      <c r="FV1008" s="23"/>
      <c r="FW1008" s="23"/>
      <c r="FX1008" s="23"/>
      <c r="FY1008" s="23"/>
      <c r="FZ1008" s="23"/>
      <c r="GA1008" s="23"/>
      <c r="GB1008" s="23"/>
      <c r="GC1008" s="23"/>
      <c r="GD1008" s="23"/>
      <c r="GE1008" s="23"/>
      <c r="GF1008" s="23"/>
      <c r="GG1008" s="23"/>
      <c r="GH1008" s="23"/>
      <c r="GI1008" s="23"/>
      <c r="GJ1008" s="23"/>
      <c r="GK1008" s="23"/>
      <c r="GL1008" s="23"/>
      <c r="GM1008" s="23"/>
      <c r="GN1008" s="23"/>
      <c r="GO1008" s="23"/>
      <c r="GP1008" s="23"/>
      <c r="GQ1008" s="23"/>
      <c r="GR1008" s="23"/>
      <c r="GS1008" s="23"/>
      <c r="GT1008" s="23"/>
      <c r="GU1008" s="23"/>
      <c r="GV1008" s="23"/>
      <c r="GW1008" s="23"/>
      <c r="GX1008" s="23"/>
      <c r="GY1008" s="23"/>
      <c r="GZ1008" s="23"/>
      <c r="HA1008" s="23"/>
      <c r="HB1008" s="23"/>
      <c r="HC1008" s="23"/>
      <c r="HD1008" s="23"/>
      <c r="HE1008" s="23"/>
      <c r="HF1008" s="23"/>
      <c r="HG1008" s="23"/>
      <c r="HH1008" s="23"/>
      <c r="HI1008" s="23"/>
      <c r="HJ1008" s="23"/>
      <c r="HK1008" s="23"/>
      <c r="HL1008" s="23"/>
      <c r="HM1008" s="23"/>
      <c r="HN1008" s="23"/>
      <c r="HO1008" s="23"/>
      <c r="HP1008" s="23"/>
      <c r="HQ1008" s="23"/>
      <c r="HR1008" s="23"/>
      <c r="HS1008" s="23"/>
      <c r="HT1008" s="23"/>
      <c r="HU1008" s="23"/>
      <c r="HV1008" s="23"/>
      <c r="HW1008" s="23"/>
      <c r="HX1008" s="23"/>
      <c r="HY1008" s="23"/>
      <c r="HZ1008" s="23"/>
      <c r="IA1008" s="23"/>
      <c r="IB1008" s="23"/>
      <c r="IC1008" s="23"/>
      <c r="ID1008" s="23"/>
      <c r="IE1008" s="23"/>
      <c r="IF1008" s="23"/>
      <c r="IG1008" s="23"/>
      <c r="IH1008" s="23"/>
      <c r="II1008" s="23"/>
      <c r="IJ1008" s="23"/>
      <c r="IK1008" s="23"/>
      <c r="IL1008" s="23"/>
      <c r="IM1008" s="23"/>
      <c r="IN1008" s="23"/>
      <c r="IO1008" s="23"/>
      <c r="IP1008" s="23"/>
      <c r="IQ1008" s="23"/>
    </row>
    <row r="1009" spans="1:251" s="50" customFormat="1" ht="18.75" customHeight="1">
      <c r="A1009" s="34"/>
      <c r="B1009" s="47"/>
      <c r="C1009" s="130" t="s">
        <v>190</v>
      </c>
      <c r="D1009" s="130"/>
      <c r="E1009" s="130"/>
      <c r="F1009" s="130"/>
      <c r="G1009" s="130"/>
      <c r="H1009" s="130"/>
      <c r="I1009" s="130"/>
      <c r="J1009" s="130"/>
      <c r="K1009" s="130"/>
      <c r="L1009" s="130"/>
      <c r="M1009" s="130"/>
      <c r="N1009" s="130"/>
      <c r="O1009" s="130"/>
      <c r="P1009" s="130"/>
      <c r="Q1009" s="130"/>
      <c r="R1009" s="130"/>
      <c r="S1009" s="130"/>
      <c r="T1009" s="130"/>
      <c r="U1009" s="130"/>
      <c r="V1009" s="130"/>
      <c r="W1009" s="130"/>
      <c r="X1009" s="130"/>
      <c r="Y1009" s="130"/>
      <c r="Z1009" s="131"/>
      <c r="AA1009" s="132">
        <v>821</v>
      </c>
      <c r="AB1009" s="200"/>
      <c r="AC1009" s="200"/>
      <c r="AD1009" s="200"/>
      <c r="AE1009" s="200"/>
      <c r="AF1009" s="200"/>
      <c r="AG1009" s="200"/>
      <c r="AH1009" s="200"/>
      <c r="AI1009" s="201"/>
      <c r="AJ1009" s="132">
        <v>17</v>
      </c>
      <c r="AK1009" s="196"/>
      <c r="AL1009" s="196"/>
      <c r="AM1009" s="196"/>
      <c r="AN1009" s="196"/>
      <c r="AO1009" s="196"/>
      <c r="AP1009" s="196"/>
      <c r="AQ1009" s="196"/>
      <c r="AR1009" s="197"/>
      <c r="AS1009" s="132"/>
      <c r="AT1009" s="196"/>
      <c r="AU1009" s="196"/>
      <c r="AV1009" s="196"/>
      <c r="AW1009" s="196"/>
      <c r="AX1009" s="202"/>
      <c r="AY1009" s="23"/>
      <c r="AZ1009" s="23"/>
      <c r="BA1009" s="23"/>
      <c r="BB1009" s="23"/>
      <c r="BC1009" s="23"/>
      <c r="BD1009" s="23"/>
      <c r="BE1009" s="23"/>
      <c r="BF1009" s="23"/>
      <c r="BG1009" s="23"/>
      <c r="BH1009" s="23"/>
      <c r="BI1009" s="23"/>
      <c r="BJ1009" s="23"/>
      <c r="BK1009" s="23"/>
      <c r="BL1009" s="23"/>
      <c r="BM1009" s="23"/>
      <c r="BN1009" s="23"/>
      <c r="BO1009" s="23"/>
      <c r="BP1009" s="23"/>
      <c r="BQ1009" s="23"/>
      <c r="BR1009" s="23"/>
      <c r="BS1009" s="23"/>
      <c r="BT1009" s="23"/>
      <c r="BU1009" s="23"/>
      <c r="BV1009" s="23"/>
      <c r="BW1009" s="23"/>
      <c r="BX1009" s="23"/>
      <c r="BY1009" s="23"/>
      <c r="BZ1009" s="23"/>
      <c r="CA1009" s="23"/>
      <c r="CB1009" s="23"/>
      <c r="CC1009" s="23"/>
      <c r="CD1009" s="23"/>
      <c r="CE1009" s="23"/>
      <c r="CF1009" s="23"/>
      <c r="CG1009" s="23"/>
      <c r="CH1009" s="23"/>
      <c r="CI1009" s="23"/>
      <c r="CJ1009" s="23"/>
      <c r="CK1009" s="23"/>
      <c r="CL1009" s="23"/>
      <c r="CM1009" s="23"/>
      <c r="CN1009" s="23"/>
      <c r="CO1009" s="23"/>
      <c r="CP1009" s="23"/>
      <c r="CQ1009" s="23"/>
      <c r="CR1009" s="23"/>
      <c r="CS1009" s="23"/>
      <c r="CT1009" s="23"/>
      <c r="CU1009" s="23"/>
      <c r="CV1009" s="23"/>
      <c r="CW1009" s="23"/>
      <c r="CX1009" s="23"/>
      <c r="CY1009" s="23"/>
      <c r="CZ1009" s="23"/>
      <c r="DA1009" s="23"/>
      <c r="DB1009" s="23"/>
      <c r="DC1009" s="23"/>
      <c r="DD1009" s="23"/>
      <c r="DE1009" s="23"/>
      <c r="DF1009" s="23"/>
      <c r="DG1009" s="23"/>
      <c r="DH1009" s="23"/>
      <c r="DI1009" s="23"/>
      <c r="DJ1009" s="23"/>
      <c r="DK1009" s="23"/>
      <c r="DL1009" s="23"/>
      <c r="DM1009" s="23"/>
      <c r="DN1009" s="23"/>
      <c r="DO1009" s="23"/>
      <c r="DP1009" s="23"/>
      <c r="DQ1009" s="23"/>
      <c r="DR1009" s="23"/>
      <c r="DS1009" s="23"/>
      <c r="DT1009" s="23"/>
      <c r="DU1009" s="23"/>
      <c r="DV1009" s="23"/>
      <c r="DW1009" s="23"/>
      <c r="DX1009" s="23"/>
      <c r="DY1009" s="23"/>
      <c r="DZ1009" s="23"/>
      <c r="EA1009" s="23"/>
      <c r="EB1009" s="23"/>
      <c r="EC1009" s="23"/>
      <c r="ED1009" s="23"/>
      <c r="EE1009" s="23"/>
      <c r="EF1009" s="23"/>
      <c r="EG1009" s="23"/>
      <c r="EH1009" s="23"/>
      <c r="EI1009" s="23"/>
      <c r="EJ1009" s="23"/>
      <c r="EK1009" s="23"/>
      <c r="EL1009" s="23"/>
      <c r="EM1009" s="23"/>
      <c r="EN1009" s="23"/>
      <c r="EO1009" s="23"/>
      <c r="EP1009" s="23"/>
      <c r="EQ1009" s="23"/>
      <c r="ER1009" s="23"/>
      <c r="ES1009" s="23"/>
      <c r="ET1009" s="23"/>
      <c r="EU1009" s="23"/>
      <c r="EV1009" s="23"/>
      <c r="EW1009" s="23"/>
      <c r="EX1009" s="23"/>
      <c r="EY1009" s="23"/>
      <c r="EZ1009" s="23"/>
      <c r="FA1009" s="23"/>
      <c r="FB1009" s="23"/>
      <c r="FC1009" s="23"/>
      <c r="FD1009" s="23"/>
      <c r="FE1009" s="23"/>
      <c r="FF1009" s="23"/>
      <c r="FG1009" s="23"/>
      <c r="FH1009" s="23"/>
      <c r="FI1009" s="23"/>
      <c r="FJ1009" s="23"/>
      <c r="FK1009" s="23"/>
      <c r="FL1009" s="23"/>
      <c r="FM1009" s="23"/>
      <c r="FN1009" s="23"/>
      <c r="FO1009" s="23"/>
      <c r="FP1009" s="23"/>
      <c r="FQ1009" s="23"/>
      <c r="FR1009" s="23"/>
      <c r="FS1009" s="23"/>
      <c r="FT1009" s="23"/>
      <c r="FU1009" s="23"/>
      <c r="FV1009" s="23"/>
      <c r="FW1009" s="23"/>
      <c r="FX1009" s="23"/>
      <c r="FY1009" s="23"/>
      <c r="FZ1009" s="23"/>
      <c r="GA1009" s="23"/>
      <c r="GB1009" s="23"/>
      <c r="GC1009" s="23"/>
      <c r="GD1009" s="23"/>
      <c r="GE1009" s="23"/>
      <c r="GF1009" s="23"/>
      <c r="GG1009" s="23"/>
      <c r="GH1009" s="23"/>
      <c r="GI1009" s="23"/>
      <c r="GJ1009" s="23"/>
      <c r="GK1009" s="23"/>
      <c r="GL1009" s="23"/>
      <c r="GM1009" s="23"/>
      <c r="GN1009" s="23"/>
      <c r="GO1009" s="23"/>
      <c r="GP1009" s="23"/>
      <c r="GQ1009" s="23"/>
      <c r="GR1009" s="23"/>
      <c r="GS1009" s="23"/>
      <c r="GT1009" s="23"/>
      <c r="GU1009" s="23"/>
      <c r="GV1009" s="23"/>
      <c r="GW1009" s="23"/>
      <c r="GX1009" s="23"/>
      <c r="GY1009" s="23"/>
      <c r="GZ1009" s="23"/>
      <c r="HA1009" s="23"/>
      <c r="HB1009" s="23"/>
      <c r="HC1009" s="23"/>
      <c r="HD1009" s="23"/>
      <c r="HE1009" s="23"/>
      <c r="HF1009" s="23"/>
      <c r="HG1009" s="23"/>
      <c r="HH1009" s="23"/>
      <c r="HI1009" s="23"/>
      <c r="HJ1009" s="23"/>
      <c r="HK1009" s="23"/>
      <c r="HL1009" s="23"/>
      <c r="HM1009" s="23"/>
      <c r="HN1009" s="23"/>
      <c r="HO1009" s="23"/>
      <c r="HP1009" s="23"/>
      <c r="HQ1009" s="23"/>
      <c r="HR1009" s="23"/>
      <c r="HS1009" s="23"/>
      <c r="HT1009" s="23"/>
      <c r="HU1009" s="23"/>
      <c r="HV1009" s="23"/>
      <c r="HW1009" s="23"/>
      <c r="HX1009" s="23"/>
      <c r="HY1009" s="23"/>
      <c r="HZ1009" s="23"/>
      <c r="IA1009" s="23"/>
      <c r="IB1009" s="23"/>
      <c r="IC1009" s="23"/>
      <c r="ID1009" s="23"/>
      <c r="IE1009" s="23"/>
      <c r="IF1009" s="23"/>
      <c r="IG1009" s="23"/>
      <c r="IH1009" s="23"/>
      <c r="II1009" s="23"/>
      <c r="IJ1009" s="23"/>
      <c r="IK1009" s="23"/>
      <c r="IL1009" s="23"/>
      <c r="IM1009" s="23"/>
      <c r="IN1009" s="23"/>
      <c r="IO1009" s="23"/>
      <c r="IP1009" s="23"/>
      <c r="IQ1009" s="23"/>
    </row>
    <row r="1010" spans="1:251" s="50" customFormat="1" ht="18.75" customHeight="1">
      <c r="A1010" s="34"/>
      <c r="B1010" s="47"/>
      <c r="C1010" s="130"/>
      <c r="D1010" s="130"/>
      <c r="E1010" s="130"/>
      <c r="F1010" s="130"/>
      <c r="G1010" s="130"/>
      <c r="H1010" s="130"/>
      <c r="I1010" s="130"/>
      <c r="J1010" s="130"/>
      <c r="K1010" s="130"/>
      <c r="L1010" s="130"/>
      <c r="M1010" s="130"/>
      <c r="N1010" s="130"/>
      <c r="O1010" s="130"/>
      <c r="P1010" s="130"/>
      <c r="Q1010" s="130"/>
      <c r="R1010" s="130"/>
      <c r="S1010" s="130"/>
      <c r="T1010" s="130"/>
      <c r="U1010" s="130"/>
      <c r="V1010" s="130"/>
      <c r="W1010" s="130"/>
      <c r="X1010" s="130"/>
      <c r="Y1010" s="130"/>
      <c r="Z1010" s="131"/>
      <c r="AA1010" s="132"/>
      <c r="AB1010" s="200"/>
      <c r="AC1010" s="200"/>
      <c r="AD1010" s="200"/>
      <c r="AE1010" s="200"/>
      <c r="AF1010" s="200"/>
      <c r="AG1010" s="200"/>
      <c r="AH1010" s="200"/>
      <c r="AI1010" s="201"/>
      <c r="AJ1010" s="132"/>
      <c r="AK1010" s="196"/>
      <c r="AL1010" s="196"/>
      <c r="AM1010" s="196"/>
      <c r="AN1010" s="196"/>
      <c r="AO1010" s="196"/>
      <c r="AP1010" s="196"/>
      <c r="AQ1010" s="196"/>
      <c r="AR1010" s="197"/>
      <c r="AS1010" s="132"/>
      <c r="AT1010" s="196"/>
      <c r="AU1010" s="196"/>
      <c r="AV1010" s="196"/>
      <c r="AW1010" s="196"/>
      <c r="AX1010" s="202"/>
      <c r="AY1010" s="23"/>
      <c r="AZ1010" s="23"/>
      <c r="BA1010" s="23"/>
      <c r="BB1010" s="23"/>
      <c r="BC1010" s="23"/>
      <c r="BD1010" s="23"/>
      <c r="BE1010" s="23"/>
      <c r="BF1010" s="23"/>
      <c r="BG1010" s="23"/>
      <c r="BH1010" s="23"/>
      <c r="BI1010" s="23"/>
      <c r="BJ1010" s="23"/>
      <c r="BK1010" s="23"/>
      <c r="BL1010" s="23"/>
      <c r="BM1010" s="23"/>
      <c r="BN1010" s="23"/>
      <c r="BO1010" s="23"/>
      <c r="BP1010" s="23"/>
      <c r="BQ1010" s="23"/>
      <c r="BR1010" s="23"/>
      <c r="BS1010" s="23"/>
      <c r="BT1010" s="23"/>
      <c r="BU1010" s="23"/>
      <c r="BV1010" s="23"/>
      <c r="BW1010" s="23"/>
      <c r="BX1010" s="23"/>
      <c r="BY1010" s="23"/>
      <c r="BZ1010" s="23"/>
      <c r="CA1010" s="23"/>
      <c r="CB1010" s="23"/>
      <c r="CC1010" s="23"/>
      <c r="CD1010" s="23"/>
      <c r="CE1010" s="23"/>
      <c r="CF1010" s="23"/>
      <c r="CG1010" s="23"/>
      <c r="CH1010" s="23"/>
      <c r="CI1010" s="23"/>
      <c r="CJ1010" s="23"/>
      <c r="CK1010" s="23"/>
      <c r="CL1010" s="23"/>
      <c r="CM1010" s="23"/>
      <c r="CN1010" s="23"/>
      <c r="CO1010" s="23"/>
      <c r="CP1010" s="23"/>
      <c r="CQ1010" s="23"/>
      <c r="CR1010" s="23"/>
      <c r="CS1010" s="23"/>
      <c r="CT1010" s="23"/>
      <c r="CU1010" s="23"/>
      <c r="CV1010" s="23"/>
      <c r="CW1010" s="23"/>
      <c r="CX1010" s="23"/>
      <c r="CY1010" s="23"/>
      <c r="CZ1010" s="23"/>
      <c r="DA1010" s="23"/>
      <c r="DB1010" s="23"/>
      <c r="DC1010" s="23"/>
      <c r="DD1010" s="23"/>
      <c r="DE1010" s="23"/>
      <c r="DF1010" s="23"/>
      <c r="DG1010" s="23"/>
      <c r="DH1010" s="23"/>
      <c r="DI1010" s="23"/>
      <c r="DJ1010" s="23"/>
      <c r="DK1010" s="23"/>
      <c r="DL1010" s="23"/>
      <c r="DM1010" s="23"/>
      <c r="DN1010" s="23"/>
      <c r="DO1010" s="23"/>
      <c r="DP1010" s="23"/>
      <c r="DQ1010" s="23"/>
      <c r="DR1010" s="23"/>
      <c r="DS1010" s="23"/>
      <c r="DT1010" s="23"/>
      <c r="DU1010" s="23"/>
      <c r="DV1010" s="23"/>
      <c r="DW1010" s="23"/>
      <c r="DX1010" s="23"/>
      <c r="DY1010" s="23"/>
      <c r="DZ1010" s="23"/>
      <c r="EA1010" s="23"/>
      <c r="EB1010" s="23"/>
      <c r="EC1010" s="23"/>
      <c r="ED1010" s="23"/>
      <c r="EE1010" s="23"/>
      <c r="EF1010" s="23"/>
      <c r="EG1010" s="23"/>
      <c r="EH1010" s="23"/>
      <c r="EI1010" s="23"/>
      <c r="EJ1010" s="23"/>
      <c r="EK1010" s="23"/>
      <c r="EL1010" s="23"/>
      <c r="EM1010" s="23"/>
      <c r="EN1010" s="23"/>
      <c r="EO1010" s="23"/>
      <c r="EP1010" s="23"/>
      <c r="EQ1010" s="23"/>
      <c r="ER1010" s="23"/>
      <c r="ES1010" s="23"/>
      <c r="ET1010" s="23"/>
      <c r="EU1010" s="23"/>
      <c r="EV1010" s="23"/>
      <c r="EW1010" s="23"/>
      <c r="EX1010" s="23"/>
      <c r="EY1010" s="23"/>
      <c r="EZ1010" s="23"/>
      <c r="FA1010" s="23"/>
      <c r="FB1010" s="23"/>
      <c r="FC1010" s="23"/>
      <c r="FD1010" s="23"/>
      <c r="FE1010" s="23"/>
      <c r="FF1010" s="23"/>
      <c r="FG1010" s="23"/>
      <c r="FH1010" s="23"/>
      <c r="FI1010" s="23"/>
      <c r="FJ1010" s="23"/>
      <c r="FK1010" s="23"/>
      <c r="FL1010" s="23"/>
      <c r="FM1010" s="23"/>
      <c r="FN1010" s="23"/>
      <c r="FO1010" s="23"/>
      <c r="FP1010" s="23"/>
      <c r="FQ1010" s="23"/>
      <c r="FR1010" s="23"/>
      <c r="FS1010" s="23"/>
      <c r="FT1010" s="23"/>
      <c r="FU1010" s="23"/>
      <c r="FV1010" s="23"/>
      <c r="FW1010" s="23"/>
      <c r="FX1010" s="23"/>
      <c r="FY1010" s="23"/>
      <c r="FZ1010" s="23"/>
      <c r="GA1010" s="23"/>
      <c r="GB1010" s="23"/>
      <c r="GC1010" s="23"/>
      <c r="GD1010" s="23"/>
      <c r="GE1010" s="23"/>
      <c r="GF1010" s="23"/>
      <c r="GG1010" s="23"/>
      <c r="GH1010" s="23"/>
      <c r="GI1010" s="23"/>
      <c r="GJ1010" s="23"/>
      <c r="GK1010" s="23"/>
      <c r="GL1010" s="23"/>
      <c r="GM1010" s="23"/>
      <c r="GN1010" s="23"/>
      <c r="GO1010" s="23"/>
      <c r="GP1010" s="23"/>
      <c r="GQ1010" s="23"/>
      <c r="GR1010" s="23"/>
      <c r="GS1010" s="23"/>
      <c r="GT1010" s="23"/>
      <c r="GU1010" s="23"/>
      <c r="GV1010" s="23"/>
      <c r="GW1010" s="23"/>
      <c r="GX1010" s="23"/>
      <c r="GY1010" s="23"/>
      <c r="GZ1010" s="23"/>
      <c r="HA1010" s="23"/>
      <c r="HB1010" s="23"/>
      <c r="HC1010" s="23"/>
      <c r="HD1010" s="23"/>
      <c r="HE1010" s="23"/>
      <c r="HF1010" s="23"/>
      <c r="HG1010" s="23"/>
      <c r="HH1010" s="23"/>
      <c r="HI1010" s="23"/>
      <c r="HJ1010" s="23"/>
      <c r="HK1010" s="23"/>
      <c r="HL1010" s="23"/>
      <c r="HM1010" s="23"/>
      <c r="HN1010" s="23"/>
      <c r="HO1010" s="23"/>
      <c r="HP1010" s="23"/>
      <c r="HQ1010" s="23"/>
      <c r="HR1010" s="23"/>
      <c r="HS1010" s="23"/>
      <c r="HT1010" s="23"/>
      <c r="HU1010" s="23"/>
      <c r="HV1010" s="23"/>
      <c r="HW1010" s="23"/>
      <c r="HX1010" s="23"/>
      <c r="HY1010" s="23"/>
      <c r="HZ1010" s="23"/>
      <c r="IA1010" s="23"/>
      <c r="IB1010" s="23"/>
      <c r="IC1010" s="23"/>
      <c r="ID1010" s="23"/>
      <c r="IE1010" s="23"/>
      <c r="IF1010" s="23"/>
      <c r="IG1010" s="23"/>
      <c r="IH1010" s="23"/>
      <c r="II1010" s="23"/>
      <c r="IJ1010" s="23"/>
      <c r="IK1010" s="23"/>
      <c r="IL1010" s="23"/>
      <c r="IM1010" s="23"/>
      <c r="IN1010" s="23"/>
      <c r="IO1010" s="23"/>
      <c r="IP1010" s="23"/>
      <c r="IQ1010" s="23"/>
    </row>
    <row r="1011" spans="1:251" s="50" customFormat="1" ht="18.75" customHeight="1">
      <c r="A1011" s="34"/>
      <c r="B1011" s="48"/>
      <c r="C1011" s="130"/>
      <c r="D1011" s="130"/>
      <c r="E1011" s="130"/>
      <c r="F1011" s="130"/>
      <c r="G1011" s="130"/>
      <c r="H1011" s="130"/>
      <c r="I1011" s="130"/>
      <c r="J1011" s="130"/>
      <c r="K1011" s="130"/>
      <c r="L1011" s="130"/>
      <c r="M1011" s="130"/>
      <c r="N1011" s="130"/>
      <c r="O1011" s="130"/>
      <c r="P1011" s="130"/>
      <c r="Q1011" s="130"/>
      <c r="R1011" s="130"/>
      <c r="S1011" s="130"/>
      <c r="T1011" s="130"/>
      <c r="U1011" s="130"/>
      <c r="V1011" s="130"/>
      <c r="W1011" s="130"/>
      <c r="X1011" s="130"/>
      <c r="Y1011" s="130"/>
      <c r="Z1011" s="131"/>
      <c r="AA1011" s="132"/>
      <c r="AB1011" s="200"/>
      <c r="AC1011" s="200"/>
      <c r="AD1011" s="200"/>
      <c r="AE1011" s="200"/>
      <c r="AF1011" s="200"/>
      <c r="AG1011" s="200"/>
      <c r="AH1011" s="200"/>
      <c r="AI1011" s="201"/>
      <c r="AJ1011" s="132"/>
      <c r="AK1011" s="196"/>
      <c r="AL1011" s="196"/>
      <c r="AM1011" s="196"/>
      <c r="AN1011" s="196"/>
      <c r="AO1011" s="196"/>
      <c r="AP1011" s="196"/>
      <c r="AQ1011" s="196"/>
      <c r="AR1011" s="197"/>
      <c r="AS1011" s="136"/>
      <c r="AT1011" s="198"/>
      <c r="AU1011" s="198"/>
      <c r="AV1011" s="198"/>
      <c r="AW1011" s="198"/>
      <c r="AX1011" s="199"/>
      <c r="AY1011" s="23"/>
      <c r="AZ1011" s="23"/>
      <c r="BA1011" s="23"/>
      <c r="BB1011" s="23"/>
      <c r="BC1011" s="23"/>
      <c r="BD1011" s="23"/>
      <c r="BE1011" s="23"/>
      <c r="BF1011" s="23"/>
      <c r="BG1011" s="23"/>
      <c r="BH1011" s="23"/>
      <c r="BI1011" s="23"/>
      <c r="BJ1011" s="23"/>
      <c r="BK1011" s="23"/>
      <c r="BL1011" s="23"/>
      <c r="BM1011" s="23"/>
      <c r="BN1011" s="23"/>
      <c r="BO1011" s="23"/>
      <c r="BP1011" s="23"/>
      <c r="BQ1011" s="23"/>
      <c r="BR1011" s="23"/>
      <c r="BS1011" s="23"/>
      <c r="BT1011" s="23"/>
      <c r="BU1011" s="23"/>
      <c r="BV1011" s="23"/>
      <c r="BW1011" s="23"/>
      <c r="BX1011" s="23"/>
      <c r="BY1011" s="23"/>
      <c r="BZ1011" s="23"/>
      <c r="CA1011" s="23"/>
      <c r="CB1011" s="23"/>
      <c r="CC1011" s="23"/>
      <c r="CD1011" s="23"/>
      <c r="CE1011" s="23"/>
      <c r="CF1011" s="23"/>
      <c r="CG1011" s="23"/>
      <c r="CH1011" s="23"/>
      <c r="CI1011" s="23"/>
      <c r="CJ1011" s="23"/>
      <c r="CK1011" s="23"/>
      <c r="CL1011" s="23"/>
      <c r="CM1011" s="23"/>
      <c r="CN1011" s="23"/>
      <c r="CO1011" s="23"/>
      <c r="CP1011" s="23"/>
      <c r="CQ1011" s="23"/>
      <c r="CR1011" s="23"/>
      <c r="CS1011" s="23"/>
      <c r="CT1011" s="23"/>
      <c r="CU1011" s="23"/>
      <c r="CV1011" s="23"/>
      <c r="CW1011" s="23"/>
      <c r="CX1011" s="23"/>
      <c r="CY1011" s="23"/>
      <c r="CZ1011" s="23"/>
      <c r="DA1011" s="23"/>
      <c r="DB1011" s="23"/>
      <c r="DC1011" s="23"/>
      <c r="DD1011" s="23"/>
      <c r="DE1011" s="23"/>
      <c r="DF1011" s="23"/>
      <c r="DG1011" s="23"/>
      <c r="DH1011" s="23"/>
      <c r="DI1011" s="23"/>
      <c r="DJ1011" s="23"/>
      <c r="DK1011" s="23"/>
      <c r="DL1011" s="23"/>
      <c r="DM1011" s="23"/>
      <c r="DN1011" s="23"/>
      <c r="DO1011" s="23"/>
      <c r="DP1011" s="23"/>
      <c r="DQ1011" s="23"/>
      <c r="DR1011" s="23"/>
      <c r="DS1011" s="23"/>
      <c r="DT1011" s="23"/>
      <c r="DU1011" s="23"/>
      <c r="DV1011" s="23"/>
      <c r="DW1011" s="23"/>
      <c r="DX1011" s="23"/>
      <c r="DY1011" s="23"/>
      <c r="DZ1011" s="23"/>
      <c r="EA1011" s="23"/>
      <c r="EB1011" s="23"/>
      <c r="EC1011" s="23"/>
      <c r="ED1011" s="23"/>
      <c r="EE1011" s="23"/>
      <c r="EF1011" s="23"/>
      <c r="EG1011" s="23"/>
      <c r="EH1011" s="23"/>
      <c r="EI1011" s="23"/>
      <c r="EJ1011" s="23"/>
      <c r="EK1011" s="23"/>
      <c r="EL1011" s="23"/>
      <c r="EM1011" s="23"/>
      <c r="EN1011" s="23"/>
      <c r="EO1011" s="23"/>
      <c r="EP1011" s="23"/>
      <c r="EQ1011" s="23"/>
      <c r="ER1011" s="23"/>
      <c r="ES1011" s="23"/>
      <c r="ET1011" s="23"/>
      <c r="EU1011" s="23"/>
      <c r="EV1011" s="23"/>
      <c r="EW1011" s="23"/>
      <c r="EX1011" s="23"/>
      <c r="EY1011" s="23"/>
      <c r="EZ1011" s="23"/>
      <c r="FA1011" s="23"/>
      <c r="FB1011" s="23"/>
      <c r="FC1011" s="23"/>
      <c r="FD1011" s="23"/>
      <c r="FE1011" s="23"/>
      <c r="FF1011" s="23"/>
      <c r="FG1011" s="23"/>
      <c r="FH1011" s="23"/>
      <c r="FI1011" s="23"/>
      <c r="FJ1011" s="23"/>
      <c r="FK1011" s="23"/>
      <c r="FL1011" s="23"/>
      <c r="FM1011" s="23"/>
      <c r="FN1011" s="23"/>
      <c r="FO1011" s="23"/>
      <c r="FP1011" s="23"/>
      <c r="FQ1011" s="23"/>
      <c r="FR1011" s="23"/>
      <c r="FS1011" s="23"/>
      <c r="FT1011" s="23"/>
      <c r="FU1011" s="23"/>
      <c r="FV1011" s="23"/>
      <c r="FW1011" s="23"/>
      <c r="FX1011" s="23"/>
      <c r="FY1011" s="23"/>
      <c r="FZ1011" s="23"/>
      <c r="GA1011" s="23"/>
      <c r="GB1011" s="23"/>
      <c r="GC1011" s="23"/>
      <c r="GD1011" s="23"/>
      <c r="GE1011" s="23"/>
      <c r="GF1011" s="23"/>
      <c r="GG1011" s="23"/>
      <c r="GH1011" s="23"/>
      <c r="GI1011" s="23"/>
      <c r="GJ1011" s="23"/>
      <c r="GK1011" s="23"/>
      <c r="GL1011" s="23"/>
      <c r="GM1011" s="23"/>
      <c r="GN1011" s="23"/>
      <c r="GO1011" s="23"/>
      <c r="GP1011" s="23"/>
      <c r="GQ1011" s="23"/>
      <c r="GR1011" s="23"/>
      <c r="GS1011" s="23"/>
      <c r="GT1011" s="23"/>
      <c r="GU1011" s="23"/>
      <c r="GV1011" s="23"/>
      <c r="GW1011" s="23"/>
      <c r="GX1011" s="23"/>
      <c r="GY1011" s="23"/>
      <c r="GZ1011" s="23"/>
      <c r="HA1011" s="23"/>
      <c r="HB1011" s="23"/>
      <c r="HC1011" s="23"/>
      <c r="HD1011" s="23"/>
      <c r="HE1011" s="23"/>
      <c r="HF1011" s="23"/>
      <c r="HG1011" s="23"/>
      <c r="HH1011" s="23"/>
      <c r="HI1011" s="23"/>
      <c r="HJ1011" s="23"/>
      <c r="HK1011" s="23"/>
      <c r="HL1011" s="23"/>
      <c r="HM1011" s="23"/>
      <c r="HN1011" s="23"/>
      <c r="HO1011" s="23"/>
      <c r="HP1011" s="23"/>
      <c r="HQ1011" s="23"/>
      <c r="HR1011" s="23"/>
      <c r="HS1011" s="23"/>
      <c r="HT1011" s="23"/>
      <c r="HU1011" s="23"/>
      <c r="HV1011" s="23"/>
      <c r="HW1011" s="23"/>
      <c r="HX1011" s="23"/>
      <c r="HY1011" s="23"/>
      <c r="HZ1011" s="23"/>
      <c r="IA1011" s="23"/>
      <c r="IB1011" s="23"/>
      <c r="IC1011" s="23"/>
      <c r="ID1011" s="23"/>
      <c r="IE1011" s="23"/>
      <c r="IF1011" s="23"/>
      <c r="IG1011" s="23"/>
      <c r="IH1011" s="23"/>
      <c r="II1011" s="23"/>
      <c r="IJ1011" s="23"/>
      <c r="IK1011" s="23"/>
      <c r="IL1011" s="23"/>
      <c r="IM1011" s="23"/>
      <c r="IN1011" s="23"/>
      <c r="IO1011" s="23"/>
      <c r="IP1011" s="23"/>
      <c r="IQ1011" s="23"/>
    </row>
    <row r="1012" spans="1:251" s="50" customFormat="1" ht="18.75" customHeight="1">
      <c r="A1012" s="34"/>
      <c r="B1012" s="47"/>
      <c r="C1012" s="130"/>
      <c r="D1012" s="130"/>
      <c r="E1012" s="130"/>
      <c r="F1012" s="130"/>
      <c r="G1012" s="130"/>
      <c r="H1012" s="130"/>
      <c r="I1012" s="130"/>
      <c r="J1012" s="130"/>
      <c r="K1012" s="130"/>
      <c r="L1012" s="130"/>
      <c r="M1012" s="130"/>
      <c r="N1012" s="130"/>
      <c r="O1012" s="130"/>
      <c r="P1012" s="130"/>
      <c r="Q1012" s="130"/>
      <c r="R1012" s="130"/>
      <c r="S1012" s="130"/>
      <c r="T1012" s="130"/>
      <c r="U1012" s="130"/>
      <c r="V1012" s="130"/>
      <c r="W1012" s="130"/>
      <c r="X1012" s="130"/>
      <c r="Y1012" s="130"/>
      <c r="Z1012" s="131"/>
      <c r="AA1012" s="132"/>
      <c r="AB1012" s="200"/>
      <c r="AC1012" s="200"/>
      <c r="AD1012" s="200"/>
      <c r="AE1012" s="200"/>
      <c r="AF1012" s="200"/>
      <c r="AG1012" s="200"/>
      <c r="AH1012" s="200"/>
      <c r="AI1012" s="201"/>
      <c r="AJ1012" s="132"/>
      <c r="AK1012" s="196"/>
      <c r="AL1012" s="196"/>
      <c r="AM1012" s="196"/>
      <c r="AN1012" s="196"/>
      <c r="AO1012" s="196"/>
      <c r="AP1012" s="196"/>
      <c r="AQ1012" s="196"/>
      <c r="AR1012" s="197"/>
      <c r="AS1012" s="132"/>
      <c r="AT1012" s="196"/>
      <c r="AU1012" s="196"/>
      <c r="AV1012" s="196"/>
      <c r="AW1012" s="196"/>
      <c r="AX1012" s="202"/>
      <c r="AY1012" s="23"/>
      <c r="AZ1012" s="23"/>
      <c r="BA1012" s="23"/>
      <c r="BB1012" s="23"/>
      <c r="BC1012" s="23"/>
      <c r="BD1012" s="23"/>
      <c r="BE1012" s="23"/>
      <c r="BF1012" s="23"/>
      <c r="BG1012" s="23"/>
      <c r="BH1012" s="23"/>
      <c r="BI1012" s="23"/>
      <c r="BJ1012" s="23"/>
      <c r="BK1012" s="23"/>
      <c r="BL1012" s="23"/>
      <c r="BM1012" s="23"/>
      <c r="BN1012" s="23"/>
      <c r="BO1012" s="23"/>
      <c r="BP1012" s="23"/>
      <c r="BQ1012" s="23"/>
      <c r="BR1012" s="23"/>
      <c r="BS1012" s="23"/>
      <c r="BT1012" s="23"/>
      <c r="BU1012" s="23"/>
      <c r="BV1012" s="23"/>
      <c r="BW1012" s="23"/>
      <c r="BX1012" s="23"/>
      <c r="BY1012" s="23"/>
      <c r="BZ1012" s="23"/>
      <c r="CA1012" s="23"/>
      <c r="CB1012" s="23"/>
      <c r="CC1012" s="23"/>
      <c r="CD1012" s="23"/>
      <c r="CE1012" s="23"/>
      <c r="CF1012" s="23"/>
      <c r="CG1012" s="23"/>
      <c r="CH1012" s="23"/>
      <c r="CI1012" s="23"/>
      <c r="CJ1012" s="23"/>
      <c r="CK1012" s="23"/>
      <c r="CL1012" s="23"/>
      <c r="CM1012" s="23"/>
      <c r="CN1012" s="23"/>
      <c r="CO1012" s="23"/>
      <c r="CP1012" s="23"/>
      <c r="CQ1012" s="23"/>
      <c r="CR1012" s="23"/>
      <c r="CS1012" s="23"/>
      <c r="CT1012" s="23"/>
      <c r="CU1012" s="23"/>
      <c r="CV1012" s="23"/>
      <c r="CW1012" s="23"/>
      <c r="CX1012" s="23"/>
      <c r="CY1012" s="23"/>
      <c r="CZ1012" s="23"/>
      <c r="DA1012" s="23"/>
      <c r="DB1012" s="23"/>
      <c r="DC1012" s="23"/>
      <c r="DD1012" s="23"/>
      <c r="DE1012" s="23"/>
      <c r="DF1012" s="23"/>
      <c r="DG1012" s="23"/>
      <c r="DH1012" s="23"/>
      <c r="DI1012" s="23"/>
      <c r="DJ1012" s="23"/>
      <c r="DK1012" s="23"/>
      <c r="DL1012" s="23"/>
      <c r="DM1012" s="23"/>
      <c r="DN1012" s="23"/>
      <c r="DO1012" s="23"/>
      <c r="DP1012" s="23"/>
      <c r="DQ1012" s="23"/>
      <c r="DR1012" s="23"/>
      <c r="DS1012" s="23"/>
      <c r="DT1012" s="23"/>
      <c r="DU1012" s="23"/>
      <c r="DV1012" s="23"/>
      <c r="DW1012" s="23"/>
      <c r="DX1012" s="23"/>
      <c r="DY1012" s="23"/>
      <c r="DZ1012" s="23"/>
      <c r="EA1012" s="23"/>
      <c r="EB1012" s="23"/>
      <c r="EC1012" s="23"/>
      <c r="ED1012" s="23"/>
      <c r="EE1012" s="23"/>
      <c r="EF1012" s="23"/>
      <c r="EG1012" s="23"/>
      <c r="EH1012" s="23"/>
      <c r="EI1012" s="23"/>
      <c r="EJ1012" s="23"/>
      <c r="EK1012" s="23"/>
      <c r="EL1012" s="23"/>
      <c r="EM1012" s="23"/>
      <c r="EN1012" s="23"/>
      <c r="EO1012" s="23"/>
      <c r="EP1012" s="23"/>
      <c r="EQ1012" s="23"/>
      <c r="ER1012" s="23"/>
      <c r="ES1012" s="23"/>
      <c r="ET1012" s="23"/>
      <c r="EU1012" s="23"/>
      <c r="EV1012" s="23"/>
      <c r="EW1012" s="23"/>
      <c r="EX1012" s="23"/>
      <c r="EY1012" s="23"/>
      <c r="EZ1012" s="23"/>
      <c r="FA1012" s="23"/>
      <c r="FB1012" s="23"/>
      <c r="FC1012" s="23"/>
      <c r="FD1012" s="23"/>
      <c r="FE1012" s="23"/>
      <c r="FF1012" s="23"/>
      <c r="FG1012" s="23"/>
      <c r="FH1012" s="23"/>
      <c r="FI1012" s="23"/>
      <c r="FJ1012" s="23"/>
      <c r="FK1012" s="23"/>
      <c r="FL1012" s="23"/>
      <c r="FM1012" s="23"/>
      <c r="FN1012" s="23"/>
      <c r="FO1012" s="23"/>
      <c r="FP1012" s="23"/>
      <c r="FQ1012" s="23"/>
      <c r="FR1012" s="23"/>
      <c r="FS1012" s="23"/>
      <c r="FT1012" s="23"/>
      <c r="FU1012" s="23"/>
      <c r="FV1012" s="23"/>
      <c r="FW1012" s="23"/>
      <c r="FX1012" s="23"/>
      <c r="FY1012" s="23"/>
      <c r="FZ1012" s="23"/>
      <c r="GA1012" s="23"/>
      <c r="GB1012" s="23"/>
      <c r="GC1012" s="23"/>
      <c r="GD1012" s="23"/>
      <c r="GE1012" s="23"/>
      <c r="GF1012" s="23"/>
      <c r="GG1012" s="23"/>
      <c r="GH1012" s="23"/>
      <c r="GI1012" s="23"/>
      <c r="GJ1012" s="23"/>
      <c r="GK1012" s="23"/>
      <c r="GL1012" s="23"/>
      <c r="GM1012" s="23"/>
      <c r="GN1012" s="23"/>
      <c r="GO1012" s="23"/>
      <c r="GP1012" s="23"/>
      <c r="GQ1012" s="23"/>
      <c r="GR1012" s="23"/>
      <c r="GS1012" s="23"/>
      <c r="GT1012" s="23"/>
      <c r="GU1012" s="23"/>
      <c r="GV1012" s="23"/>
      <c r="GW1012" s="23"/>
      <c r="GX1012" s="23"/>
      <c r="GY1012" s="23"/>
      <c r="GZ1012" s="23"/>
      <c r="HA1012" s="23"/>
      <c r="HB1012" s="23"/>
      <c r="HC1012" s="23"/>
      <c r="HD1012" s="23"/>
      <c r="HE1012" s="23"/>
      <c r="HF1012" s="23"/>
      <c r="HG1012" s="23"/>
      <c r="HH1012" s="23"/>
      <c r="HI1012" s="23"/>
      <c r="HJ1012" s="23"/>
      <c r="HK1012" s="23"/>
      <c r="HL1012" s="23"/>
      <c r="HM1012" s="23"/>
      <c r="HN1012" s="23"/>
      <c r="HO1012" s="23"/>
      <c r="HP1012" s="23"/>
      <c r="HQ1012" s="23"/>
      <c r="HR1012" s="23"/>
      <c r="HS1012" s="23"/>
      <c r="HT1012" s="23"/>
      <c r="HU1012" s="23"/>
      <c r="HV1012" s="23"/>
      <c r="HW1012" s="23"/>
      <c r="HX1012" s="23"/>
      <c r="HY1012" s="23"/>
      <c r="HZ1012" s="23"/>
      <c r="IA1012" s="23"/>
      <c r="IB1012" s="23"/>
      <c r="IC1012" s="23"/>
      <c r="ID1012" s="23"/>
      <c r="IE1012" s="23"/>
      <c r="IF1012" s="23"/>
      <c r="IG1012" s="23"/>
      <c r="IH1012" s="23"/>
      <c r="II1012" s="23"/>
      <c r="IJ1012" s="23"/>
      <c r="IK1012" s="23"/>
      <c r="IL1012" s="23"/>
      <c r="IM1012" s="23"/>
      <c r="IN1012" s="23"/>
      <c r="IO1012" s="23"/>
      <c r="IP1012" s="23"/>
      <c r="IQ1012" s="23"/>
    </row>
    <row r="1013" spans="1:251" s="50" customFormat="1" ht="18.75" customHeight="1">
      <c r="A1013" s="34"/>
      <c r="B1013" s="48"/>
      <c r="C1013" s="130"/>
      <c r="D1013" s="130"/>
      <c r="E1013" s="130"/>
      <c r="F1013" s="130"/>
      <c r="G1013" s="130"/>
      <c r="H1013" s="130"/>
      <c r="I1013" s="130"/>
      <c r="J1013" s="130"/>
      <c r="K1013" s="130"/>
      <c r="L1013" s="130"/>
      <c r="M1013" s="130"/>
      <c r="N1013" s="130"/>
      <c r="O1013" s="130"/>
      <c r="P1013" s="130"/>
      <c r="Q1013" s="130"/>
      <c r="R1013" s="130"/>
      <c r="S1013" s="130"/>
      <c r="T1013" s="130"/>
      <c r="U1013" s="130"/>
      <c r="V1013" s="130"/>
      <c r="W1013" s="130"/>
      <c r="X1013" s="130"/>
      <c r="Y1013" s="130"/>
      <c r="Z1013" s="131"/>
      <c r="AA1013" s="132"/>
      <c r="AB1013" s="200"/>
      <c r="AC1013" s="200"/>
      <c r="AD1013" s="200"/>
      <c r="AE1013" s="200"/>
      <c r="AF1013" s="200"/>
      <c r="AG1013" s="200"/>
      <c r="AH1013" s="200"/>
      <c r="AI1013" s="201"/>
      <c r="AJ1013" s="132"/>
      <c r="AK1013" s="133"/>
      <c r="AL1013" s="133"/>
      <c r="AM1013" s="133"/>
      <c r="AN1013" s="133"/>
      <c r="AO1013" s="133"/>
      <c r="AP1013" s="133"/>
      <c r="AQ1013" s="133"/>
      <c r="AR1013" s="134"/>
      <c r="AS1013" s="132"/>
      <c r="AT1013" s="196"/>
      <c r="AU1013" s="196"/>
      <c r="AV1013" s="196"/>
      <c r="AW1013" s="196"/>
      <c r="AX1013" s="202"/>
      <c r="AY1013" s="23"/>
      <c r="AZ1013" s="23"/>
      <c r="BA1013" s="23"/>
      <c r="BB1013" s="23"/>
      <c r="BC1013" s="23"/>
      <c r="BD1013" s="23"/>
      <c r="BE1013" s="23"/>
      <c r="BF1013" s="23"/>
      <c r="BG1013" s="23"/>
      <c r="BH1013" s="23"/>
      <c r="BI1013" s="23"/>
      <c r="BJ1013" s="23"/>
      <c r="BK1013" s="23"/>
      <c r="BL1013" s="23"/>
      <c r="BM1013" s="23"/>
      <c r="BN1013" s="23"/>
      <c r="BO1013" s="23"/>
      <c r="BP1013" s="23"/>
      <c r="BQ1013" s="23"/>
      <c r="BR1013" s="23"/>
      <c r="BS1013" s="23"/>
      <c r="BT1013" s="23"/>
      <c r="BU1013" s="23"/>
      <c r="BV1013" s="23"/>
      <c r="BW1013" s="23"/>
      <c r="BX1013" s="23"/>
      <c r="BY1013" s="23"/>
      <c r="BZ1013" s="23"/>
      <c r="CA1013" s="23"/>
      <c r="CB1013" s="23"/>
      <c r="CC1013" s="23"/>
      <c r="CD1013" s="23"/>
      <c r="CE1013" s="23"/>
      <c r="CF1013" s="23"/>
      <c r="CG1013" s="23"/>
      <c r="CH1013" s="23"/>
      <c r="CI1013" s="23"/>
      <c r="CJ1013" s="23"/>
      <c r="CK1013" s="23"/>
      <c r="CL1013" s="23"/>
      <c r="CM1013" s="23"/>
      <c r="CN1013" s="23"/>
      <c r="CO1013" s="23"/>
      <c r="CP1013" s="23"/>
      <c r="CQ1013" s="23"/>
      <c r="CR1013" s="23"/>
      <c r="CS1013" s="23"/>
      <c r="CT1013" s="23"/>
      <c r="CU1013" s="23"/>
      <c r="CV1013" s="23"/>
      <c r="CW1013" s="23"/>
      <c r="CX1013" s="23"/>
      <c r="CY1013" s="23"/>
      <c r="CZ1013" s="23"/>
      <c r="DA1013" s="23"/>
      <c r="DB1013" s="23"/>
      <c r="DC1013" s="23"/>
      <c r="DD1013" s="23"/>
      <c r="DE1013" s="23"/>
      <c r="DF1013" s="23"/>
      <c r="DG1013" s="23"/>
      <c r="DH1013" s="23"/>
      <c r="DI1013" s="23"/>
      <c r="DJ1013" s="23"/>
      <c r="DK1013" s="23"/>
      <c r="DL1013" s="23"/>
      <c r="DM1013" s="23"/>
      <c r="DN1013" s="23"/>
      <c r="DO1013" s="23"/>
      <c r="DP1013" s="23"/>
      <c r="DQ1013" s="23"/>
      <c r="DR1013" s="23"/>
      <c r="DS1013" s="23"/>
      <c r="DT1013" s="23"/>
      <c r="DU1013" s="23"/>
      <c r="DV1013" s="23"/>
      <c r="DW1013" s="23"/>
      <c r="DX1013" s="23"/>
      <c r="DY1013" s="23"/>
      <c r="DZ1013" s="23"/>
      <c r="EA1013" s="23"/>
      <c r="EB1013" s="23"/>
      <c r="EC1013" s="23"/>
      <c r="ED1013" s="23"/>
      <c r="EE1013" s="23"/>
      <c r="EF1013" s="23"/>
      <c r="EG1013" s="23"/>
      <c r="EH1013" s="23"/>
      <c r="EI1013" s="23"/>
      <c r="EJ1013" s="23"/>
      <c r="EK1013" s="23"/>
      <c r="EL1013" s="23"/>
      <c r="EM1013" s="23"/>
      <c r="EN1013" s="23"/>
      <c r="EO1013" s="23"/>
      <c r="EP1013" s="23"/>
      <c r="EQ1013" s="23"/>
      <c r="ER1013" s="23"/>
      <c r="ES1013" s="23"/>
      <c r="ET1013" s="23"/>
      <c r="EU1013" s="23"/>
      <c r="EV1013" s="23"/>
      <c r="EW1013" s="23"/>
      <c r="EX1013" s="23"/>
      <c r="EY1013" s="23"/>
      <c r="EZ1013" s="23"/>
      <c r="FA1013" s="23"/>
      <c r="FB1013" s="23"/>
      <c r="FC1013" s="23"/>
      <c r="FD1013" s="23"/>
      <c r="FE1013" s="23"/>
      <c r="FF1013" s="23"/>
      <c r="FG1013" s="23"/>
      <c r="FH1013" s="23"/>
      <c r="FI1013" s="23"/>
      <c r="FJ1013" s="23"/>
      <c r="FK1013" s="23"/>
      <c r="FL1013" s="23"/>
      <c r="FM1013" s="23"/>
      <c r="FN1013" s="23"/>
      <c r="FO1013" s="23"/>
      <c r="FP1013" s="23"/>
      <c r="FQ1013" s="23"/>
      <c r="FR1013" s="23"/>
      <c r="FS1013" s="23"/>
      <c r="FT1013" s="23"/>
      <c r="FU1013" s="23"/>
      <c r="FV1013" s="23"/>
      <c r="FW1013" s="23"/>
      <c r="FX1013" s="23"/>
      <c r="FY1013" s="23"/>
      <c r="FZ1013" s="23"/>
      <c r="GA1013" s="23"/>
      <c r="GB1013" s="23"/>
      <c r="GC1013" s="23"/>
      <c r="GD1013" s="23"/>
      <c r="GE1013" s="23"/>
      <c r="GF1013" s="23"/>
      <c r="GG1013" s="23"/>
      <c r="GH1013" s="23"/>
      <c r="GI1013" s="23"/>
      <c r="GJ1013" s="23"/>
      <c r="GK1013" s="23"/>
      <c r="GL1013" s="23"/>
      <c r="GM1013" s="23"/>
      <c r="GN1013" s="23"/>
      <c r="GO1013" s="23"/>
      <c r="GP1013" s="23"/>
      <c r="GQ1013" s="23"/>
      <c r="GR1013" s="23"/>
      <c r="GS1013" s="23"/>
      <c r="GT1013" s="23"/>
      <c r="GU1013" s="23"/>
      <c r="GV1013" s="23"/>
      <c r="GW1013" s="23"/>
      <c r="GX1013" s="23"/>
      <c r="GY1013" s="23"/>
      <c r="GZ1013" s="23"/>
      <c r="HA1013" s="23"/>
      <c r="HB1013" s="23"/>
      <c r="HC1013" s="23"/>
      <c r="HD1013" s="23"/>
      <c r="HE1013" s="23"/>
      <c r="HF1013" s="23"/>
      <c r="HG1013" s="23"/>
      <c r="HH1013" s="23"/>
      <c r="HI1013" s="23"/>
      <c r="HJ1013" s="23"/>
      <c r="HK1013" s="23"/>
      <c r="HL1013" s="23"/>
      <c r="HM1013" s="23"/>
      <c r="HN1013" s="23"/>
      <c r="HO1013" s="23"/>
      <c r="HP1013" s="23"/>
      <c r="HQ1013" s="23"/>
      <c r="HR1013" s="23"/>
      <c r="HS1013" s="23"/>
      <c r="HT1013" s="23"/>
      <c r="HU1013" s="23"/>
      <c r="HV1013" s="23"/>
      <c r="HW1013" s="23"/>
      <c r="HX1013" s="23"/>
      <c r="HY1013" s="23"/>
      <c r="HZ1013" s="23"/>
      <c r="IA1013" s="23"/>
      <c r="IB1013" s="23"/>
      <c r="IC1013" s="23"/>
      <c r="ID1013" s="23"/>
      <c r="IE1013" s="23"/>
      <c r="IF1013" s="23"/>
      <c r="IG1013" s="23"/>
      <c r="IH1013" s="23"/>
      <c r="II1013" s="23"/>
      <c r="IJ1013" s="23"/>
      <c r="IK1013" s="23"/>
      <c r="IL1013" s="23"/>
      <c r="IM1013" s="23"/>
      <c r="IN1013" s="23"/>
      <c r="IO1013" s="23"/>
      <c r="IP1013" s="23"/>
      <c r="IQ1013" s="23"/>
    </row>
    <row r="1014" spans="1:251" s="50" customFormat="1" ht="18.75" customHeight="1" thickBot="1">
      <c r="A1014" s="34"/>
      <c r="B1014" s="49"/>
      <c r="C1014" s="158"/>
      <c r="D1014" s="158"/>
      <c r="E1014" s="158"/>
      <c r="F1014" s="158"/>
      <c r="G1014" s="158"/>
      <c r="H1014" s="158"/>
      <c r="I1014" s="158"/>
      <c r="J1014" s="158"/>
      <c r="K1014" s="158"/>
      <c r="L1014" s="158"/>
      <c r="M1014" s="158"/>
      <c r="N1014" s="158"/>
      <c r="O1014" s="158"/>
      <c r="P1014" s="158"/>
      <c r="Q1014" s="158"/>
      <c r="R1014" s="158"/>
      <c r="S1014" s="158"/>
      <c r="T1014" s="158"/>
      <c r="U1014" s="158"/>
      <c r="V1014" s="158"/>
      <c r="W1014" s="158"/>
      <c r="X1014" s="158"/>
      <c r="Y1014" s="158"/>
      <c r="Z1014" s="159"/>
      <c r="AA1014" s="160"/>
      <c r="AB1014" s="211"/>
      <c r="AC1014" s="211"/>
      <c r="AD1014" s="211"/>
      <c r="AE1014" s="211"/>
      <c r="AF1014" s="211"/>
      <c r="AG1014" s="211"/>
      <c r="AH1014" s="211"/>
      <c r="AI1014" s="212"/>
      <c r="AJ1014" s="160"/>
      <c r="AK1014" s="161"/>
      <c r="AL1014" s="161"/>
      <c r="AM1014" s="161"/>
      <c r="AN1014" s="161"/>
      <c r="AO1014" s="161"/>
      <c r="AP1014" s="161"/>
      <c r="AQ1014" s="161"/>
      <c r="AR1014" s="162"/>
      <c r="AS1014" s="188"/>
      <c r="AT1014" s="213"/>
      <c r="AU1014" s="213"/>
      <c r="AV1014" s="213"/>
      <c r="AW1014" s="213"/>
      <c r="AX1014" s="214"/>
      <c r="AY1014" s="23"/>
      <c r="AZ1014" s="23"/>
      <c r="BA1014" s="23"/>
      <c r="BB1014" s="23"/>
      <c r="BC1014" s="23"/>
      <c r="BD1014" s="23"/>
      <c r="BE1014" s="23"/>
      <c r="BF1014" s="23"/>
      <c r="BG1014" s="23"/>
      <c r="BH1014" s="23"/>
      <c r="BI1014" s="23"/>
      <c r="BJ1014" s="23"/>
      <c r="BK1014" s="23"/>
      <c r="BL1014" s="23"/>
      <c r="BM1014" s="23"/>
      <c r="BN1014" s="23"/>
      <c r="BO1014" s="23"/>
      <c r="BP1014" s="23"/>
      <c r="BQ1014" s="23"/>
      <c r="BR1014" s="23"/>
      <c r="BS1014" s="23"/>
      <c r="BT1014" s="23"/>
      <c r="BU1014" s="23"/>
      <c r="BV1014" s="23"/>
      <c r="BW1014" s="23"/>
      <c r="BX1014" s="23"/>
      <c r="BY1014" s="23"/>
      <c r="BZ1014" s="23"/>
      <c r="CA1014" s="23"/>
      <c r="CB1014" s="23"/>
      <c r="CC1014" s="23"/>
      <c r="CD1014" s="23"/>
      <c r="CE1014" s="23"/>
      <c r="CF1014" s="23"/>
      <c r="CG1014" s="23"/>
      <c r="CH1014" s="23"/>
      <c r="CI1014" s="23"/>
      <c r="CJ1014" s="23"/>
      <c r="CK1014" s="23"/>
      <c r="CL1014" s="23"/>
      <c r="CM1014" s="23"/>
      <c r="CN1014" s="23"/>
      <c r="CO1014" s="23"/>
      <c r="CP1014" s="23"/>
      <c r="CQ1014" s="23"/>
      <c r="CR1014" s="23"/>
      <c r="CS1014" s="23"/>
      <c r="CT1014" s="23"/>
      <c r="CU1014" s="23"/>
      <c r="CV1014" s="23"/>
      <c r="CW1014" s="23"/>
      <c r="CX1014" s="23"/>
      <c r="CY1014" s="23"/>
      <c r="CZ1014" s="23"/>
      <c r="DA1014" s="23"/>
      <c r="DB1014" s="23"/>
      <c r="DC1014" s="23"/>
      <c r="DD1014" s="23"/>
      <c r="DE1014" s="23"/>
      <c r="DF1014" s="23"/>
      <c r="DG1014" s="23"/>
      <c r="DH1014" s="23"/>
      <c r="DI1014" s="23"/>
      <c r="DJ1014" s="23"/>
      <c r="DK1014" s="23"/>
      <c r="DL1014" s="23"/>
      <c r="DM1014" s="23"/>
      <c r="DN1014" s="23"/>
      <c r="DO1014" s="23"/>
      <c r="DP1014" s="23"/>
      <c r="DQ1014" s="23"/>
      <c r="DR1014" s="23"/>
      <c r="DS1014" s="23"/>
      <c r="DT1014" s="23"/>
      <c r="DU1014" s="23"/>
      <c r="DV1014" s="23"/>
      <c r="DW1014" s="23"/>
      <c r="DX1014" s="23"/>
      <c r="DY1014" s="23"/>
      <c r="DZ1014" s="23"/>
      <c r="EA1014" s="23"/>
      <c r="EB1014" s="23"/>
      <c r="EC1014" s="23"/>
      <c r="ED1014" s="23"/>
      <c r="EE1014" s="23"/>
      <c r="EF1014" s="23"/>
      <c r="EG1014" s="23"/>
      <c r="EH1014" s="23"/>
      <c r="EI1014" s="23"/>
      <c r="EJ1014" s="23"/>
      <c r="EK1014" s="23"/>
      <c r="EL1014" s="23"/>
      <c r="EM1014" s="23"/>
      <c r="EN1014" s="23"/>
      <c r="EO1014" s="23"/>
      <c r="EP1014" s="23"/>
      <c r="EQ1014" s="23"/>
      <c r="ER1014" s="23"/>
      <c r="ES1014" s="23"/>
      <c r="ET1014" s="23"/>
      <c r="EU1014" s="23"/>
      <c r="EV1014" s="23"/>
      <c r="EW1014" s="23"/>
      <c r="EX1014" s="23"/>
      <c r="EY1014" s="23"/>
      <c r="EZ1014" s="23"/>
      <c r="FA1014" s="23"/>
      <c r="FB1014" s="23"/>
      <c r="FC1014" s="23"/>
      <c r="FD1014" s="23"/>
      <c r="FE1014" s="23"/>
      <c r="FF1014" s="23"/>
      <c r="FG1014" s="23"/>
      <c r="FH1014" s="23"/>
      <c r="FI1014" s="23"/>
      <c r="FJ1014" s="23"/>
      <c r="FK1014" s="23"/>
      <c r="FL1014" s="23"/>
      <c r="FM1014" s="23"/>
      <c r="FN1014" s="23"/>
      <c r="FO1014" s="23"/>
      <c r="FP1014" s="23"/>
      <c r="FQ1014" s="23"/>
      <c r="FR1014" s="23"/>
      <c r="FS1014" s="23"/>
      <c r="FT1014" s="23"/>
      <c r="FU1014" s="23"/>
      <c r="FV1014" s="23"/>
      <c r="FW1014" s="23"/>
      <c r="FX1014" s="23"/>
      <c r="FY1014" s="23"/>
      <c r="FZ1014" s="23"/>
      <c r="GA1014" s="23"/>
      <c r="GB1014" s="23"/>
      <c r="GC1014" s="23"/>
      <c r="GD1014" s="23"/>
      <c r="GE1014" s="23"/>
      <c r="GF1014" s="23"/>
      <c r="GG1014" s="23"/>
      <c r="GH1014" s="23"/>
      <c r="GI1014" s="23"/>
      <c r="GJ1014" s="23"/>
      <c r="GK1014" s="23"/>
      <c r="GL1014" s="23"/>
      <c r="GM1014" s="23"/>
      <c r="GN1014" s="23"/>
      <c r="GO1014" s="23"/>
      <c r="GP1014" s="23"/>
      <c r="GQ1014" s="23"/>
      <c r="GR1014" s="23"/>
      <c r="GS1014" s="23"/>
      <c r="GT1014" s="23"/>
      <c r="GU1014" s="23"/>
      <c r="GV1014" s="23"/>
      <c r="GW1014" s="23"/>
      <c r="GX1014" s="23"/>
      <c r="GY1014" s="23"/>
      <c r="GZ1014" s="23"/>
      <c r="HA1014" s="23"/>
      <c r="HB1014" s="23"/>
      <c r="HC1014" s="23"/>
      <c r="HD1014" s="23"/>
      <c r="HE1014" s="23"/>
      <c r="HF1014" s="23"/>
      <c r="HG1014" s="23"/>
      <c r="HH1014" s="23"/>
      <c r="HI1014" s="23"/>
      <c r="HJ1014" s="23"/>
      <c r="HK1014" s="23"/>
      <c r="HL1014" s="23"/>
      <c r="HM1014" s="23"/>
      <c r="HN1014" s="23"/>
      <c r="HO1014" s="23"/>
      <c r="HP1014" s="23"/>
      <c r="HQ1014" s="23"/>
      <c r="HR1014" s="23"/>
      <c r="HS1014" s="23"/>
      <c r="HT1014" s="23"/>
      <c r="HU1014" s="23"/>
      <c r="HV1014" s="23"/>
      <c r="HW1014" s="23"/>
      <c r="HX1014" s="23"/>
      <c r="HY1014" s="23"/>
      <c r="HZ1014" s="23"/>
      <c r="IA1014" s="23"/>
      <c r="IB1014" s="23"/>
      <c r="IC1014" s="23"/>
      <c r="ID1014" s="23"/>
      <c r="IE1014" s="23"/>
      <c r="IF1014" s="23"/>
      <c r="IG1014" s="23"/>
      <c r="IH1014" s="23"/>
      <c r="II1014" s="23"/>
      <c r="IJ1014" s="23"/>
      <c r="IK1014" s="23"/>
      <c r="IL1014" s="23"/>
      <c r="IM1014" s="23"/>
      <c r="IN1014" s="23"/>
      <c r="IO1014" s="23"/>
      <c r="IP1014" s="23"/>
      <c r="IQ1014" s="23"/>
    </row>
    <row r="1015" spans="1:251" s="50" customFormat="1" ht="18.75" customHeight="1" thickTop="1" thickBot="1">
      <c r="A1015" s="38"/>
      <c r="B1015" s="164" t="s">
        <v>105</v>
      </c>
      <c r="C1015" s="191"/>
      <c r="D1015" s="191"/>
      <c r="E1015" s="191"/>
      <c r="F1015" s="191"/>
      <c r="G1015" s="191"/>
      <c r="H1015" s="191"/>
      <c r="I1015" s="191"/>
      <c r="J1015" s="191"/>
      <c r="K1015" s="191"/>
      <c r="L1015" s="191"/>
      <c r="M1015" s="191"/>
      <c r="N1015" s="191"/>
      <c r="O1015" s="191"/>
      <c r="P1015" s="191"/>
      <c r="Q1015" s="191"/>
      <c r="R1015" s="191"/>
      <c r="S1015" s="191"/>
      <c r="T1015" s="191"/>
      <c r="U1015" s="191"/>
      <c r="V1015" s="191"/>
      <c r="W1015" s="191"/>
      <c r="X1015" s="191"/>
      <c r="Y1015" s="191"/>
      <c r="Z1015" s="192"/>
      <c r="AA1015" s="167">
        <f>SUM(AA1007:AA1014)</f>
        <v>1306</v>
      </c>
      <c r="AB1015" s="215"/>
      <c r="AC1015" s="215"/>
      <c r="AD1015" s="215"/>
      <c r="AE1015" s="215"/>
      <c r="AF1015" s="215"/>
      <c r="AG1015" s="215"/>
      <c r="AH1015" s="215"/>
      <c r="AI1015" s="216"/>
      <c r="AJ1015" s="167">
        <f>SUM(AJ1007:AJ1014)</f>
        <v>56</v>
      </c>
      <c r="AK1015" s="215"/>
      <c r="AL1015" s="215"/>
      <c r="AM1015" s="215"/>
      <c r="AN1015" s="215"/>
      <c r="AO1015" s="215"/>
      <c r="AP1015" s="215"/>
      <c r="AQ1015" s="215"/>
      <c r="AR1015" s="216"/>
      <c r="AS1015" s="167"/>
      <c r="AT1015" s="215"/>
      <c r="AU1015" s="215"/>
      <c r="AV1015" s="215"/>
      <c r="AW1015" s="215"/>
      <c r="AX1015" s="217"/>
      <c r="AY1015" s="23"/>
      <c r="AZ1015" s="23"/>
      <c r="BA1015" s="23"/>
      <c r="BB1015" s="23"/>
      <c r="BC1015" s="23"/>
      <c r="BD1015" s="23"/>
      <c r="BE1015" s="23"/>
      <c r="BF1015" s="23"/>
      <c r="BG1015" s="23"/>
      <c r="BH1015" s="23"/>
      <c r="BI1015" s="23"/>
      <c r="BJ1015" s="23"/>
      <c r="BK1015" s="23"/>
      <c r="BL1015" s="23"/>
      <c r="BM1015" s="23"/>
      <c r="BN1015" s="23"/>
      <c r="BO1015" s="23"/>
      <c r="BP1015" s="23"/>
      <c r="BQ1015" s="23"/>
      <c r="BR1015" s="23"/>
      <c r="BS1015" s="23"/>
      <c r="BT1015" s="23"/>
      <c r="BU1015" s="23"/>
      <c r="BV1015" s="23"/>
      <c r="BW1015" s="23"/>
      <c r="BX1015" s="23"/>
      <c r="BY1015" s="23"/>
      <c r="BZ1015" s="23"/>
      <c r="CA1015" s="23"/>
      <c r="CB1015" s="23"/>
      <c r="CC1015" s="23"/>
      <c r="CD1015" s="23"/>
      <c r="CE1015" s="23"/>
      <c r="CF1015" s="23"/>
      <c r="CG1015" s="23"/>
      <c r="CH1015" s="23"/>
      <c r="CI1015" s="23"/>
      <c r="CJ1015" s="23"/>
      <c r="CK1015" s="23"/>
      <c r="CL1015" s="23"/>
      <c r="CM1015" s="23"/>
      <c r="CN1015" s="23"/>
      <c r="CO1015" s="23"/>
      <c r="CP1015" s="23"/>
      <c r="CQ1015" s="23"/>
      <c r="CR1015" s="23"/>
      <c r="CS1015" s="23"/>
      <c r="CT1015" s="23"/>
      <c r="CU1015" s="23"/>
      <c r="CV1015" s="23"/>
      <c r="CW1015" s="23"/>
      <c r="CX1015" s="23"/>
      <c r="CY1015" s="23"/>
      <c r="CZ1015" s="23"/>
      <c r="DA1015" s="23"/>
      <c r="DB1015" s="23"/>
      <c r="DC1015" s="23"/>
      <c r="DD1015" s="23"/>
      <c r="DE1015" s="23"/>
      <c r="DF1015" s="23"/>
      <c r="DG1015" s="23"/>
      <c r="DH1015" s="23"/>
      <c r="DI1015" s="23"/>
      <c r="DJ1015" s="23"/>
      <c r="DK1015" s="23"/>
      <c r="DL1015" s="23"/>
      <c r="DM1015" s="23"/>
      <c r="DN1015" s="23"/>
      <c r="DO1015" s="23"/>
      <c r="DP1015" s="23"/>
      <c r="DQ1015" s="23"/>
      <c r="DR1015" s="23"/>
      <c r="DS1015" s="23"/>
      <c r="DT1015" s="23"/>
      <c r="DU1015" s="23"/>
      <c r="DV1015" s="23"/>
      <c r="DW1015" s="23"/>
      <c r="DX1015" s="23"/>
      <c r="DY1015" s="23"/>
      <c r="DZ1015" s="23"/>
      <c r="EA1015" s="23"/>
      <c r="EB1015" s="23"/>
      <c r="EC1015" s="23"/>
      <c r="ED1015" s="23"/>
      <c r="EE1015" s="23"/>
      <c r="EF1015" s="23"/>
      <c r="EG1015" s="23"/>
      <c r="EH1015" s="23"/>
      <c r="EI1015" s="23"/>
      <c r="EJ1015" s="23"/>
      <c r="EK1015" s="23"/>
      <c r="EL1015" s="23"/>
      <c r="EM1015" s="23"/>
      <c r="EN1015" s="23"/>
      <c r="EO1015" s="23"/>
      <c r="EP1015" s="23"/>
      <c r="EQ1015" s="23"/>
      <c r="ER1015" s="23"/>
      <c r="ES1015" s="23"/>
      <c r="ET1015" s="23"/>
      <c r="EU1015" s="23"/>
      <c r="EV1015" s="23"/>
      <c r="EW1015" s="23"/>
      <c r="EX1015" s="23"/>
      <c r="EY1015" s="23"/>
      <c r="EZ1015" s="23"/>
      <c r="FA1015" s="23"/>
      <c r="FB1015" s="23"/>
      <c r="FC1015" s="23"/>
      <c r="FD1015" s="23"/>
      <c r="FE1015" s="23"/>
      <c r="FF1015" s="23"/>
      <c r="FG1015" s="23"/>
      <c r="FH1015" s="23"/>
      <c r="FI1015" s="23"/>
      <c r="FJ1015" s="23"/>
      <c r="FK1015" s="23"/>
      <c r="FL1015" s="23"/>
      <c r="FM1015" s="23"/>
      <c r="FN1015" s="23"/>
      <c r="FO1015" s="23"/>
      <c r="FP1015" s="23"/>
      <c r="FQ1015" s="23"/>
      <c r="FR1015" s="23"/>
      <c r="FS1015" s="23"/>
      <c r="FT1015" s="23"/>
      <c r="FU1015" s="23"/>
      <c r="FV1015" s="23"/>
      <c r="FW1015" s="23"/>
      <c r="FX1015" s="23"/>
      <c r="FY1015" s="23"/>
      <c r="FZ1015" s="23"/>
      <c r="GA1015" s="23"/>
      <c r="GB1015" s="23"/>
      <c r="GC1015" s="23"/>
      <c r="GD1015" s="23"/>
      <c r="GE1015" s="23"/>
      <c r="GF1015" s="23"/>
      <c r="GG1015" s="23"/>
      <c r="GH1015" s="23"/>
      <c r="GI1015" s="23"/>
      <c r="GJ1015" s="23"/>
      <c r="GK1015" s="23"/>
      <c r="GL1015" s="23"/>
      <c r="GM1015" s="23"/>
      <c r="GN1015" s="23"/>
      <c r="GO1015" s="23"/>
      <c r="GP1015" s="23"/>
      <c r="GQ1015" s="23"/>
      <c r="GR1015" s="23"/>
      <c r="GS1015" s="23"/>
      <c r="GT1015" s="23"/>
      <c r="GU1015" s="23"/>
      <c r="GV1015" s="23"/>
      <c r="GW1015" s="23"/>
      <c r="GX1015" s="23"/>
      <c r="GY1015" s="23"/>
      <c r="GZ1015" s="23"/>
      <c r="HA1015" s="23"/>
      <c r="HB1015" s="23"/>
      <c r="HC1015" s="23"/>
      <c r="HD1015" s="23"/>
      <c r="HE1015" s="23"/>
      <c r="HF1015" s="23"/>
      <c r="HG1015" s="23"/>
      <c r="HH1015" s="23"/>
      <c r="HI1015" s="23"/>
      <c r="HJ1015" s="23"/>
      <c r="HK1015" s="23"/>
      <c r="HL1015" s="23"/>
      <c r="HM1015" s="23"/>
      <c r="HN1015" s="23"/>
      <c r="HO1015" s="23"/>
      <c r="HP1015" s="23"/>
      <c r="HQ1015" s="23"/>
      <c r="HR1015" s="23"/>
      <c r="HS1015" s="23"/>
      <c r="HT1015" s="23"/>
      <c r="HU1015" s="23"/>
      <c r="HV1015" s="23"/>
      <c r="HW1015" s="23"/>
      <c r="HX1015" s="23"/>
      <c r="HY1015" s="23"/>
      <c r="HZ1015" s="23"/>
      <c r="IA1015" s="23"/>
      <c r="IB1015" s="23"/>
      <c r="IC1015" s="23"/>
      <c r="ID1015" s="23"/>
      <c r="IE1015" s="23"/>
      <c r="IF1015" s="23"/>
      <c r="IG1015" s="23"/>
      <c r="IH1015" s="23"/>
      <c r="II1015" s="23"/>
      <c r="IJ1015" s="23"/>
      <c r="IK1015" s="23"/>
      <c r="IL1015" s="23"/>
      <c r="IM1015" s="23"/>
      <c r="IN1015" s="23"/>
      <c r="IO1015" s="23"/>
      <c r="IP1015" s="23"/>
      <c r="IQ1015" s="23"/>
    </row>
    <row r="1017" spans="1:251" s="23" customFormat="1" ht="19.2">
      <c r="A1017" s="22" t="s">
        <v>86</v>
      </c>
      <c r="AW1017" s="24"/>
      <c r="AX1017" s="25"/>
      <c r="AY1017" s="24"/>
    </row>
    <row r="1018" spans="1:251" s="23" customFormat="1" ht="13.2"/>
    <row r="1019" spans="1:251" s="23" customFormat="1">
      <c r="A1019" s="26"/>
      <c r="B1019" s="115" t="s">
        <v>87</v>
      </c>
      <c r="C1019" s="153"/>
      <c r="D1019" s="153"/>
      <c r="E1019" s="153"/>
      <c r="F1019" s="153"/>
      <c r="G1019" s="153"/>
      <c r="H1019" s="153"/>
      <c r="I1019" s="153"/>
      <c r="J1019" s="153"/>
      <c r="K1019" s="153"/>
      <c r="L1019" s="153"/>
      <c r="M1019" s="153"/>
      <c r="N1019" s="153"/>
      <c r="O1019" s="153"/>
      <c r="P1019" s="153"/>
      <c r="Q1019" s="153"/>
      <c r="R1019" s="153"/>
      <c r="S1019" s="153"/>
      <c r="T1019" s="153"/>
      <c r="U1019" s="153"/>
      <c r="V1019" s="153"/>
      <c r="W1019" s="153"/>
      <c r="X1019" s="153"/>
      <c r="Y1019" s="153"/>
      <c r="Z1019" s="153"/>
      <c r="AA1019" s="153"/>
      <c r="AB1019" s="153"/>
      <c r="AC1019" s="153"/>
      <c r="AD1019" s="153"/>
      <c r="AE1019" s="153"/>
      <c r="AF1019" s="153"/>
      <c r="AG1019" s="153"/>
      <c r="AH1019" s="153"/>
      <c r="AI1019" s="153"/>
      <c r="AJ1019" s="153"/>
      <c r="AK1019" s="153"/>
      <c r="AL1019" s="153"/>
      <c r="AM1019" s="153"/>
      <c r="AN1019" s="153"/>
      <c r="AO1019" s="153"/>
      <c r="AP1019" s="153"/>
      <c r="AQ1019" s="153"/>
      <c r="AR1019" s="153"/>
      <c r="AS1019" s="153"/>
      <c r="AT1019" s="153"/>
      <c r="AU1019" s="153"/>
      <c r="AV1019" s="153"/>
      <c r="AW1019" s="153"/>
      <c r="AX1019" s="153"/>
      <c r="AY1019" s="26"/>
    </row>
    <row r="1020" spans="1:251" s="23" customFormat="1" ht="13.2">
      <c r="Z1020" s="27"/>
      <c r="AD1020" s="27"/>
      <c r="AE1020" s="27"/>
      <c r="AF1020" s="27"/>
      <c r="AG1020" s="27"/>
      <c r="AH1020" s="27"/>
      <c r="AI1020" s="27"/>
      <c r="AO1020" s="27"/>
    </row>
    <row r="1021" spans="1:251" s="23" customFormat="1" ht="13.8" thickBot="1">
      <c r="Z1021" s="27"/>
      <c r="AD1021" s="27"/>
      <c r="AE1021" s="27"/>
      <c r="AF1021" s="27"/>
      <c r="AG1021" s="27"/>
      <c r="AH1021" s="27"/>
      <c r="AI1021" s="27"/>
      <c r="AO1021" s="27"/>
      <c r="DI1021" s="28"/>
    </row>
    <row r="1022" spans="1:251" s="23" customFormat="1" ht="30" customHeight="1" thickBot="1">
      <c r="A1022" s="116" t="s">
        <v>88</v>
      </c>
      <c r="B1022" s="117"/>
      <c r="C1022" s="117"/>
      <c r="D1022" s="117"/>
      <c r="E1022" s="117"/>
      <c r="F1022" s="117"/>
      <c r="G1022" s="117"/>
      <c r="H1022" s="117"/>
      <c r="I1022" s="117"/>
      <c r="J1022" s="117"/>
      <c r="K1022" s="118"/>
      <c r="L1022" s="154">
        <v>30</v>
      </c>
      <c r="M1022" s="154"/>
      <c r="N1022" s="154"/>
      <c r="O1022" s="155"/>
      <c r="P1022" s="122" t="s">
        <v>89</v>
      </c>
      <c r="Q1022" s="120"/>
      <c r="R1022" s="120"/>
      <c r="S1022" s="120"/>
      <c r="T1022" s="120"/>
      <c r="U1022" s="123"/>
      <c r="V1022" s="156" t="s">
        <v>191</v>
      </c>
      <c r="W1022" s="156"/>
      <c r="X1022" s="156"/>
      <c r="Y1022" s="156"/>
      <c r="Z1022" s="156"/>
      <c r="AA1022" s="156"/>
      <c r="AB1022" s="156"/>
      <c r="AC1022" s="156"/>
      <c r="AD1022" s="156"/>
      <c r="AE1022" s="156"/>
      <c r="AF1022" s="156"/>
      <c r="AG1022" s="156"/>
      <c r="AH1022" s="156"/>
      <c r="AI1022" s="156"/>
      <c r="AJ1022" s="156"/>
      <c r="AK1022" s="156"/>
      <c r="AL1022" s="156"/>
      <c r="AM1022" s="156"/>
      <c r="AN1022" s="156"/>
      <c r="AO1022" s="156"/>
      <c r="AP1022" s="156"/>
      <c r="AQ1022" s="156"/>
      <c r="AR1022" s="156"/>
      <c r="AS1022" s="156"/>
      <c r="AT1022" s="156"/>
      <c r="AU1022" s="156"/>
      <c r="AV1022" s="156"/>
      <c r="AW1022" s="156"/>
      <c r="AX1022" s="157"/>
      <c r="DI1022" s="28"/>
    </row>
    <row r="1023" spans="1:251" s="23" customFormat="1" ht="14.4">
      <c r="A1023" s="29"/>
      <c r="B1023" s="29"/>
      <c r="C1023" s="29"/>
      <c r="D1023" s="29"/>
      <c r="E1023" s="29"/>
      <c r="F1023" s="29"/>
      <c r="G1023" s="29"/>
      <c r="H1023" s="29"/>
      <c r="I1023" s="29"/>
      <c r="J1023" s="29"/>
      <c r="K1023" s="29"/>
      <c r="L1023" s="30"/>
      <c r="M1023" s="30"/>
      <c r="N1023" s="30"/>
      <c r="O1023" s="30"/>
      <c r="P1023" s="29"/>
      <c r="Q1023" s="29"/>
      <c r="R1023" s="29"/>
      <c r="S1023" s="29"/>
      <c r="T1023" s="29"/>
      <c r="U1023" s="29"/>
      <c r="V1023" s="31"/>
      <c r="W1023" s="31"/>
      <c r="X1023" s="31"/>
      <c r="Y1023" s="31"/>
      <c r="Z1023" s="31"/>
      <c r="AA1023" s="31"/>
      <c r="AB1023" s="31"/>
      <c r="AC1023" s="31"/>
      <c r="AD1023" s="31"/>
      <c r="AE1023" s="31"/>
      <c r="AF1023" s="31"/>
      <c r="AG1023" s="31"/>
      <c r="AH1023" s="31"/>
      <c r="AI1023" s="31"/>
      <c r="AJ1023" s="31"/>
      <c r="AK1023" s="31"/>
      <c r="AL1023" s="31"/>
      <c r="AM1023" s="31"/>
      <c r="AN1023" s="31"/>
      <c r="AO1023" s="31"/>
      <c r="AP1023" s="31"/>
      <c r="AQ1023" s="31"/>
      <c r="AR1023" s="31"/>
      <c r="AS1023" s="31"/>
      <c r="AT1023" s="31"/>
      <c r="AU1023" s="31"/>
      <c r="AV1023" s="31"/>
      <c r="AW1023" s="31"/>
      <c r="AX1023" s="31"/>
      <c r="DI1023" s="28"/>
    </row>
    <row r="1024" spans="1:251" s="23" customFormat="1" ht="15" thickBot="1">
      <c r="A1024" s="32"/>
      <c r="B1024" s="33" t="s">
        <v>91</v>
      </c>
      <c r="C1024" s="34"/>
      <c r="D1024" s="34"/>
      <c r="E1024" s="34"/>
      <c r="F1024" s="34"/>
      <c r="G1024" s="34"/>
      <c r="H1024" s="34"/>
      <c r="I1024" s="34"/>
      <c r="J1024" s="34"/>
      <c r="K1024" s="34"/>
      <c r="L1024" s="35"/>
      <c r="M1024" s="35"/>
      <c r="N1024" s="35"/>
      <c r="O1024" s="35"/>
      <c r="P1024" s="34"/>
      <c r="Q1024" s="34"/>
      <c r="R1024" s="34"/>
      <c r="S1024" s="34"/>
      <c r="T1024" s="34"/>
      <c r="U1024" s="34"/>
      <c r="V1024" s="33"/>
      <c r="W1024" s="33"/>
      <c r="X1024" s="33"/>
      <c r="Y1024" s="33"/>
      <c r="Z1024" s="33"/>
      <c r="AA1024" s="33"/>
      <c r="AB1024" s="33"/>
      <c r="AC1024" s="33"/>
      <c r="AD1024" s="33"/>
      <c r="AE1024" s="33"/>
      <c r="AF1024" s="33"/>
      <c r="AG1024" s="33"/>
      <c r="AH1024" s="33"/>
      <c r="AI1024" s="33"/>
      <c r="AJ1024" s="33"/>
      <c r="AK1024" s="33"/>
      <c r="AL1024" s="33"/>
      <c r="AM1024" s="33"/>
      <c r="AN1024" s="33"/>
      <c r="AO1024" s="33"/>
      <c r="AP1024" s="33"/>
      <c r="AQ1024" s="33"/>
      <c r="AR1024" s="33"/>
      <c r="AS1024" s="33"/>
      <c r="AT1024" s="33"/>
      <c r="AU1024" s="33"/>
      <c r="AV1024" s="33"/>
      <c r="AW1024" s="33"/>
      <c r="AX1024" s="33"/>
      <c r="DI1024" s="28"/>
    </row>
    <row r="1025" spans="1:251" s="23" customFormat="1" ht="14.4">
      <c r="A1025" s="34"/>
      <c r="B1025" s="36"/>
      <c r="C1025" s="29"/>
      <c r="D1025" s="29"/>
      <c r="E1025" s="29"/>
      <c r="F1025" s="29"/>
      <c r="G1025" s="29"/>
      <c r="H1025" s="29"/>
      <c r="I1025" s="29"/>
      <c r="J1025" s="29"/>
      <c r="K1025" s="29"/>
      <c r="L1025" s="30"/>
      <c r="M1025" s="30"/>
      <c r="N1025" s="30"/>
      <c r="O1025" s="30"/>
      <c r="P1025" s="29"/>
      <c r="Q1025" s="29"/>
      <c r="R1025" s="29"/>
      <c r="S1025" s="29"/>
      <c r="T1025" s="29"/>
      <c r="U1025" s="29"/>
      <c r="V1025" s="31"/>
      <c r="W1025" s="31"/>
      <c r="X1025" s="31"/>
      <c r="Y1025" s="31"/>
      <c r="Z1025" s="31"/>
      <c r="AA1025" s="31"/>
      <c r="AB1025" s="31"/>
      <c r="AC1025" s="31"/>
      <c r="AD1025" s="31"/>
      <c r="AE1025" s="31"/>
      <c r="AF1025" s="31"/>
      <c r="AG1025" s="31"/>
      <c r="AH1025" s="31"/>
      <c r="AI1025" s="31"/>
      <c r="AJ1025" s="31"/>
      <c r="AK1025" s="31"/>
      <c r="AL1025" s="31"/>
      <c r="AM1025" s="31"/>
      <c r="AN1025" s="31"/>
      <c r="AO1025" s="31"/>
      <c r="AP1025" s="31"/>
      <c r="AQ1025" s="31"/>
      <c r="AR1025" s="31"/>
      <c r="AS1025" s="31"/>
      <c r="AT1025" s="31"/>
      <c r="AU1025" s="31"/>
      <c r="AV1025" s="31"/>
      <c r="AW1025" s="31"/>
      <c r="AX1025" s="37"/>
    </row>
    <row r="1026" spans="1:251" s="23" customFormat="1" ht="10.8" customHeight="1">
      <c r="A1026" s="34"/>
      <c r="B1026" s="127" t="s">
        <v>192</v>
      </c>
      <c r="C1026" s="128"/>
      <c r="D1026" s="128"/>
      <c r="E1026" s="128"/>
      <c r="F1026" s="128"/>
      <c r="G1026" s="128"/>
      <c r="H1026" s="128"/>
      <c r="I1026" s="128"/>
      <c r="J1026" s="128"/>
      <c r="K1026" s="128"/>
      <c r="L1026" s="128"/>
      <c r="M1026" s="128"/>
      <c r="N1026" s="128"/>
      <c r="O1026" s="128"/>
      <c r="P1026" s="128"/>
      <c r="Q1026" s="128"/>
      <c r="R1026" s="128"/>
      <c r="S1026" s="128"/>
      <c r="T1026" s="128"/>
      <c r="U1026" s="128"/>
      <c r="V1026" s="128"/>
      <c r="W1026" s="128"/>
      <c r="X1026" s="128"/>
      <c r="Y1026" s="128"/>
      <c r="Z1026" s="128"/>
      <c r="AA1026" s="128"/>
      <c r="AB1026" s="128"/>
      <c r="AC1026" s="128"/>
      <c r="AD1026" s="128"/>
      <c r="AE1026" s="128"/>
      <c r="AF1026" s="128"/>
      <c r="AG1026" s="128"/>
      <c r="AH1026" s="128"/>
      <c r="AI1026" s="128"/>
      <c r="AJ1026" s="128"/>
      <c r="AK1026" s="128"/>
      <c r="AL1026" s="128"/>
      <c r="AM1026" s="128"/>
      <c r="AN1026" s="128"/>
      <c r="AO1026" s="128"/>
      <c r="AP1026" s="128"/>
      <c r="AQ1026" s="128"/>
      <c r="AR1026" s="128"/>
      <c r="AS1026" s="128"/>
      <c r="AT1026" s="128"/>
      <c r="AU1026" s="128"/>
      <c r="AV1026" s="128"/>
      <c r="AW1026" s="128"/>
      <c r="AX1026" s="129"/>
    </row>
    <row r="1027" spans="1:251" s="23" customFormat="1" ht="10.8" customHeight="1">
      <c r="A1027" s="34"/>
      <c r="B1027" s="127"/>
      <c r="C1027" s="128"/>
      <c r="D1027" s="128"/>
      <c r="E1027" s="128"/>
      <c r="F1027" s="128"/>
      <c r="G1027" s="128"/>
      <c r="H1027" s="128"/>
      <c r="I1027" s="128"/>
      <c r="J1027" s="128"/>
      <c r="K1027" s="128"/>
      <c r="L1027" s="128"/>
      <c r="M1027" s="128"/>
      <c r="N1027" s="128"/>
      <c r="O1027" s="128"/>
      <c r="P1027" s="128"/>
      <c r="Q1027" s="128"/>
      <c r="R1027" s="128"/>
      <c r="S1027" s="128"/>
      <c r="T1027" s="128"/>
      <c r="U1027" s="128"/>
      <c r="V1027" s="128"/>
      <c r="W1027" s="128"/>
      <c r="X1027" s="128"/>
      <c r="Y1027" s="128"/>
      <c r="Z1027" s="128"/>
      <c r="AA1027" s="128"/>
      <c r="AB1027" s="128"/>
      <c r="AC1027" s="128"/>
      <c r="AD1027" s="128"/>
      <c r="AE1027" s="128"/>
      <c r="AF1027" s="128"/>
      <c r="AG1027" s="128"/>
      <c r="AH1027" s="128"/>
      <c r="AI1027" s="128"/>
      <c r="AJ1027" s="128"/>
      <c r="AK1027" s="128"/>
      <c r="AL1027" s="128"/>
      <c r="AM1027" s="128"/>
      <c r="AN1027" s="128"/>
      <c r="AO1027" s="128"/>
      <c r="AP1027" s="128"/>
      <c r="AQ1027" s="128"/>
      <c r="AR1027" s="128"/>
      <c r="AS1027" s="128"/>
      <c r="AT1027" s="128"/>
      <c r="AU1027" s="128"/>
      <c r="AV1027" s="128"/>
      <c r="AW1027" s="128"/>
      <c r="AX1027" s="129"/>
      <c r="BC1027" s="17"/>
    </row>
    <row r="1028" spans="1:251" s="23" customFormat="1" ht="10.8" customHeight="1">
      <c r="A1028" s="34"/>
      <c r="B1028" s="127"/>
      <c r="C1028" s="128"/>
      <c r="D1028" s="128"/>
      <c r="E1028" s="128"/>
      <c r="F1028" s="128"/>
      <c r="G1028" s="128"/>
      <c r="H1028" s="128"/>
      <c r="I1028" s="128"/>
      <c r="J1028" s="128"/>
      <c r="K1028" s="128"/>
      <c r="L1028" s="128"/>
      <c r="M1028" s="128"/>
      <c r="N1028" s="128"/>
      <c r="O1028" s="128"/>
      <c r="P1028" s="128"/>
      <c r="Q1028" s="128"/>
      <c r="R1028" s="128"/>
      <c r="S1028" s="128"/>
      <c r="T1028" s="128"/>
      <c r="U1028" s="128"/>
      <c r="V1028" s="128"/>
      <c r="W1028" s="128"/>
      <c r="X1028" s="128"/>
      <c r="Y1028" s="128"/>
      <c r="Z1028" s="128"/>
      <c r="AA1028" s="128"/>
      <c r="AB1028" s="128"/>
      <c r="AC1028" s="128"/>
      <c r="AD1028" s="128"/>
      <c r="AE1028" s="128"/>
      <c r="AF1028" s="128"/>
      <c r="AG1028" s="128"/>
      <c r="AH1028" s="128"/>
      <c r="AI1028" s="128"/>
      <c r="AJ1028" s="128"/>
      <c r="AK1028" s="128"/>
      <c r="AL1028" s="128"/>
      <c r="AM1028" s="128"/>
      <c r="AN1028" s="128"/>
      <c r="AO1028" s="128"/>
      <c r="AP1028" s="128"/>
      <c r="AQ1028" s="128"/>
      <c r="AR1028" s="128"/>
      <c r="AS1028" s="128"/>
      <c r="AT1028" s="128"/>
      <c r="AU1028" s="128"/>
      <c r="AV1028" s="128"/>
      <c r="AW1028" s="128"/>
      <c r="AX1028" s="129"/>
    </row>
    <row r="1029" spans="1:251" s="23" customFormat="1" ht="10.8" customHeight="1">
      <c r="A1029" s="34"/>
      <c r="B1029" s="127"/>
      <c r="C1029" s="128"/>
      <c r="D1029" s="128"/>
      <c r="E1029" s="128"/>
      <c r="F1029" s="128"/>
      <c r="G1029" s="128"/>
      <c r="H1029" s="128"/>
      <c r="I1029" s="128"/>
      <c r="J1029" s="128"/>
      <c r="K1029" s="128"/>
      <c r="L1029" s="128"/>
      <c r="M1029" s="128"/>
      <c r="N1029" s="128"/>
      <c r="O1029" s="128"/>
      <c r="P1029" s="128"/>
      <c r="Q1029" s="128"/>
      <c r="R1029" s="128"/>
      <c r="S1029" s="128"/>
      <c r="T1029" s="128"/>
      <c r="U1029" s="128"/>
      <c r="V1029" s="128"/>
      <c r="W1029" s="128"/>
      <c r="X1029" s="128"/>
      <c r="Y1029" s="128"/>
      <c r="Z1029" s="128"/>
      <c r="AA1029" s="128"/>
      <c r="AB1029" s="128"/>
      <c r="AC1029" s="128"/>
      <c r="AD1029" s="128"/>
      <c r="AE1029" s="128"/>
      <c r="AF1029" s="128"/>
      <c r="AG1029" s="128"/>
      <c r="AH1029" s="128"/>
      <c r="AI1029" s="128"/>
      <c r="AJ1029" s="128"/>
      <c r="AK1029" s="128"/>
      <c r="AL1029" s="128"/>
      <c r="AM1029" s="128"/>
      <c r="AN1029" s="128"/>
      <c r="AO1029" s="128"/>
      <c r="AP1029" s="128"/>
      <c r="AQ1029" s="128"/>
      <c r="AR1029" s="128"/>
      <c r="AS1029" s="128"/>
      <c r="AT1029" s="128"/>
      <c r="AU1029" s="128"/>
      <c r="AV1029" s="128"/>
      <c r="AW1029" s="128"/>
      <c r="AX1029" s="129"/>
    </row>
    <row r="1030" spans="1:251" s="23" customFormat="1" ht="10.8" customHeight="1">
      <c r="A1030" s="34"/>
      <c r="B1030" s="127"/>
      <c r="C1030" s="128"/>
      <c r="D1030" s="128"/>
      <c r="E1030" s="128"/>
      <c r="F1030" s="128"/>
      <c r="G1030" s="128"/>
      <c r="H1030" s="128"/>
      <c r="I1030" s="128"/>
      <c r="J1030" s="128"/>
      <c r="K1030" s="128"/>
      <c r="L1030" s="128"/>
      <c r="M1030" s="128"/>
      <c r="N1030" s="128"/>
      <c r="O1030" s="128"/>
      <c r="P1030" s="128"/>
      <c r="Q1030" s="128"/>
      <c r="R1030" s="128"/>
      <c r="S1030" s="128"/>
      <c r="T1030" s="128"/>
      <c r="U1030" s="128"/>
      <c r="V1030" s="128"/>
      <c r="W1030" s="128"/>
      <c r="X1030" s="128"/>
      <c r="Y1030" s="128"/>
      <c r="Z1030" s="128"/>
      <c r="AA1030" s="128"/>
      <c r="AB1030" s="128"/>
      <c r="AC1030" s="128"/>
      <c r="AD1030" s="128"/>
      <c r="AE1030" s="128"/>
      <c r="AF1030" s="128"/>
      <c r="AG1030" s="128"/>
      <c r="AH1030" s="128"/>
      <c r="AI1030" s="128"/>
      <c r="AJ1030" s="128"/>
      <c r="AK1030" s="128"/>
      <c r="AL1030" s="128"/>
      <c r="AM1030" s="128"/>
      <c r="AN1030" s="128"/>
      <c r="AO1030" s="128"/>
      <c r="AP1030" s="128"/>
      <c r="AQ1030" s="128"/>
      <c r="AR1030" s="128"/>
      <c r="AS1030" s="128"/>
      <c r="AT1030" s="128"/>
      <c r="AU1030" s="128"/>
      <c r="AV1030" s="128"/>
      <c r="AW1030" s="128"/>
      <c r="AX1030" s="129"/>
    </row>
    <row r="1031" spans="1:251" s="23" customFormat="1" ht="10.8" customHeight="1">
      <c r="A1031" s="34"/>
      <c r="B1031" s="127"/>
      <c r="C1031" s="128"/>
      <c r="D1031" s="128"/>
      <c r="E1031" s="128"/>
      <c r="F1031" s="128"/>
      <c r="G1031" s="128"/>
      <c r="H1031" s="128"/>
      <c r="I1031" s="128"/>
      <c r="J1031" s="128"/>
      <c r="K1031" s="128"/>
      <c r="L1031" s="128"/>
      <c r="M1031" s="128"/>
      <c r="N1031" s="128"/>
      <c r="O1031" s="128"/>
      <c r="P1031" s="128"/>
      <c r="Q1031" s="128"/>
      <c r="R1031" s="128"/>
      <c r="S1031" s="128"/>
      <c r="T1031" s="128"/>
      <c r="U1031" s="128"/>
      <c r="V1031" s="128"/>
      <c r="W1031" s="128"/>
      <c r="X1031" s="128"/>
      <c r="Y1031" s="128"/>
      <c r="Z1031" s="128"/>
      <c r="AA1031" s="128"/>
      <c r="AB1031" s="128"/>
      <c r="AC1031" s="128"/>
      <c r="AD1031" s="128"/>
      <c r="AE1031" s="128"/>
      <c r="AF1031" s="128"/>
      <c r="AG1031" s="128"/>
      <c r="AH1031" s="128"/>
      <c r="AI1031" s="128"/>
      <c r="AJ1031" s="128"/>
      <c r="AK1031" s="128"/>
      <c r="AL1031" s="128"/>
      <c r="AM1031" s="128"/>
      <c r="AN1031" s="128"/>
      <c r="AO1031" s="128"/>
      <c r="AP1031" s="128"/>
      <c r="AQ1031" s="128"/>
      <c r="AR1031" s="128"/>
      <c r="AS1031" s="128"/>
      <c r="AT1031" s="128"/>
      <c r="AU1031" s="128"/>
      <c r="AV1031" s="128"/>
      <c r="AW1031" s="128"/>
      <c r="AX1031" s="129"/>
    </row>
    <row r="1032" spans="1:251" s="23" customFormat="1" ht="10.8" customHeight="1">
      <c r="A1032" s="34"/>
      <c r="B1032" s="127"/>
      <c r="C1032" s="128"/>
      <c r="D1032" s="128"/>
      <c r="E1032" s="128"/>
      <c r="F1032" s="128"/>
      <c r="G1032" s="128"/>
      <c r="H1032" s="128"/>
      <c r="I1032" s="128"/>
      <c r="J1032" s="128"/>
      <c r="K1032" s="128"/>
      <c r="L1032" s="128"/>
      <c r="M1032" s="128"/>
      <c r="N1032" s="128"/>
      <c r="O1032" s="128"/>
      <c r="P1032" s="128"/>
      <c r="Q1032" s="128"/>
      <c r="R1032" s="128"/>
      <c r="S1032" s="128"/>
      <c r="T1032" s="128"/>
      <c r="U1032" s="128"/>
      <c r="V1032" s="128"/>
      <c r="W1032" s="128"/>
      <c r="X1032" s="128"/>
      <c r="Y1032" s="128"/>
      <c r="Z1032" s="128"/>
      <c r="AA1032" s="128"/>
      <c r="AB1032" s="128"/>
      <c r="AC1032" s="128"/>
      <c r="AD1032" s="128"/>
      <c r="AE1032" s="128"/>
      <c r="AF1032" s="128"/>
      <c r="AG1032" s="128"/>
      <c r="AH1032" s="128"/>
      <c r="AI1032" s="128"/>
      <c r="AJ1032" s="128"/>
      <c r="AK1032" s="128"/>
      <c r="AL1032" s="128"/>
      <c r="AM1032" s="128"/>
      <c r="AN1032" s="128"/>
      <c r="AO1032" s="128"/>
      <c r="AP1032" s="128"/>
      <c r="AQ1032" s="128"/>
      <c r="AR1032" s="128"/>
      <c r="AS1032" s="128"/>
      <c r="AT1032" s="128"/>
      <c r="AU1032" s="128"/>
      <c r="AV1032" s="128"/>
      <c r="AW1032" s="128"/>
      <c r="AX1032" s="129"/>
    </row>
    <row r="1033" spans="1:251" s="23" customFormat="1" ht="10.8" customHeight="1">
      <c r="A1033" s="34"/>
      <c r="B1033" s="127"/>
      <c r="C1033" s="128"/>
      <c r="D1033" s="128"/>
      <c r="E1033" s="128"/>
      <c r="F1033" s="128"/>
      <c r="G1033" s="128"/>
      <c r="H1033" s="128"/>
      <c r="I1033" s="128"/>
      <c r="J1033" s="128"/>
      <c r="K1033" s="128"/>
      <c r="L1033" s="128"/>
      <c r="M1033" s="128"/>
      <c r="N1033" s="128"/>
      <c r="O1033" s="128"/>
      <c r="P1033" s="128"/>
      <c r="Q1033" s="128"/>
      <c r="R1033" s="128"/>
      <c r="S1033" s="128"/>
      <c r="T1033" s="128"/>
      <c r="U1033" s="128"/>
      <c r="V1033" s="128"/>
      <c r="W1033" s="128"/>
      <c r="X1033" s="128"/>
      <c r="Y1033" s="128"/>
      <c r="Z1033" s="128"/>
      <c r="AA1033" s="128"/>
      <c r="AB1033" s="128"/>
      <c r="AC1033" s="128"/>
      <c r="AD1033" s="128"/>
      <c r="AE1033" s="128"/>
      <c r="AF1033" s="128"/>
      <c r="AG1033" s="128"/>
      <c r="AH1033" s="128"/>
      <c r="AI1033" s="128"/>
      <c r="AJ1033" s="128"/>
      <c r="AK1033" s="128"/>
      <c r="AL1033" s="128"/>
      <c r="AM1033" s="128"/>
      <c r="AN1033" s="128"/>
      <c r="AO1033" s="128"/>
      <c r="AP1033" s="128"/>
      <c r="AQ1033" s="128"/>
      <c r="AR1033" s="128"/>
      <c r="AS1033" s="128"/>
      <c r="AT1033" s="128"/>
      <c r="AU1033" s="128"/>
      <c r="AV1033" s="128"/>
      <c r="AW1033" s="128"/>
      <c r="AX1033" s="129"/>
    </row>
    <row r="1034" spans="1:251" s="23" customFormat="1" ht="10.8" customHeight="1">
      <c r="A1034" s="34"/>
      <c r="B1034" s="127"/>
      <c r="C1034" s="128"/>
      <c r="D1034" s="128"/>
      <c r="E1034" s="128"/>
      <c r="F1034" s="128"/>
      <c r="G1034" s="128"/>
      <c r="H1034" s="128"/>
      <c r="I1034" s="128"/>
      <c r="J1034" s="128"/>
      <c r="K1034" s="128"/>
      <c r="L1034" s="128"/>
      <c r="M1034" s="128"/>
      <c r="N1034" s="128"/>
      <c r="O1034" s="128"/>
      <c r="P1034" s="128"/>
      <c r="Q1034" s="128"/>
      <c r="R1034" s="128"/>
      <c r="S1034" s="128"/>
      <c r="T1034" s="128"/>
      <c r="U1034" s="128"/>
      <c r="V1034" s="128"/>
      <c r="W1034" s="128"/>
      <c r="X1034" s="128"/>
      <c r="Y1034" s="128"/>
      <c r="Z1034" s="128"/>
      <c r="AA1034" s="128"/>
      <c r="AB1034" s="128"/>
      <c r="AC1034" s="128"/>
      <c r="AD1034" s="128"/>
      <c r="AE1034" s="128"/>
      <c r="AF1034" s="128"/>
      <c r="AG1034" s="128"/>
      <c r="AH1034" s="128"/>
      <c r="AI1034" s="128"/>
      <c r="AJ1034" s="128"/>
      <c r="AK1034" s="128"/>
      <c r="AL1034" s="128"/>
      <c r="AM1034" s="128"/>
      <c r="AN1034" s="128"/>
      <c r="AO1034" s="128"/>
      <c r="AP1034" s="128"/>
      <c r="AQ1034" s="128"/>
      <c r="AR1034" s="128"/>
      <c r="AS1034" s="128"/>
      <c r="AT1034" s="128"/>
      <c r="AU1034" s="128"/>
      <c r="AV1034" s="128"/>
      <c r="AW1034" s="128"/>
      <c r="AX1034" s="129"/>
    </row>
    <row r="1035" spans="1:251" s="23" customFormat="1" ht="10.8" customHeight="1">
      <c r="A1035" s="34"/>
      <c r="B1035" s="127"/>
      <c r="C1035" s="128"/>
      <c r="D1035" s="128"/>
      <c r="E1035" s="128"/>
      <c r="F1035" s="128"/>
      <c r="G1035" s="128"/>
      <c r="H1035" s="128"/>
      <c r="I1035" s="128"/>
      <c r="J1035" s="128"/>
      <c r="K1035" s="128"/>
      <c r="L1035" s="128"/>
      <c r="M1035" s="128"/>
      <c r="N1035" s="128"/>
      <c r="O1035" s="128"/>
      <c r="P1035" s="128"/>
      <c r="Q1035" s="128"/>
      <c r="R1035" s="128"/>
      <c r="S1035" s="128"/>
      <c r="T1035" s="128"/>
      <c r="U1035" s="128"/>
      <c r="V1035" s="128"/>
      <c r="W1035" s="128"/>
      <c r="X1035" s="128"/>
      <c r="Y1035" s="128"/>
      <c r="Z1035" s="128"/>
      <c r="AA1035" s="128"/>
      <c r="AB1035" s="128"/>
      <c r="AC1035" s="128"/>
      <c r="AD1035" s="128"/>
      <c r="AE1035" s="128"/>
      <c r="AF1035" s="128"/>
      <c r="AG1035" s="128"/>
      <c r="AH1035" s="128"/>
      <c r="AI1035" s="128"/>
      <c r="AJ1035" s="128"/>
      <c r="AK1035" s="128"/>
      <c r="AL1035" s="128"/>
      <c r="AM1035" s="128"/>
      <c r="AN1035" s="128"/>
      <c r="AO1035" s="128"/>
      <c r="AP1035" s="128"/>
      <c r="AQ1035" s="128"/>
      <c r="AR1035" s="128"/>
      <c r="AS1035" s="128"/>
      <c r="AT1035" s="128"/>
      <c r="AU1035" s="128"/>
      <c r="AV1035" s="128"/>
      <c r="AW1035" s="128"/>
      <c r="AX1035" s="129"/>
    </row>
    <row r="1036" spans="1:251" s="23" customFormat="1" ht="15" thickBot="1">
      <c r="A1036" s="38"/>
      <c r="B1036" s="39"/>
      <c r="C1036" s="40"/>
      <c r="D1036" s="40"/>
      <c r="E1036" s="40"/>
      <c r="F1036" s="40"/>
      <c r="G1036" s="40"/>
      <c r="H1036" s="40"/>
      <c r="I1036" s="40"/>
      <c r="J1036" s="40"/>
      <c r="K1036" s="40"/>
      <c r="L1036" s="40"/>
      <c r="M1036" s="40"/>
      <c r="N1036" s="40"/>
      <c r="O1036" s="40"/>
      <c r="P1036" s="40"/>
      <c r="Q1036" s="40"/>
      <c r="R1036" s="40"/>
      <c r="S1036" s="40"/>
      <c r="T1036" s="40"/>
      <c r="U1036" s="40"/>
      <c r="V1036" s="40"/>
      <c r="W1036" s="40"/>
      <c r="X1036" s="40"/>
      <c r="Y1036" s="40"/>
      <c r="Z1036" s="40"/>
      <c r="AA1036" s="40"/>
      <c r="AB1036" s="40"/>
      <c r="AC1036" s="40"/>
      <c r="AD1036" s="40"/>
      <c r="AE1036" s="40"/>
      <c r="AF1036" s="40"/>
      <c r="AG1036" s="40"/>
      <c r="AH1036" s="40"/>
      <c r="AI1036" s="40"/>
      <c r="AJ1036" s="40"/>
      <c r="AK1036" s="40"/>
      <c r="AL1036" s="40"/>
      <c r="AM1036" s="40"/>
      <c r="AN1036" s="40"/>
      <c r="AO1036" s="40"/>
      <c r="AP1036" s="40"/>
      <c r="AQ1036" s="40"/>
      <c r="AR1036" s="40"/>
      <c r="AS1036" s="40"/>
      <c r="AT1036" s="40"/>
      <c r="AU1036" s="40"/>
      <c r="AV1036" s="40"/>
      <c r="AW1036" s="40"/>
      <c r="AX1036" s="41"/>
    </row>
    <row r="1037" spans="1:251" s="23" customFormat="1" ht="13.2">
      <c r="B1037" s="42"/>
    </row>
    <row r="1038" spans="1:251" s="23" customFormat="1" ht="14.4">
      <c r="B1038" s="33" t="s">
        <v>93</v>
      </c>
      <c r="C1038" s="34"/>
      <c r="D1038" s="34"/>
      <c r="E1038" s="34"/>
      <c r="F1038" s="34"/>
      <c r="G1038" s="34"/>
      <c r="H1038" s="34"/>
      <c r="I1038" s="34"/>
      <c r="J1038" s="34"/>
      <c r="K1038" s="34"/>
      <c r="L1038" s="35"/>
      <c r="M1038" s="35"/>
      <c r="N1038" s="35"/>
      <c r="O1038" s="35"/>
      <c r="P1038" s="34"/>
      <c r="Q1038" s="34"/>
      <c r="R1038" s="34"/>
      <c r="S1038" s="34"/>
      <c r="T1038" s="34"/>
      <c r="U1038" s="34"/>
      <c r="V1038" s="33"/>
      <c r="W1038" s="33"/>
      <c r="X1038" s="33"/>
      <c r="Y1038" s="33"/>
      <c r="Z1038" s="33"/>
      <c r="AA1038" s="33"/>
      <c r="AB1038" s="33"/>
      <c r="AC1038" s="33"/>
      <c r="AD1038" s="33"/>
      <c r="AE1038" s="33"/>
      <c r="AF1038" s="33"/>
      <c r="AG1038" s="33"/>
      <c r="AH1038" s="33"/>
      <c r="AI1038" s="33"/>
      <c r="AJ1038" s="33"/>
      <c r="AK1038" s="33"/>
      <c r="AL1038" s="33"/>
      <c r="AM1038" s="33"/>
      <c r="AN1038" s="33"/>
      <c r="AO1038" s="33"/>
      <c r="AP1038" s="33"/>
      <c r="AQ1038" s="33"/>
      <c r="AR1038" s="33"/>
      <c r="AS1038" s="33"/>
      <c r="AT1038" s="33"/>
      <c r="AU1038" s="33"/>
      <c r="AV1038" s="33"/>
      <c r="AW1038" s="33"/>
      <c r="AX1038" s="33"/>
    </row>
    <row r="1039" spans="1:251" s="23" customFormat="1" ht="15" thickBot="1">
      <c r="B1039" s="33"/>
      <c r="C1039" s="34"/>
      <c r="D1039" s="34"/>
      <c r="E1039" s="34"/>
      <c r="F1039" s="34"/>
      <c r="G1039" s="34"/>
      <c r="H1039" s="34"/>
      <c r="I1039" s="34"/>
      <c r="J1039" s="34"/>
      <c r="K1039" s="34"/>
      <c r="L1039" s="35"/>
      <c r="M1039" s="35"/>
      <c r="N1039" s="35"/>
      <c r="O1039" s="35"/>
      <c r="P1039" s="34"/>
      <c r="Q1039" s="34"/>
      <c r="R1039" s="34"/>
      <c r="S1039" s="34"/>
      <c r="T1039" s="34"/>
      <c r="U1039" s="34"/>
      <c r="V1039" s="33"/>
      <c r="W1039" s="33"/>
      <c r="X1039" s="33"/>
      <c r="Y1039" s="33"/>
      <c r="Z1039" s="33"/>
      <c r="AA1039" s="33"/>
      <c r="AB1039" s="33"/>
      <c r="AC1039" s="33"/>
      <c r="AD1039" s="33"/>
      <c r="AE1039" s="33"/>
      <c r="AF1039" s="33"/>
      <c r="AG1039" s="33"/>
      <c r="AH1039" s="33"/>
      <c r="AI1039" s="33"/>
      <c r="AJ1039" s="33"/>
      <c r="AK1039" s="33"/>
      <c r="AL1039" s="33"/>
      <c r="AM1039" s="33"/>
      <c r="AN1039" s="33"/>
      <c r="AO1039" s="33"/>
      <c r="AP1039" s="33"/>
      <c r="AQ1039" s="33"/>
      <c r="AR1039" s="33"/>
      <c r="AS1039" s="33"/>
      <c r="AT1039" s="33"/>
      <c r="AU1039" s="33"/>
      <c r="AV1039" s="33"/>
      <c r="AW1039" s="33"/>
      <c r="AX1039" s="43" t="s">
        <v>94</v>
      </c>
    </row>
    <row r="1040" spans="1:251" s="50" customFormat="1" ht="13.5" customHeight="1">
      <c r="A1040" s="34"/>
      <c r="B1040" s="139" t="s">
        <v>95</v>
      </c>
      <c r="C1040" s="203"/>
      <c r="D1040" s="203"/>
      <c r="E1040" s="203"/>
      <c r="F1040" s="203"/>
      <c r="G1040" s="203"/>
      <c r="H1040" s="203"/>
      <c r="I1040" s="203"/>
      <c r="J1040" s="203"/>
      <c r="K1040" s="203"/>
      <c r="L1040" s="203"/>
      <c r="M1040" s="203"/>
      <c r="N1040" s="203"/>
      <c r="O1040" s="203"/>
      <c r="P1040" s="203"/>
      <c r="Q1040" s="203"/>
      <c r="R1040" s="203"/>
      <c r="S1040" s="203"/>
      <c r="T1040" s="203"/>
      <c r="U1040" s="203"/>
      <c r="V1040" s="203"/>
      <c r="W1040" s="203"/>
      <c r="X1040" s="203"/>
      <c r="Y1040" s="203"/>
      <c r="Z1040" s="204"/>
      <c r="AA1040" s="145" t="s">
        <v>116</v>
      </c>
      <c r="AB1040" s="203"/>
      <c r="AC1040" s="203"/>
      <c r="AD1040" s="203"/>
      <c r="AE1040" s="203"/>
      <c r="AF1040" s="203"/>
      <c r="AG1040" s="203"/>
      <c r="AH1040" s="203"/>
      <c r="AI1040" s="204"/>
      <c r="AJ1040" s="145" t="s">
        <v>117</v>
      </c>
      <c r="AK1040" s="203"/>
      <c r="AL1040" s="203"/>
      <c r="AM1040" s="203"/>
      <c r="AN1040" s="203"/>
      <c r="AO1040" s="203"/>
      <c r="AP1040" s="203"/>
      <c r="AQ1040" s="203"/>
      <c r="AR1040" s="204"/>
      <c r="AS1040" s="145" t="s">
        <v>98</v>
      </c>
      <c r="AT1040" s="203"/>
      <c r="AU1040" s="203"/>
      <c r="AV1040" s="203"/>
      <c r="AW1040" s="203"/>
      <c r="AX1040" s="209"/>
      <c r="AY1040" s="23"/>
      <c r="AZ1040" s="23"/>
      <c r="BA1040" s="23"/>
      <c r="BB1040" s="23"/>
      <c r="BC1040" s="23"/>
      <c r="BD1040" s="23"/>
      <c r="BE1040" s="23"/>
      <c r="BF1040" s="23"/>
      <c r="BG1040" s="23"/>
      <c r="BH1040" s="23"/>
      <c r="BI1040" s="23"/>
      <c r="BJ1040" s="23"/>
      <c r="BK1040" s="23"/>
      <c r="BL1040" s="23"/>
      <c r="BM1040" s="23"/>
      <c r="BN1040" s="23"/>
      <c r="BO1040" s="23"/>
      <c r="BP1040" s="23"/>
      <c r="BQ1040" s="23"/>
      <c r="BR1040" s="23"/>
      <c r="BS1040" s="23"/>
      <c r="BT1040" s="23"/>
      <c r="BU1040" s="23"/>
      <c r="BV1040" s="23"/>
      <c r="BW1040" s="23"/>
      <c r="BX1040" s="23"/>
      <c r="BY1040" s="23"/>
      <c r="BZ1040" s="23"/>
      <c r="CA1040" s="23"/>
      <c r="CB1040" s="23"/>
      <c r="CC1040" s="23"/>
      <c r="CD1040" s="23"/>
      <c r="CE1040" s="23"/>
      <c r="CF1040" s="23"/>
      <c r="CG1040" s="23"/>
      <c r="CH1040" s="23"/>
      <c r="CI1040" s="23"/>
      <c r="CJ1040" s="23"/>
      <c r="CK1040" s="23"/>
      <c r="CL1040" s="23"/>
      <c r="CM1040" s="23"/>
      <c r="CN1040" s="23"/>
      <c r="CO1040" s="23"/>
      <c r="CP1040" s="23"/>
      <c r="CQ1040" s="23"/>
      <c r="CR1040" s="23"/>
      <c r="CS1040" s="23"/>
      <c r="CT1040" s="23"/>
      <c r="CU1040" s="23"/>
      <c r="CV1040" s="23"/>
      <c r="CW1040" s="23"/>
      <c r="CX1040" s="23"/>
      <c r="CY1040" s="23"/>
      <c r="CZ1040" s="23"/>
      <c r="DA1040" s="23"/>
      <c r="DB1040" s="23"/>
      <c r="DC1040" s="23"/>
      <c r="DD1040" s="23"/>
      <c r="DE1040" s="23"/>
      <c r="DF1040" s="23"/>
      <c r="DG1040" s="23"/>
      <c r="DH1040" s="23"/>
      <c r="DI1040" s="23"/>
      <c r="DJ1040" s="23"/>
      <c r="DK1040" s="23"/>
      <c r="DL1040" s="23"/>
      <c r="DM1040" s="23"/>
      <c r="DN1040" s="23"/>
      <c r="DO1040" s="23"/>
      <c r="DP1040" s="23"/>
      <c r="DQ1040" s="23"/>
      <c r="DR1040" s="23"/>
      <c r="DS1040" s="23"/>
      <c r="DT1040" s="23"/>
      <c r="DU1040" s="23"/>
      <c r="DV1040" s="23"/>
      <c r="DW1040" s="23"/>
      <c r="DX1040" s="23"/>
      <c r="DY1040" s="23"/>
      <c r="DZ1040" s="23"/>
      <c r="EA1040" s="23"/>
      <c r="EB1040" s="23"/>
      <c r="EC1040" s="23"/>
      <c r="ED1040" s="23"/>
      <c r="EE1040" s="23"/>
      <c r="EF1040" s="23"/>
      <c r="EG1040" s="23"/>
      <c r="EH1040" s="23"/>
      <c r="EI1040" s="23"/>
      <c r="EJ1040" s="23"/>
      <c r="EK1040" s="23"/>
      <c r="EL1040" s="23"/>
      <c r="EM1040" s="23"/>
      <c r="EN1040" s="23"/>
      <c r="EO1040" s="23"/>
      <c r="EP1040" s="23"/>
      <c r="EQ1040" s="23"/>
      <c r="ER1040" s="23"/>
      <c r="ES1040" s="23"/>
      <c r="ET1040" s="23"/>
      <c r="EU1040" s="23"/>
      <c r="EV1040" s="23"/>
      <c r="EW1040" s="23"/>
      <c r="EX1040" s="23"/>
      <c r="EY1040" s="23"/>
      <c r="EZ1040" s="23"/>
      <c r="FA1040" s="23"/>
      <c r="FB1040" s="23"/>
      <c r="FC1040" s="23"/>
      <c r="FD1040" s="23"/>
      <c r="FE1040" s="23"/>
      <c r="FF1040" s="23"/>
      <c r="FG1040" s="23"/>
      <c r="FH1040" s="23"/>
      <c r="FI1040" s="23"/>
      <c r="FJ1040" s="23"/>
      <c r="FK1040" s="23"/>
      <c r="FL1040" s="23"/>
      <c r="FM1040" s="23"/>
      <c r="FN1040" s="23"/>
      <c r="FO1040" s="23"/>
      <c r="FP1040" s="23"/>
      <c r="FQ1040" s="23"/>
      <c r="FR1040" s="23"/>
      <c r="FS1040" s="23"/>
      <c r="FT1040" s="23"/>
      <c r="FU1040" s="23"/>
      <c r="FV1040" s="23"/>
      <c r="FW1040" s="23"/>
      <c r="FX1040" s="23"/>
      <c r="FY1040" s="23"/>
      <c r="FZ1040" s="23"/>
      <c r="GA1040" s="23"/>
      <c r="GB1040" s="23"/>
      <c r="GC1040" s="23"/>
      <c r="GD1040" s="23"/>
      <c r="GE1040" s="23"/>
      <c r="GF1040" s="23"/>
      <c r="GG1040" s="23"/>
      <c r="GH1040" s="23"/>
      <c r="GI1040" s="23"/>
      <c r="GJ1040" s="23"/>
      <c r="GK1040" s="23"/>
      <c r="GL1040" s="23"/>
      <c r="GM1040" s="23"/>
      <c r="GN1040" s="23"/>
      <c r="GO1040" s="23"/>
      <c r="GP1040" s="23"/>
      <c r="GQ1040" s="23"/>
      <c r="GR1040" s="23"/>
      <c r="GS1040" s="23"/>
      <c r="GT1040" s="23"/>
      <c r="GU1040" s="23"/>
      <c r="GV1040" s="23"/>
      <c r="GW1040" s="23"/>
      <c r="GX1040" s="23"/>
      <c r="GY1040" s="23"/>
      <c r="GZ1040" s="23"/>
      <c r="HA1040" s="23"/>
      <c r="HB1040" s="23"/>
      <c r="HC1040" s="23"/>
      <c r="HD1040" s="23"/>
      <c r="HE1040" s="23"/>
      <c r="HF1040" s="23"/>
      <c r="HG1040" s="23"/>
      <c r="HH1040" s="23"/>
      <c r="HI1040" s="23"/>
      <c r="HJ1040" s="23"/>
      <c r="HK1040" s="23"/>
      <c r="HL1040" s="23"/>
      <c r="HM1040" s="23"/>
      <c r="HN1040" s="23"/>
      <c r="HO1040" s="23"/>
      <c r="HP1040" s="23"/>
      <c r="HQ1040" s="23"/>
      <c r="HR1040" s="23"/>
      <c r="HS1040" s="23"/>
      <c r="HT1040" s="23"/>
      <c r="HU1040" s="23"/>
      <c r="HV1040" s="23"/>
      <c r="HW1040" s="23"/>
      <c r="HX1040" s="23"/>
      <c r="HY1040" s="23"/>
      <c r="HZ1040" s="23"/>
      <c r="IA1040" s="23"/>
      <c r="IB1040" s="23"/>
      <c r="IC1040" s="23"/>
      <c r="ID1040" s="23"/>
      <c r="IE1040" s="23"/>
      <c r="IF1040" s="23"/>
      <c r="IG1040" s="23"/>
      <c r="IH1040" s="23"/>
      <c r="II1040" s="23"/>
      <c r="IJ1040" s="23"/>
      <c r="IK1040" s="23"/>
      <c r="IL1040" s="23"/>
      <c r="IM1040" s="23"/>
      <c r="IN1040" s="23"/>
      <c r="IO1040" s="23"/>
      <c r="IP1040" s="23"/>
      <c r="IQ1040" s="23"/>
    </row>
    <row r="1041" spans="1:251" s="50" customFormat="1">
      <c r="A1041" s="34"/>
      <c r="B1041" s="205"/>
      <c r="C1041" s="206"/>
      <c r="D1041" s="206"/>
      <c r="E1041" s="206"/>
      <c r="F1041" s="206"/>
      <c r="G1041" s="206"/>
      <c r="H1041" s="206"/>
      <c r="I1041" s="206"/>
      <c r="J1041" s="206"/>
      <c r="K1041" s="206"/>
      <c r="L1041" s="206"/>
      <c r="M1041" s="206"/>
      <c r="N1041" s="206"/>
      <c r="O1041" s="206"/>
      <c r="P1041" s="206"/>
      <c r="Q1041" s="206"/>
      <c r="R1041" s="206"/>
      <c r="S1041" s="206"/>
      <c r="T1041" s="206"/>
      <c r="U1041" s="206"/>
      <c r="V1041" s="206"/>
      <c r="W1041" s="206"/>
      <c r="X1041" s="206"/>
      <c r="Y1041" s="206"/>
      <c r="Z1041" s="207"/>
      <c r="AA1041" s="208"/>
      <c r="AB1041" s="206"/>
      <c r="AC1041" s="206"/>
      <c r="AD1041" s="206"/>
      <c r="AE1041" s="206"/>
      <c r="AF1041" s="206"/>
      <c r="AG1041" s="206"/>
      <c r="AH1041" s="206"/>
      <c r="AI1041" s="207"/>
      <c r="AJ1041" s="208"/>
      <c r="AK1041" s="206"/>
      <c r="AL1041" s="206"/>
      <c r="AM1041" s="206"/>
      <c r="AN1041" s="206"/>
      <c r="AO1041" s="206"/>
      <c r="AP1041" s="206"/>
      <c r="AQ1041" s="206"/>
      <c r="AR1041" s="207"/>
      <c r="AS1041" s="208"/>
      <c r="AT1041" s="206"/>
      <c r="AU1041" s="206"/>
      <c r="AV1041" s="206"/>
      <c r="AW1041" s="206"/>
      <c r="AX1041" s="210"/>
      <c r="AY1041" s="23"/>
      <c r="AZ1041" s="23"/>
      <c r="BA1041" s="23"/>
      <c r="BB1041"/>
      <c r="BC1041" s="45"/>
      <c r="BE1041" s="23"/>
      <c r="BF1041" s="23"/>
      <c r="BG1041" s="23"/>
      <c r="BH1041" s="23"/>
      <c r="BI1041" s="23"/>
      <c r="BJ1041" s="23"/>
      <c r="BK1041" s="23"/>
      <c r="BL1041" s="23"/>
      <c r="BM1041" s="23"/>
      <c r="BN1041" s="23"/>
      <c r="BO1041" s="23"/>
      <c r="BP1041" s="23"/>
      <c r="BQ1041" s="23"/>
      <c r="BR1041" s="23"/>
      <c r="BS1041" s="23"/>
      <c r="BT1041" s="23"/>
      <c r="BU1041" s="23"/>
      <c r="BV1041" s="23"/>
      <c r="BW1041" s="23"/>
      <c r="BX1041" s="23"/>
      <c r="BY1041" s="23"/>
      <c r="BZ1041" s="23"/>
      <c r="CA1041" s="23"/>
      <c r="CB1041" s="23"/>
      <c r="CC1041" s="23"/>
      <c r="CD1041" s="23"/>
      <c r="CE1041" s="23"/>
      <c r="CF1041" s="23"/>
      <c r="CG1041" s="23"/>
      <c r="CH1041" s="23"/>
      <c r="CI1041" s="23"/>
      <c r="CJ1041" s="23"/>
      <c r="CK1041" s="23"/>
      <c r="CL1041" s="23"/>
      <c r="CM1041" s="23"/>
      <c r="CN1041" s="23"/>
      <c r="CO1041" s="23"/>
      <c r="CP1041" s="23"/>
      <c r="CQ1041" s="23"/>
      <c r="CR1041" s="23"/>
      <c r="CS1041" s="23"/>
      <c r="CT1041" s="23"/>
      <c r="CU1041" s="23"/>
      <c r="CV1041" s="23"/>
      <c r="CW1041" s="23"/>
      <c r="CX1041" s="23"/>
      <c r="CY1041" s="23"/>
      <c r="CZ1041" s="23"/>
      <c r="DA1041" s="23"/>
      <c r="DB1041" s="23"/>
      <c r="DC1041" s="23"/>
      <c r="DD1041" s="23"/>
      <c r="DE1041" s="23"/>
      <c r="DF1041" s="23"/>
      <c r="DG1041" s="23"/>
      <c r="DH1041" s="23"/>
      <c r="DI1041" s="23"/>
      <c r="DJ1041" s="23"/>
      <c r="DK1041" s="23"/>
      <c r="DL1041" s="23"/>
      <c r="DM1041" s="23"/>
      <c r="DN1041" s="23"/>
      <c r="DO1041" s="23"/>
      <c r="DP1041" s="23"/>
      <c r="DQ1041" s="23"/>
      <c r="DR1041" s="23"/>
      <c r="DS1041" s="23"/>
      <c r="DT1041" s="23"/>
      <c r="DU1041" s="23"/>
      <c r="DV1041" s="23"/>
      <c r="DW1041" s="23"/>
      <c r="DX1041" s="23"/>
      <c r="DY1041" s="23"/>
      <c r="DZ1041" s="23"/>
      <c r="EA1041" s="23"/>
      <c r="EB1041" s="23"/>
      <c r="EC1041" s="23"/>
      <c r="ED1041" s="23"/>
      <c r="EE1041" s="23"/>
      <c r="EF1041" s="23"/>
      <c r="EG1041" s="23"/>
      <c r="EH1041" s="23"/>
      <c r="EI1041" s="23"/>
      <c r="EJ1041" s="23"/>
      <c r="EK1041" s="23"/>
      <c r="EL1041" s="23"/>
      <c r="EM1041" s="23"/>
      <c r="EN1041" s="23"/>
      <c r="EO1041" s="23"/>
      <c r="EP1041" s="23"/>
      <c r="EQ1041" s="23"/>
      <c r="ER1041" s="23"/>
      <c r="ES1041" s="23"/>
      <c r="ET1041" s="23"/>
      <c r="EU1041" s="23"/>
      <c r="EV1041" s="23"/>
      <c r="EW1041" s="23"/>
      <c r="EX1041" s="23"/>
      <c r="EY1041" s="23"/>
      <c r="EZ1041" s="23"/>
      <c r="FA1041" s="23"/>
      <c r="FB1041" s="23"/>
      <c r="FC1041" s="23"/>
      <c r="FD1041" s="23"/>
      <c r="FE1041" s="23"/>
      <c r="FF1041" s="23"/>
      <c r="FG1041" s="23"/>
      <c r="FH1041" s="23"/>
      <c r="FI1041" s="23"/>
      <c r="FJ1041" s="23"/>
      <c r="FK1041" s="23"/>
      <c r="FL1041" s="23"/>
      <c r="FM1041" s="23"/>
      <c r="FN1041" s="23"/>
      <c r="FO1041" s="23"/>
      <c r="FP1041" s="23"/>
      <c r="FQ1041" s="23"/>
      <c r="FR1041" s="23"/>
      <c r="FS1041" s="23"/>
      <c r="FT1041" s="23"/>
      <c r="FU1041" s="23"/>
      <c r="FV1041" s="23"/>
      <c r="FW1041" s="23"/>
      <c r="FX1041" s="23"/>
      <c r="FY1041" s="23"/>
      <c r="FZ1041" s="23"/>
      <c r="GA1041" s="23"/>
      <c r="GB1041" s="23"/>
      <c r="GC1041" s="23"/>
      <c r="GD1041" s="23"/>
      <c r="GE1041" s="23"/>
      <c r="GF1041" s="23"/>
      <c r="GG1041" s="23"/>
      <c r="GH1041" s="23"/>
      <c r="GI1041" s="23"/>
      <c r="GJ1041" s="23"/>
      <c r="GK1041" s="23"/>
      <c r="GL1041" s="23"/>
      <c r="GM1041" s="23"/>
      <c r="GN1041" s="23"/>
      <c r="GO1041" s="23"/>
      <c r="GP1041" s="23"/>
      <c r="GQ1041" s="23"/>
      <c r="GR1041" s="23"/>
      <c r="GS1041" s="23"/>
      <c r="GT1041" s="23"/>
      <c r="GU1041" s="23"/>
      <c r="GV1041" s="23"/>
      <c r="GW1041" s="23"/>
      <c r="GX1041" s="23"/>
      <c r="GY1041" s="23"/>
      <c r="GZ1041" s="23"/>
      <c r="HA1041" s="23"/>
      <c r="HB1041" s="23"/>
      <c r="HC1041" s="23"/>
      <c r="HD1041" s="23"/>
      <c r="HE1041" s="23"/>
      <c r="HF1041" s="23"/>
      <c r="HG1041" s="23"/>
      <c r="HH1041" s="23"/>
      <c r="HI1041" s="23"/>
      <c r="HJ1041" s="23"/>
      <c r="HK1041" s="23"/>
      <c r="HL1041" s="23"/>
      <c r="HM1041" s="23"/>
      <c r="HN1041" s="23"/>
      <c r="HO1041" s="23"/>
      <c r="HP1041" s="23"/>
      <c r="HQ1041" s="23"/>
      <c r="HR1041" s="23"/>
      <c r="HS1041" s="23"/>
      <c r="HT1041" s="23"/>
      <c r="HU1041" s="23"/>
      <c r="HV1041" s="23"/>
      <c r="HW1041" s="23"/>
      <c r="HX1041" s="23"/>
      <c r="HY1041" s="23"/>
      <c r="HZ1041" s="23"/>
      <c r="IA1041" s="23"/>
      <c r="IB1041" s="23"/>
      <c r="IC1041" s="23"/>
      <c r="ID1041" s="23"/>
      <c r="IE1041" s="23"/>
      <c r="IF1041" s="23"/>
      <c r="IG1041" s="23"/>
      <c r="IH1041" s="23"/>
      <c r="II1041" s="23"/>
      <c r="IJ1041" s="23"/>
      <c r="IK1041" s="23"/>
      <c r="IL1041" s="23"/>
      <c r="IM1041" s="23"/>
      <c r="IN1041" s="23"/>
      <c r="IO1041" s="23"/>
      <c r="IP1041" s="23"/>
      <c r="IQ1041" s="23"/>
    </row>
    <row r="1042" spans="1:251" s="50" customFormat="1" ht="18.75" customHeight="1">
      <c r="A1042" s="34"/>
      <c r="B1042" s="46"/>
      <c r="C1042" s="130" t="s">
        <v>183</v>
      </c>
      <c r="D1042" s="130"/>
      <c r="E1042" s="130"/>
      <c r="F1042" s="130"/>
      <c r="G1042" s="130"/>
      <c r="H1042" s="130"/>
      <c r="I1042" s="130"/>
      <c r="J1042" s="130"/>
      <c r="K1042" s="130"/>
      <c r="L1042" s="130"/>
      <c r="M1042" s="130"/>
      <c r="N1042" s="130"/>
      <c r="O1042" s="130"/>
      <c r="P1042" s="130"/>
      <c r="Q1042" s="130"/>
      <c r="R1042" s="130"/>
      <c r="S1042" s="130"/>
      <c r="T1042" s="130"/>
      <c r="U1042" s="130"/>
      <c r="V1042" s="130"/>
      <c r="W1042" s="130"/>
      <c r="X1042" s="130"/>
      <c r="Y1042" s="130"/>
      <c r="Z1042" s="131"/>
      <c r="AA1042" s="132">
        <v>1859118</v>
      </c>
      <c r="AB1042" s="196"/>
      <c r="AC1042" s="196"/>
      <c r="AD1042" s="196"/>
      <c r="AE1042" s="196"/>
      <c r="AF1042" s="196"/>
      <c r="AG1042" s="196"/>
      <c r="AH1042" s="196"/>
      <c r="AI1042" s="197"/>
      <c r="AJ1042" s="132">
        <v>6910780</v>
      </c>
      <c r="AK1042" s="196"/>
      <c r="AL1042" s="196"/>
      <c r="AM1042" s="196"/>
      <c r="AN1042" s="196"/>
      <c r="AO1042" s="196"/>
      <c r="AP1042" s="196"/>
      <c r="AQ1042" s="196"/>
      <c r="AR1042" s="197"/>
      <c r="AS1042" s="132"/>
      <c r="AT1042" s="196"/>
      <c r="AU1042" s="196"/>
      <c r="AV1042" s="196"/>
      <c r="AW1042" s="196"/>
      <c r="AX1042" s="202"/>
      <c r="AY1042" s="23"/>
      <c r="AZ1042" s="23"/>
      <c r="BA1042" s="23"/>
      <c r="BB1042" s="23"/>
      <c r="BC1042" s="23"/>
      <c r="BD1042" s="23"/>
      <c r="BE1042" s="23"/>
      <c r="BF1042" s="23"/>
      <c r="BG1042" s="23"/>
      <c r="BH1042" s="23"/>
      <c r="BI1042" s="23"/>
      <c r="BJ1042" s="23"/>
      <c r="BK1042" s="23"/>
      <c r="BL1042" s="23"/>
      <c r="BM1042" s="23"/>
      <c r="BN1042" s="23"/>
      <c r="BO1042" s="23"/>
      <c r="BP1042" s="23"/>
      <c r="BQ1042" s="23"/>
      <c r="BR1042" s="23"/>
      <c r="BS1042" s="23"/>
      <c r="BT1042" s="23"/>
      <c r="BU1042" s="23"/>
      <c r="BV1042" s="23"/>
      <c r="BW1042" s="23"/>
      <c r="BX1042" s="23"/>
      <c r="BY1042" s="23"/>
      <c r="BZ1042" s="23"/>
      <c r="CA1042" s="23"/>
      <c r="CB1042" s="23"/>
      <c r="CC1042" s="23"/>
      <c r="CD1042" s="23"/>
      <c r="CE1042" s="23"/>
      <c r="CF1042" s="23"/>
      <c r="CG1042" s="23"/>
      <c r="CH1042" s="23"/>
      <c r="CI1042" s="23"/>
      <c r="CJ1042" s="23"/>
      <c r="CK1042" s="23"/>
      <c r="CL1042" s="23"/>
      <c r="CM1042" s="23"/>
      <c r="CN1042" s="23"/>
      <c r="CO1042" s="23"/>
      <c r="CP1042" s="23"/>
      <c r="CQ1042" s="23"/>
      <c r="CR1042" s="23"/>
      <c r="CS1042" s="23"/>
      <c r="CT1042" s="23"/>
      <c r="CU1042" s="23"/>
      <c r="CV1042" s="23"/>
      <c r="CW1042" s="23"/>
      <c r="CX1042" s="23"/>
      <c r="CY1042" s="23"/>
      <c r="CZ1042" s="23"/>
      <c r="DA1042" s="23"/>
      <c r="DB1042" s="23"/>
      <c r="DC1042" s="23"/>
      <c r="DD1042" s="23"/>
      <c r="DE1042" s="23"/>
      <c r="DF1042" s="23"/>
      <c r="DG1042" s="23"/>
      <c r="DH1042" s="23"/>
      <c r="DI1042" s="23"/>
      <c r="DJ1042" s="23"/>
      <c r="DK1042" s="23"/>
      <c r="DL1042" s="23"/>
      <c r="DM1042" s="23"/>
      <c r="DN1042" s="23"/>
      <c r="DO1042" s="23"/>
      <c r="DP1042" s="23"/>
      <c r="DQ1042" s="23"/>
      <c r="DR1042" s="23"/>
      <c r="DS1042" s="23"/>
      <c r="DT1042" s="23"/>
      <c r="DU1042" s="23"/>
      <c r="DV1042" s="23"/>
      <c r="DW1042" s="23"/>
      <c r="DX1042" s="23"/>
      <c r="DY1042" s="23"/>
      <c r="DZ1042" s="23"/>
      <c r="EA1042" s="23"/>
      <c r="EB1042" s="23"/>
      <c r="EC1042" s="23"/>
      <c r="ED1042" s="23"/>
      <c r="EE1042" s="23"/>
      <c r="EF1042" s="23"/>
      <c r="EG1042" s="23"/>
      <c r="EH1042" s="23"/>
      <c r="EI1042" s="23"/>
      <c r="EJ1042" s="23"/>
      <c r="EK1042" s="23"/>
      <c r="EL1042" s="23"/>
      <c r="EM1042" s="23"/>
      <c r="EN1042" s="23"/>
      <c r="EO1042" s="23"/>
      <c r="EP1042" s="23"/>
      <c r="EQ1042" s="23"/>
      <c r="ER1042" s="23"/>
      <c r="ES1042" s="23"/>
      <c r="ET1042" s="23"/>
      <c r="EU1042" s="23"/>
      <c r="EV1042" s="23"/>
      <c r="EW1042" s="23"/>
      <c r="EX1042" s="23"/>
      <c r="EY1042" s="23"/>
      <c r="EZ1042" s="23"/>
      <c r="FA1042" s="23"/>
      <c r="FB1042" s="23"/>
      <c r="FC1042" s="23"/>
      <c r="FD1042" s="23"/>
      <c r="FE1042" s="23"/>
      <c r="FF1042" s="23"/>
      <c r="FG1042" s="23"/>
      <c r="FH1042" s="23"/>
      <c r="FI1042" s="23"/>
      <c r="FJ1042" s="23"/>
      <c r="FK1042" s="23"/>
      <c r="FL1042" s="23"/>
      <c r="FM1042" s="23"/>
      <c r="FN1042" s="23"/>
      <c r="FO1042" s="23"/>
      <c r="FP1042" s="23"/>
      <c r="FQ1042" s="23"/>
      <c r="FR1042" s="23"/>
      <c r="FS1042" s="23"/>
      <c r="FT1042" s="23"/>
      <c r="FU1042" s="23"/>
      <c r="FV1042" s="23"/>
      <c r="FW1042" s="23"/>
      <c r="FX1042" s="23"/>
      <c r="FY1042" s="23"/>
      <c r="FZ1042" s="23"/>
      <c r="GA1042" s="23"/>
      <c r="GB1042" s="23"/>
      <c r="GC1042" s="23"/>
      <c r="GD1042" s="23"/>
      <c r="GE1042" s="23"/>
      <c r="GF1042" s="23"/>
      <c r="GG1042" s="23"/>
      <c r="GH1042" s="23"/>
      <c r="GI1042" s="23"/>
      <c r="GJ1042" s="23"/>
      <c r="GK1042" s="23"/>
      <c r="GL1042" s="23"/>
      <c r="GM1042" s="23"/>
      <c r="GN1042" s="23"/>
      <c r="GO1042" s="23"/>
      <c r="GP1042" s="23"/>
      <c r="GQ1042" s="23"/>
      <c r="GR1042" s="23"/>
      <c r="GS1042" s="23"/>
      <c r="GT1042" s="23"/>
      <c r="GU1042" s="23"/>
      <c r="GV1042" s="23"/>
      <c r="GW1042" s="23"/>
      <c r="GX1042" s="23"/>
      <c r="GY1042" s="23"/>
      <c r="GZ1042" s="23"/>
      <c r="HA1042" s="23"/>
      <c r="HB1042" s="23"/>
      <c r="HC1042" s="23"/>
      <c r="HD1042" s="23"/>
      <c r="HE1042" s="23"/>
      <c r="HF1042" s="23"/>
      <c r="HG1042" s="23"/>
      <c r="HH1042" s="23"/>
      <c r="HI1042" s="23"/>
      <c r="HJ1042" s="23"/>
      <c r="HK1042" s="23"/>
      <c r="HL1042" s="23"/>
      <c r="HM1042" s="23"/>
      <c r="HN1042" s="23"/>
      <c r="HO1042" s="23"/>
      <c r="HP1042" s="23"/>
      <c r="HQ1042" s="23"/>
      <c r="HR1042" s="23"/>
      <c r="HS1042" s="23"/>
      <c r="HT1042" s="23"/>
      <c r="HU1042" s="23"/>
      <c r="HV1042" s="23"/>
      <c r="HW1042" s="23"/>
      <c r="HX1042" s="23"/>
      <c r="HY1042" s="23"/>
      <c r="HZ1042" s="23"/>
      <c r="IA1042" s="23"/>
      <c r="IB1042" s="23"/>
      <c r="IC1042" s="23"/>
      <c r="ID1042" s="23"/>
      <c r="IE1042" s="23"/>
      <c r="IF1042" s="23"/>
      <c r="IG1042" s="23"/>
      <c r="IH1042" s="23"/>
      <c r="II1042" s="23"/>
      <c r="IJ1042" s="23"/>
      <c r="IK1042" s="23"/>
      <c r="IL1042" s="23"/>
      <c r="IM1042" s="23"/>
      <c r="IN1042" s="23"/>
      <c r="IO1042" s="23"/>
      <c r="IP1042" s="23"/>
      <c r="IQ1042" s="23"/>
    </row>
    <row r="1043" spans="1:251" s="50" customFormat="1" ht="18.75" customHeight="1">
      <c r="A1043" s="34"/>
      <c r="B1043" s="47"/>
      <c r="C1043" s="130" t="s">
        <v>184</v>
      </c>
      <c r="D1043" s="130"/>
      <c r="E1043" s="130"/>
      <c r="F1043" s="130"/>
      <c r="G1043" s="130"/>
      <c r="H1043" s="130"/>
      <c r="I1043" s="130"/>
      <c r="J1043" s="130"/>
      <c r="K1043" s="130"/>
      <c r="L1043" s="130"/>
      <c r="M1043" s="130"/>
      <c r="N1043" s="130"/>
      <c r="O1043" s="130"/>
      <c r="P1043" s="130"/>
      <c r="Q1043" s="130"/>
      <c r="R1043" s="130"/>
      <c r="S1043" s="130"/>
      <c r="T1043" s="130"/>
      <c r="U1043" s="130"/>
      <c r="V1043" s="130"/>
      <c r="W1043" s="130"/>
      <c r="X1043" s="130"/>
      <c r="Y1043" s="130"/>
      <c r="Z1043" s="131"/>
      <c r="AA1043" s="132">
        <v>6165</v>
      </c>
      <c r="AB1043" s="196"/>
      <c r="AC1043" s="196"/>
      <c r="AD1043" s="196"/>
      <c r="AE1043" s="196"/>
      <c r="AF1043" s="196"/>
      <c r="AG1043" s="196"/>
      <c r="AH1043" s="196"/>
      <c r="AI1043" s="197"/>
      <c r="AJ1043" s="132">
        <v>474</v>
      </c>
      <c r="AK1043" s="196"/>
      <c r="AL1043" s="196"/>
      <c r="AM1043" s="196"/>
      <c r="AN1043" s="196"/>
      <c r="AO1043" s="196"/>
      <c r="AP1043" s="196"/>
      <c r="AQ1043" s="196"/>
      <c r="AR1043" s="197"/>
      <c r="AS1043" s="132"/>
      <c r="AT1043" s="196"/>
      <c r="AU1043" s="196"/>
      <c r="AV1043" s="196"/>
      <c r="AW1043" s="196"/>
      <c r="AX1043" s="202"/>
      <c r="AY1043" s="23"/>
      <c r="AZ1043" s="23"/>
      <c r="BA1043" s="23"/>
      <c r="BB1043" s="23"/>
      <c r="BC1043" s="23"/>
      <c r="BD1043" s="23"/>
      <c r="BE1043" s="23"/>
      <c r="BF1043" s="23"/>
      <c r="BG1043" s="23"/>
      <c r="BH1043" s="23"/>
      <c r="BI1043" s="23"/>
      <c r="BJ1043" s="23"/>
      <c r="BK1043" s="23"/>
      <c r="BL1043" s="23"/>
      <c r="BM1043" s="23"/>
      <c r="BN1043" s="23"/>
      <c r="BO1043" s="23"/>
      <c r="BP1043" s="23"/>
      <c r="BQ1043" s="23"/>
      <c r="BR1043" s="23"/>
      <c r="BS1043" s="23"/>
      <c r="BT1043" s="23"/>
      <c r="BU1043" s="23"/>
      <c r="BV1043" s="23"/>
      <c r="BW1043" s="23"/>
      <c r="BX1043" s="23"/>
      <c r="BY1043" s="23"/>
      <c r="BZ1043" s="23"/>
      <c r="CA1043" s="23"/>
      <c r="CB1043" s="23"/>
      <c r="CC1043" s="23"/>
      <c r="CD1043" s="23"/>
      <c r="CE1043" s="23"/>
      <c r="CF1043" s="23"/>
      <c r="CG1043" s="23"/>
      <c r="CH1043" s="23"/>
      <c r="CI1043" s="23"/>
      <c r="CJ1043" s="23"/>
      <c r="CK1043" s="23"/>
      <c r="CL1043" s="23"/>
      <c r="CM1043" s="23"/>
      <c r="CN1043" s="23"/>
      <c r="CO1043" s="23"/>
      <c r="CP1043" s="23"/>
      <c r="CQ1043" s="23"/>
      <c r="CR1043" s="23"/>
      <c r="CS1043" s="23"/>
      <c r="CT1043" s="23"/>
      <c r="CU1043" s="23"/>
      <c r="CV1043" s="23"/>
      <c r="CW1043" s="23"/>
      <c r="CX1043" s="23"/>
      <c r="CY1043" s="23"/>
      <c r="CZ1043" s="23"/>
      <c r="DA1043" s="23"/>
      <c r="DB1043" s="23"/>
      <c r="DC1043" s="23"/>
      <c r="DD1043" s="23"/>
      <c r="DE1043" s="23"/>
      <c r="DF1043" s="23"/>
      <c r="DG1043" s="23"/>
      <c r="DH1043" s="23"/>
      <c r="DI1043" s="23"/>
      <c r="DJ1043" s="23"/>
      <c r="DK1043" s="23"/>
      <c r="DL1043" s="23"/>
      <c r="DM1043" s="23"/>
      <c r="DN1043" s="23"/>
      <c r="DO1043" s="23"/>
      <c r="DP1043" s="23"/>
      <c r="DQ1043" s="23"/>
      <c r="DR1043" s="23"/>
      <c r="DS1043" s="23"/>
      <c r="DT1043" s="23"/>
      <c r="DU1043" s="23"/>
      <c r="DV1043" s="23"/>
      <c r="DW1043" s="23"/>
      <c r="DX1043" s="23"/>
      <c r="DY1043" s="23"/>
      <c r="DZ1043" s="23"/>
      <c r="EA1043" s="23"/>
      <c r="EB1043" s="23"/>
      <c r="EC1043" s="23"/>
      <c r="ED1043" s="23"/>
      <c r="EE1043" s="23"/>
      <c r="EF1043" s="23"/>
      <c r="EG1043" s="23"/>
      <c r="EH1043" s="23"/>
      <c r="EI1043" s="23"/>
      <c r="EJ1043" s="23"/>
      <c r="EK1043" s="23"/>
      <c r="EL1043" s="23"/>
      <c r="EM1043" s="23"/>
      <c r="EN1043" s="23"/>
      <c r="EO1043" s="23"/>
      <c r="EP1043" s="23"/>
      <c r="EQ1043" s="23"/>
      <c r="ER1043" s="23"/>
      <c r="ES1043" s="23"/>
      <c r="ET1043" s="23"/>
      <c r="EU1043" s="23"/>
      <c r="EV1043" s="23"/>
      <c r="EW1043" s="23"/>
      <c r="EX1043" s="23"/>
      <c r="EY1043" s="23"/>
      <c r="EZ1043" s="23"/>
      <c r="FA1043" s="23"/>
      <c r="FB1043" s="23"/>
      <c r="FC1043" s="23"/>
      <c r="FD1043" s="23"/>
      <c r="FE1043" s="23"/>
      <c r="FF1043" s="23"/>
      <c r="FG1043" s="23"/>
      <c r="FH1043" s="23"/>
      <c r="FI1043" s="23"/>
      <c r="FJ1043" s="23"/>
      <c r="FK1043" s="23"/>
      <c r="FL1043" s="23"/>
      <c r="FM1043" s="23"/>
      <c r="FN1043" s="23"/>
      <c r="FO1043" s="23"/>
      <c r="FP1043" s="23"/>
      <c r="FQ1043" s="23"/>
      <c r="FR1043" s="23"/>
      <c r="FS1043" s="23"/>
      <c r="FT1043" s="23"/>
      <c r="FU1043" s="23"/>
      <c r="FV1043" s="23"/>
      <c r="FW1043" s="23"/>
      <c r="FX1043" s="23"/>
      <c r="FY1043" s="23"/>
      <c r="FZ1043" s="23"/>
      <c r="GA1043" s="23"/>
      <c r="GB1043" s="23"/>
      <c r="GC1043" s="23"/>
      <c r="GD1043" s="23"/>
      <c r="GE1043" s="23"/>
      <c r="GF1043" s="23"/>
      <c r="GG1043" s="23"/>
      <c r="GH1043" s="23"/>
      <c r="GI1043" s="23"/>
      <c r="GJ1043" s="23"/>
      <c r="GK1043" s="23"/>
      <c r="GL1043" s="23"/>
      <c r="GM1043" s="23"/>
      <c r="GN1043" s="23"/>
      <c r="GO1043" s="23"/>
      <c r="GP1043" s="23"/>
      <c r="GQ1043" s="23"/>
      <c r="GR1043" s="23"/>
      <c r="GS1043" s="23"/>
      <c r="GT1043" s="23"/>
      <c r="GU1043" s="23"/>
      <c r="GV1043" s="23"/>
      <c r="GW1043" s="23"/>
      <c r="GX1043" s="23"/>
      <c r="GY1043" s="23"/>
      <c r="GZ1043" s="23"/>
      <c r="HA1043" s="23"/>
      <c r="HB1043" s="23"/>
      <c r="HC1043" s="23"/>
      <c r="HD1043" s="23"/>
      <c r="HE1043" s="23"/>
      <c r="HF1043" s="23"/>
      <c r="HG1043" s="23"/>
      <c r="HH1043" s="23"/>
      <c r="HI1043" s="23"/>
      <c r="HJ1043" s="23"/>
      <c r="HK1043" s="23"/>
      <c r="HL1043" s="23"/>
      <c r="HM1043" s="23"/>
      <c r="HN1043" s="23"/>
      <c r="HO1043" s="23"/>
      <c r="HP1043" s="23"/>
      <c r="HQ1043" s="23"/>
      <c r="HR1043" s="23"/>
      <c r="HS1043" s="23"/>
      <c r="HT1043" s="23"/>
      <c r="HU1043" s="23"/>
      <c r="HV1043" s="23"/>
      <c r="HW1043" s="23"/>
      <c r="HX1043" s="23"/>
      <c r="HY1043" s="23"/>
      <c r="HZ1043" s="23"/>
      <c r="IA1043" s="23"/>
      <c r="IB1043" s="23"/>
      <c r="IC1043" s="23"/>
      <c r="ID1043" s="23"/>
      <c r="IE1043" s="23"/>
      <c r="IF1043" s="23"/>
      <c r="IG1043" s="23"/>
      <c r="IH1043" s="23"/>
      <c r="II1043" s="23"/>
      <c r="IJ1043" s="23"/>
      <c r="IK1043" s="23"/>
      <c r="IL1043" s="23"/>
      <c r="IM1043" s="23"/>
      <c r="IN1043" s="23"/>
      <c r="IO1043" s="23"/>
      <c r="IP1043" s="23"/>
      <c r="IQ1043" s="23"/>
    </row>
    <row r="1044" spans="1:251" s="50" customFormat="1" ht="18.75" customHeight="1">
      <c r="A1044" s="34"/>
      <c r="B1044" s="47"/>
      <c r="C1044" s="130" t="s">
        <v>190</v>
      </c>
      <c r="D1044" s="130"/>
      <c r="E1044" s="130"/>
      <c r="F1044" s="130"/>
      <c r="G1044" s="130"/>
      <c r="H1044" s="130"/>
      <c r="I1044" s="130"/>
      <c r="J1044" s="130"/>
      <c r="K1044" s="130"/>
      <c r="L1044" s="130"/>
      <c r="M1044" s="130"/>
      <c r="N1044" s="130"/>
      <c r="O1044" s="130"/>
      <c r="P1044" s="130"/>
      <c r="Q1044" s="130"/>
      <c r="R1044" s="130"/>
      <c r="S1044" s="130"/>
      <c r="T1044" s="130"/>
      <c r="U1044" s="130"/>
      <c r="V1044" s="130"/>
      <c r="W1044" s="130"/>
      <c r="X1044" s="130"/>
      <c r="Y1044" s="130"/>
      <c r="Z1044" s="131"/>
      <c r="AA1044" s="132">
        <v>157515</v>
      </c>
      <c r="AB1044" s="200"/>
      <c r="AC1044" s="200"/>
      <c r="AD1044" s="200"/>
      <c r="AE1044" s="200"/>
      <c r="AF1044" s="200"/>
      <c r="AG1044" s="200"/>
      <c r="AH1044" s="200"/>
      <c r="AI1044" s="201"/>
      <c r="AJ1044" s="132">
        <v>325504</v>
      </c>
      <c r="AK1044" s="196"/>
      <c r="AL1044" s="196"/>
      <c r="AM1044" s="196"/>
      <c r="AN1044" s="196"/>
      <c r="AO1044" s="196"/>
      <c r="AP1044" s="196"/>
      <c r="AQ1044" s="196"/>
      <c r="AR1044" s="197"/>
      <c r="AS1044" s="132"/>
      <c r="AT1044" s="196"/>
      <c r="AU1044" s="196"/>
      <c r="AV1044" s="196"/>
      <c r="AW1044" s="196"/>
      <c r="AX1044" s="202"/>
      <c r="AY1044" s="23"/>
      <c r="AZ1044" s="23"/>
      <c r="BA1044" s="23"/>
      <c r="BB1044" s="23"/>
      <c r="BC1044" s="23"/>
      <c r="BD1044" s="23"/>
      <c r="BE1044" s="23"/>
      <c r="BF1044" s="23"/>
      <c r="BG1044" s="23"/>
      <c r="BH1044" s="23"/>
      <c r="BI1044" s="23"/>
      <c r="BJ1044" s="23"/>
      <c r="BK1044" s="23"/>
      <c r="BL1044" s="23"/>
      <c r="BM1044" s="23"/>
      <c r="BN1044" s="23"/>
      <c r="BO1044" s="23"/>
      <c r="BP1044" s="23"/>
      <c r="BQ1044" s="23"/>
      <c r="BR1044" s="23"/>
      <c r="BS1044" s="23"/>
      <c r="BT1044" s="23"/>
      <c r="BU1044" s="23"/>
      <c r="BV1044" s="23"/>
      <c r="BW1044" s="23"/>
      <c r="BX1044" s="23"/>
      <c r="BY1044" s="23"/>
      <c r="BZ1044" s="23"/>
      <c r="CA1044" s="23"/>
      <c r="CB1044" s="23"/>
      <c r="CC1044" s="23"/>
      <c r="CD1044" s="23"/>
      <c r="CE1044" s="23"/>
      <c r="CF1044" s="23"/>
      <c r="CG1044" s="23"/>
      <c r="CH1044" s="23"/>
      <c r="CI1044" s="23"/>
      <c r="CJ1044" s="23"/>
      <c r="CK1044" s="23"/>
      <c r="CL1044" s="23"/>
      <c r="CM1044" s="23"/>
      <c r="CN1044" s="23"/>
      <c r="CO1044" s="23"/>
      <c r="CP1044" s="23"/>
      <c r="CQ1044" s="23"/>
      <c r="CR1044" s="23"/>
      <c r="CS1044" s="23"/>
      <c r="CT1044" s="23"/>
      <c r="CU1044" s="23"/>
      <c r="CV1044" s="23"/>
      <c r="CW1044" s="23"/>
      <c r="CX1044" s="23"/>
      <c r="CY1044" s="23"/>
      <c r="CZ1044" s="23"/>
      <c r="DA1044" s="23"/>
      <c r="DB1044" s="23"/>
      <c r="DC1044" s="23"/>
      <c r="DD1044" s="23"/>
      <c r="DE1044" s="23"/>
      <c r="DF1044" s="23"/>
      <c r="DG1044" s="23"/>
      <c r="DH1044" s="23"/>
      <c r="DI1044" s="23"/>
      <c r="DJ1044" s="23"/>
      <c r="DK1044" s="23"/>
      <c r="DL1044" s="23"/>
      <c r="DM1044" s="23"/>
      <c r="DN1044" s="23"/>
      <c r="DO1044" s="23"/>
      <c r="DP1044" s="23"/>
      <c r="DQ1044" s="23"/>
      <c r="DR1044" s="23"/>
      <c r="DS1044" s="23"/>
      <c r="DT1044" s="23"/>
      <c r="DU1044" s="23"/>
      <c r="DV1044" s="23"/>
      <c r="DW1044" s="23"/>
      <c r="DX1044" s="23"/>
      <c r="DY1044" s="23"/>
      <c r="DZ1044" s="23"/>
      <c r="EA1044" s="23"/>
      <c r="EB1044" s="23"/>
      <c r="EC1044" s="23"/>
      <c r="ED1044" s="23"/>
      <c r="EE1044" s="23"/>
      <c r="EF1044" s="23"/>
      <c r="EG1044" s="23"/>
      <c r="EH1044" s="23"/>
      <c r="EI1044" s="23"/>
      <c r="EJ1044" s="23"/>
      <c r="EK1044" s="23"/>
      <c r="EL1044" s="23"/>
      <c r="EM1044" s="23"/>
      <c r="EN1044" s="23"/>
      <c r="EO1044" s="23"/>
      <c r="EP1044" s="23"/>
      <c r="EQ1044" s="23"/>
      <c r="ER1044" s="23"/>
      <c r="ES1044" s="23"/>
      <c r="ET1044" s="23"/>
      <c r="EU1044" s="23"/>
      <c r="EV1044" s="23"/>
      <c r="EW1044" s="23"/>
      <c r="EX1044" s="23"/>
      <c r="EY1044" s="23"/>
      <c r="EZ1044" s="23"/>
      <c r="FA1044" s="23"/>
      <c r="FB1044" s="23"/>
      <c r="FC1044" s="23"/>
      <c r="FD1044" s="23"/>
      <c r="FE1044" s="23"/>
      <c r="FF1044" s="23"/>
      <c r="FG1044" s="23"/>
      <c r="FH1044" s="23"/>
      <c r="FI1044" s="23"/>
      <c r="FJ1044" s="23"/>
      <c r="FK1044" s="23"/>
      <c r="FL1044" s="23"/>
      <c r="FM1044" s="23"/>
      <c r="FN1044" s="23"/>
      <c r="FO1044" s="23"/>
      <c r="FP1044" s="23"/>
      <c r="FQ1044" s="23"/>
      <c r="FR1044" s="23"/>
      <c r="FS1044" s="23"/>
      <c r="FT1044" s="23"/>
      <c r="FU1044" s="23"/>
      <c r="FV1044" s="23"/>
      <c r="FW1044" s="23"/>
      <c r="FX1044" s="23"/>
      <c r="FY1044" s="23"/>
      <c r="FZ1044" s="23"/>
      <c r="GA1044" s="23"/>
      <c r="GB1044" s="23"/>
      <c r="GC1044" s="23"/>
      <c r="GD1044" s="23"/>
      <c r="GE1044" s="23"/>
      <c r="GF1044" s="23"/>
      <c r="GG1044" s="23"/>
      <c r="GH1044" s="23"/>
      <c r="GI1044" s="23"/>
      <c r="GJ1044" s="23"/>
      <c r="GK1044" s="23"/>
      <c r="GL1044" s="23"/>
      <c r="GM1044" s="23"/>
      <c r="GN1044" s="23"/>
      <c r="GO1044" s="23"/>
      <c r="GP1044" s="23"/>
      <c r="GQ1044" s="23"/>
      <c r="GR1044" s="23"/>
      <c r="GS1044" s="23"/>
      <c r="GT1044" s="23"/>
      <c r="GU1044" s="23"/>
      <c r="GV1044" s="23"/>
      <c r="GW1044" s="23"/>
      <c r="GX1044" s="23"/>
      <c r="GY1044" s="23"/>
      <c r="GZ1044" s="23"/>
      <c r="HA1044" s="23"/>
      <c r="HB1044" s="23"/>
      <c r="HC1044" s="23"/>
      <c r="HD1044" s="23"/>
      <c r="HE1044" s="23"/>
      <c r="HF1044" s="23"/>
      <c r="HG1044" s="23"/>
      <c r="HH1044" s="23"/>
      <c r="HI1044" s="23"/>
      <c r="HJ1044" s="23"/>
      <c r="HK1044" s="23"/>
      <c r="HL1044" s="23"/>
      <c r="HM1044" s="23"/>
      <c r="HN1044" s="23"/>
      <c r="HO1044" s="23"/>
      <c r="HP1044" s="23"/>
      <c r="HQ1044" s="23"/>
      <c r="HR1044" s="23"/>
      <c r="HS1044" s="23"/>
      <c r="HT1044" s="23"/>
      <c r="HU1044" s="23"/>
      <c r="HV1044" s="23"/>
      <c r="HW1044" s="23"/>
      <c r="HX1044" s="23"/>
      <c r="HY1044" s="23"/>
      <c r="HZ1044" s="23"/>
      <c r="IA1044" s="23"/>
      <c r="IB1044" s="23"/>
      <c r="IC1044" s="23"/>
      <c r="ID1044" s="23"/>
      <c r="IE1044" s="23"/>
      <c r="IF1044" s="23"/>
      <c r="IG1044" s="23"/>
      <c r="IH1044" s="23"/>
      <c r="II1044" s="23"/>
      <c r="IJ1044" s="23"/>
      <c r="IK1044" s="23"/>
      <c r="IL1044" s="23"/>
      <c r="IM1044" s="23"/>
      <c r="IN1044" s="23"/>
      <c r="IO1044" s="23"/>
      <c r="IP1044" s="23"/>
      <c r="IQ1044" s="23"/>
    </row>
    <row r="1045" spans="1:251" s="50" customFormat="1" ht="18.75" customHeight="1">
      <c r="A1045" s="34"/>
      <c r="B1045" s="47"/>
      <c r="C1045" s="130"/>
      <c r="D1045" s="130"/>
      <c r="E1045" s="130"/>
      <c r="F1045" s="130"/>
      <c r="G1045" s="130"/>
      <c r="H1045" s="130"/>
      <c r="I1045" s="130"/>
      <c r="J1045" s="130"/>
      <c r="K1045" s="130"/>
      <c r="L1045" s="130"/>
      <c r="M1045" s="130"/>
      <c r="N1045" s="130"/>
      <c r="O1045" s="130"/>
      <c r="P1045" s="130"/>
      <c r="Q1045" s="130"/>
      <c r="R1045" s="130"/>
      <c r="S1045" s="130"/>
      <c r="T1045" s="130"/>
      <c r="U1045" s="130"/>
      <c r="V1045" s="130"/>
      <c r="W1045" s="130"/>
      <c r="X1045" s="130"/>
      <c r="Y1045" s="130"/>
      <c r="Z1045" s="131"/>
      <c r="AA1045" s="132"/>
      <c r="AB1045" s="200"/>
      <c r="AC1045" s="200"/>
      <c r="AD1045" s="200"/>
      <c r="AE1045" s="200"/>
      <c r="AF1045" s="200"/>
      <c r="AG1045" s="200"/>
      <c r="AH1045" s="200"/>
      <c r="AI1045" s="201"/>
      <c r="AJ1045" s="132"/>
      <c r="AK1045" s="196"/>
      <c r="AL1045" s="196"/>
      <c r="AM1045" s="196"/>
      <c r="AN1045" s="196"/>
      <c r="AO1045" s="196"/>
      <c r="AP1045" s="196"/>
      <c r="AQ1045" s="196"/>
      <c r="AR1045" s="197"/>
      <c r="AS1045" s="132"/>
      <c r="AT1045" s="196"/>
      <c r="AU1045" s="196"/>
      <c r="AV1045" s="196"/>
      <c r="AW1045" s="196"/>
      <c r="AX1045" s="202"/>
      <c r="AY1045" s="23"/>
      <c r="AZ1045" s="23"/>
      <c r="BA1045" s="23"/>
      <c r="BB1045" s="23"/>
      <c r="BC1045" s="23"/>
      <c r="BD1045" s="23"/>
      <c r="BE1045" s="23"/>
      <c r="BF1045" s="23"/>
      <c r="BG1045" s="23"/>
      <c r="BH1045" s="23"/>
      <c r="BI1045" s="23"/>
      <c r="BJ1045" s="23"/>
      <c r="BK1045" s="23"/>
      <c r="BL1045" s="23"/>
      <c r="BM1045" s="23"/>
      <c r="BN1045" s="23"/>
      <c r="BO1045" s="23"/>
      <c r="BP1045" s="23"/>
      <c r="BQ1045" s="23"/>
      <c r="BR1045" s="23"/>
      <c r="BS1045" s="23"/>
      <c r="BT1045" s="23"/>
      <c r="BU1045" s="23"/>
      <c r="BV1045" s="23"/>
      <c r="BW1045" s="23"/>
      <c r="BX1045" s="23"/>
      <c r="BY1045" s="23"/>
      <c r="BZ1045" s="23"/>
      <c r="CA1045" s="23"/>
      <c r="CB1045" s="23"/>
      <c r="CC1045" s="23"/>
      <c r="CD1045" s="23"/>
      <c r="CE1045" s="23"/>
      <c r="CF1045" s="23"/>
      <c r="CG1045" s="23"/>
      <c r="CH1045" s="23"/>
      <c r="CI1045" s="23"/>
      <c r="CJ1045" s="23"/>
      <c r="CK1045" s="23"/>
      <c r="CL1045" s="23"/>
      <c r="CM1045" s="23"/>
      <c r="CN1045" s="23"/>
      <c r="CO1045" s="23"/>
      <c r="CP1045" s="23"/>
      <c r="CQ1045" s="23"/>
      <c r="CR1045" s="23"/>
      <c r="CS1045" s="23"/>
      <c r="CT1045" s="23"/>
      <c r="CU1045" s="23"/>
      <c r="CV1045" s="23"/>
      <c r="CW1045" s="23"/>
      <c r="CX1045" s="23"/>
      <c r="CY1045" s="23"/>
      <c r="CZ1045" s="23"/>
      <c r="DA1045" s="23"/>
      <c r="DB1045" s="23"/>
      <c r="DC1045" s="23"/>
      <c r="DD1045" s="23"/>
      <c r="DE1045" s="23"/>
      <c r="DF1045" s="23"/>
      <c r="DG1045" s="23"/>
      <c r="DH1045" s="23"/>
      <c r="DI1045" s="23"/>
      <c r="DJ1045" s="23"/>
      <c r="DK1045" s="23"/>
      <c r="DL1045" s="23"/>
      <c r="DM1045" s="23"/>
      <c r="DN1045" s="23"/>
      <c r="DO1045" s="23"/>
      <c r="DP1045" s="23"/>
      <c r="DQ1045" s="23"/>
      <c r="DR1045" s="23"/>
      <c r="DS1045" s="23"/>
      <c r="DT1045" s="23"/>
      <c r="DU1045" s="23"/>
      <c r="DV1045" s="23"/>
      <c r="DW1045" s="23"/>
      <c r="DX1045" s="23"/>
      <c r="DY1045" s="23"/>
      <c r="DZ1045" s="23"/>
      <c r="EA1045" s="23"/>
      <c r="EB1045" s="23"/>
      <c r="EC1045" s="23"/>
      <c r="ED1045" s="23"/>
      <c r="EE1045" s="23"/>
      <c r="EF1045" s="23"/>
      <c r="EG1045" s="23"/>
      <c r="EH1045" s="23"/>
      <c r="EI1045" s="23"/>
      <c r="EJ1045" s="23"/>
      <c r="EK1045" s="23"/>
      <c r="EL1045" s="23"/>
      <c r="EM1045" s="23"/>
      <c r="EN1045" s="23"/>
      <c r="EO1045" s="23"/>
      <c r="EP1045" s="23"/>
      <c r="EQ1045" s="23"/>
      <c r="ER1045" s="23"/>
      <c r="ES1045" s="23"/>
      <c r="ET1045" s="23"/>
      <c r="EU1045" s="23"/>
      <c r="EV1045" s="23"/>
      <c r="EW1045" s="23"/>
      <c r="EX1045" s="23"/>
      <c r="EY1045" s="23"/>
      <c r="EZ1045" s="23"/>
      <c r="FA1045" s="23"/>
      <c r="FB1045" s="23"/>
      <c r="FC1045" s="23"/>
      <c r="FD1045" s="23"/>
      <c r="FE1045" s="23"/>
      <c r="FF1045" s="23"/>
      <c r="FG1045" s="23"/>
      <c r="FH1045" s="23"/>
      <c r="FI1045" s="23"/>
      <c r="FJ1045" s="23"/>
      <c r="FK1045" s="23"/>
      <c r="FL1045" s="23"/>
      <c r="FM1045" s="23"/>
      <c r="FN1045" s="23"/>
      <c r="FO1045" s="23"/>
      <c r="FP1045" s="23"/>
      <c r="FQ1045" s="23"/>
      <c r="FR1045" s="23"/>
      <c r="FS1045" s="23"/>
      <c r="FT1045" s="23"/>
      <c r="FU1045" s="23"/>
      <c r="FV1045" s="23"/>
      <c r="FW1045" s="23"/>
      <c r="FX1045" s="23"/>
      <c r="FY1045" s="23"/>
      <c r="FZ1045" s="23"/>
      <c r="GA1045" s="23"/>
      <c r="GB1045" s="23"/>
      <c r="GC1045" s="23"/>
      <c r="GD1045" s="23"/>
      <c r="GE1045" s="23"/>
      <c r="GF1045" s="23"/>
      <c r="GG1045" s="23"/>
      <c r="GH1045" s="23"/>
      <c r="GI1045" s="23"/>
      <c r="GJ1045" s="23"/>
      <c r="GK1045" s="23"/>
      <c r="GL1045" s="23"/>
      <c r="GM1045" s="23"/>
      <c r="GN1045" s="23"/>
      <c r="GO1045" s="23"/>
      <c r="GP1045" s="23"/>
      <c r="GQ1045" s="23"/>
      <c r="GR1045" s="23"/>
      <c r="GS1045" s="23"/>
      <c r="GT1045" s="23"/>
      <c r="GU1045" s="23"/>
      <c r="GV1045" s="23"/>
      <c r="GW1045" s="23"/>
      <c r="GX1045" s="23"/>
      <c r="GY1045" s="23"/>
      <c r="GZ1045" s="23"/>
      <c r="HA1045" s="23"/>
      <c r="HB1045" s="23"/>
      <c r="HC1045" s="23"/>
      <c r="HD1045" s="23"/>
      <c r="HE1045" s="23"/>
      <c r="HF1045" s="23"/>
      <c r="HG1045" s="23"/>
      <c r="HH1045" s="23"/>
      <c r="HI1045" s="23"/>
      <c r="HJ1045" s="23"/>
      <c r="HK1045" s="23"/>
      <c r="HL1045" s="23"/>
      <c r="HM1045" s="23"/>
      <c r="HN1045" s="23"/>
      <c r="HO1045" s="23"/>
      <c r="HP1045" s="23"/>
      <c r="HQ1045" s="23"/>
      <c r="HR1045" s="23"/>
      <c r="HS1045" s="23"/>
      <c r="HT1045" s="23"/>
      <c r="HU1045" s="23"/>
      <c r="HV1045" s="23"/>
      <c r="HW1045" s="23"/>
      <c r="HX1045" s="23"/>
      <c r="HY1045" s="23"/>
      <c r="HZ1045" s="23"/>
      <c r="IA1045" s="23"/>
      <c r="IB1045" s="23"/>
      <c r="IC1045" s="23"/>
      <c r="ID1045" s="23"/>
      <c r="IE1045" s="23"/>
      <c r="IF1045" s="23"/>
      <c r="IG1045" s="23"/>
      <c r="IH1045" s="23"/>
      <c r="II1045" s="23"/>
      <c r="IJ1045" s="23"/>
      <c r="IK1045" s="23"/>
      <c r="IL1045" s="23"/>
      <c r="IM1045" s="23"/>
      <c r="IN1045" s="23"/>
      <c r="IO1045" s="23"/>
      <c r="IP1045" s="23"/>
      <c r="IQ1045" s="23"/>
    </row>
    <row r="1046" spans="1:251" s="50" customFormat="1" ht="18.75" customHeight="1">
      <c r="A1046" s="34"/>
      <c r="B1046" s="48"/>
      <c r="C1046" s="130"/>
      <c r="D1046" s="130"/>
      <c r="E1046" s="130"/>
      <c r="F1046" s="130"/>
      <c r="G1046" s="130"/>
      <c r="H1046" s="130"/>
      <c r="I1046" s="130"/>
      <c r="J1046" s="130"/>
      <c r="K1046" s="130"/>
      <c r="L1046" s="130"/>
      <c r="M1046" s="130"/>
      <c r="N1046" s="130"/>
      <c r="O1046" s="130"/>
      <c r="P1046" s="130"/>
      <c r="Q1046" s="130"/>
      <c r="R1046" s="130"/>
      <c r="S1046" s="130"/>
      <c r="T1046" s="130"/>
      <c r="U1046" s="130"/>
      <c r="V1046" s="130"/>
      <c r="W1046" s="130"/>
      <c r="X1046" s="130"/>
      <c r="Y1046" s="130"/>
      <c r="Z1046" s="131"/>
      <c r="AA1046" s="132"/>
      <c r="AB1046" s="200"/>
      <c r="AC1046" s="200"/>
      <c r="AD1046" s="200"/>
      <c r="AE1046" s="200"/>
      <c r="AF1046" s="200"/>
      <c r="AG1046" s="200"/>
      <c r="AH1046" s="200"/>
      <c r="AI1046" s="201"/>
      <c r="AJ1046" s="132"/>
      <c r="AK1046" s="196"/>
      <c r="AL1046" s="196"/>
      <c r="AM1046" s="196"/>
      <c r="AN1046" s="196"/>
      <c r="AO1046" s="196"/>
      <c r="AP1046" s="196"/>
      <c r="AQ1046" s="196"/>
      <c r="AR1046" s="197"/>
      <c r="AS1046" s="136"/>
      <c r="AT1046" s="198"/>
      <c r="AU1046" s="198"/>
      <c r="AV1046" s="198"/>
      <c r="AW1046" s="198"/>
      <c r="AX1046" s="199"/>
      <c r="AY1046" s="23"/>
      <c r="AZ1046" s="23"/>
      <c r="BA1046" s="23"/>
      <c r="BB1046" s="23"/>
      <c r="BC1046" s="23"/>
      <c r="BD1046" s="23"/>
      <c r="BE1046" s="23"/>
      <c r="BF1046" s="23"/>
      <c r="BG1046" s="23"/>
      <c r="BH1046" s="23"/>
      <c r="BI1046" s="23"/>
      <c r="BJ1046" s="23"/>
      <c r="BK1046" s="23"/>
      <c r="BL1046" s="23"/>
      <c r="BM1046" s="23"/>
      <c r="BN1046" s="23"/>
      <c r="BO1046" s="23"/>
      <c r="BP1046" s="23"/>
      <c r="BQ1046" s="23"/>
      <c r="BR1046" s="23"/>
      <c r="BS1046" s="23"/>
      <c r="BT1046" s="23"/>
      <c r="BU1046" s="23"/>
      <c r="BV1046" s="23"/>
      <c r="BW1046" s="23"/>
      <c r="BX1046" s="23"/>
      <c r="BY1046" s="23"/>
      <c r="BZ1046" s="23"/>
      <c r="CA1046" s="23"/>
      <c r="CB1046" s="23"/>
      <c r="CC1046" s="23"/>
      <c r="CD1046" s="23"/>
      <c r="CE1046" s="23"/>
      <c r="CF1046" s="23"/>
      <c r="CG1046" s="23"/>
      <c r="CH1046" s="23"/>
      <c r="CI1046" s="23"/>
      <c r="CJ1046" s="23"/>
      <c r="CK1046" s="23"/>
      <c r="CL1046" s="23"/>
      <c r="CM1046" s="23"/>
      <c r="CN1046" s="23"/>
      <c r="CO1046" s="23"/>
      <c r="CP1046" s="23"/>
      <c r="CQ1046" s="23"/>
      <c r="CR1046" s="23"/>
      <c r="CS1046" s="23"/>
      <c r="CT1046" s="23"/>
      <c r="CU1046" s="23"/>
      <c r="CV1046" s="23"/>
      <c r="CW1046" s="23"/>
      <c r="CX1046" s="23"/>
      <c r="CY1046" s="23"/>
      <c r="CZ1046" s="23"/>
      <c r="DA1046" s="23"/>
      <c r="DB1046" s="23"/>
      <c r="DC1046" s="23"/>
      <c r="DD1046" s="23"/>
      <c r="DE1046" s="23"/>
      <c r="DF1046" s="23"/>
      <c r="DG1046" s="23"/>
      <c r="DH1046" s="23"/>
      <c r="DI1046" s="23"/>
      <c r="DJ1046" s="23"/>
      <c r="DK1046" s="23"/>
      <c r="DL1046" s="23"/>
      <c r="DM1046" s="23"/>
      <c r="DN1046" s="23"/>
      <c r="DO1046" s="23"/>
      <c r="DP1046" s="23"/>
      <c r="DQ1046" s="23"/>
      <c r="DR1046" s="23"/>
      <c r="DS1046" s="23"/>
      <c r="DT1046" s="23"/>
      <c r="DU1046" s="23"/>
      <c r="DV1046" s="23"/>
      <c r="DW1046" s="23"/>
      <c r="DX1046" s="23"/>
      <c r="DY1046" s="23"/>
      <c r="DZ1046" s="23"/>
      <c r="EA1046" s="23"/>
      <c r="EB1046" s="23"/>
      <c r="EC1046" s="23"/>
      <c r="ED1046" s="23"/>
      <c r="EE1046" s="23"/>
      <c r="EF1046" s="23"/>
      <c r="EG1046" s="23"/>
      <c r="EH1046" s="23"/>
      <c r="EI1046" s="23"/>
      <c r="EJ1046" s="23"/>
      <c r="EK1046" s="23"/>
      <c r="EL1046" s="23"/>
      <c r="EM1046" s="23"/>
      <c r="EN1046" s="23"/>
      <c r="EO1046" s="23"/>
      <c r="EP1046" s="23"/>
      <c r="EQ1046" s="23"/>
      <c r="ER1046" s="23"/>
      <c r="ES1046" s="23"/>
      <c r="ET1046" s="23"/>
      <c r="EU1046" s="23"/>
      <c r="EV1046" s="23"/>
      <c r="EW1046" s="23"/>
      <c r="EX1046" s="23"/>
      <c r="EY1046" s="23"/>
      <c r="EZ1046" s="23"/>
      <c r="FA1046" s="23"/>
      <c r="FB1046" s="23"/>
      <c r="FC1046" s="23"/>
      <c r="FD1046" s="23"/>
      <c r="FE1046" s="23"/>
      <c r="FF1046" s="23"/>
      <c r="FG1046" s="23"/>
      <c r="FH1046" s="23"/>
      <c r="FI1046" s="23"/>
      <c r="FJ1046" s="23"/>
      <c r="FK1046" s="23"/>
      <c r="FL1046" s="23"/>
      <c r="FM1046" s="23"/>
      <c r="FN1046" s="23"/>
      <c r="FO1046" s="23"/>
      <c r="FP1046" s="23"/>
      <c r="FQ1046" s="23"/>
      <c r="FR1046" s="23"/>
      <c r="FS1046" s="23"/>
      <c r="FT1046" s="23"/>
      <c r="FU1046" s="23"/>
      <c r="FV1046" s="23"/>
      <c r="FW1046" s="23"/>
      <c r="FX1046" s="23"/>
      <c r="FY1046" s="23"/>
      <c r="FZ1046" s="23"/>
      <c r="GA1046" s="23"/>
      <c r="GB1046" s="23"/>
      <c r="GC1046" s="23"/>
      <c r="GD1046" s="23"/>
      <c r="GE1046" s="23"/>
      <c r="GF1046" s="23"/>
      <c r="GG1046" s="23"/>
      <c r="GH1046" s="23"/>
      <c r="GI1046" s="23"/>
      <c r="GJ1046" s="23"/>
      <c r="GK1046" s="23"/>
      <c r="GL1046" s="23"/>
      <c r="GM1046" s="23"/>
      <c r="GN1046" s="23"/>
      <c r="GO1046" s="23"/>
      <c r="GP1046" s="23"/>
      <c r="GQ1046" s="23"/>
      <c r="GR1046" s="23"/>
      <c r="GS1046" s="23"/>
      <c r="GT1046" s="23"/>
      <c r="GU1046" s="23"/>
      <c r="GV1046" s="23"/>
      <c r="GW1046" s="23"/>
      <c r="GX1046" s="23"/>
      <c r="GY1046" s="23"/>
      <c r="GZ1046" s="23"/>
      <c r="HA1046" s="23"/>
      <c r="HB1046" s="23"/>
      <c r="HC1046" s="23"/>
      <c r="HD1046" s="23"/>
      <c r="HE1046" s="23"/>
      <c r="HF1046" s="23"/>
      <c r="HG1046" s="23"/>
      <c r="HH1046" s="23"/>
      <c r="HI1046" s="23"/>
      <c r="HJ1046" s="23"/>
      <c r="HK1046" s="23"/>
      <c r="HL1046" s="23"/>
      <c r="HM1046" s="23"/>
      <c r="HN1046" s="23"/>
      <c r="HO1046" s="23"/>
      <c r="HP1046" s="23"/>
      <c r="HQ1046" s="23"/>
      <c r="HR1046" s="23"/>
      <c r="HS1046" s="23"/>
      <c r="HT1046" s="23"/>
      <c r="HU1046" s="23"/>
      <c r="HV1046" s="23"/>
      <c r="HW1046" s="23"/>
      <c r="HX1046" s="23"/>
      <c r="HY1046" s="23"/>
      <c r="HZ1046" s="23"/>
      <c r="IA1046" s="23"/>
      <c r="IB1046" s="23"/>
      <c r="IC1046" s="23"/>
      <c r="ID1046" s="23"/>
      <c r="IE1046" s="23"/>
      <c r="IF1046" s="23"/>
      <c r="IG1046" s="23"/>
      <c r="IH1046" s="23"/>
      <c r="II1046" s="23"/>
      <c r="IJ1046" s="23"/>
      <c r="IK1046" s="23"/>
      <c r="IL1046" s="23"/>
      <c r="IM1046" s="23"/>
      <c r="IN1046" s="23"/>
      <c r="IO1046" s="23"/>
      <c r="IP1046" s="23"/>
      <c r="IQ1046" s="23"/>
    </row>
    <row r="1047" spans="1:251" s="50" customFormat="1" ht="18.75" customHeight="1">
      <c r="A1047" s="34"/>
      <c r="B1047" s="47"/>
      <c r="C1047" s="130"/>
      <c r="D1047" s="130"/>
      <c r="E1047" s="130"/>
      <c r="F1047" s="130"/>
      <c r="G1047" s="130"/>
      <c r="H1047" s="130"/>
      <c r="I1047" s="130"/>
      <c r="J1047" s="130"/>
      <c r="K1047" s="130"/>
      <c r="L1047" s="130"/>
      <c r="M1047" s="130"/>
      <c r="N1047" s="130"/>
      <c r="O1047" s="130"/>
      <c r="P1047" s="130"/>
      <c r="Q1047" s="130"/>
      <c r="R1047" s="130"/>
      <c r="S1047" s="130"/>
      <c r="T1047" s="130"/>
      <c r="U1047" s="130"/>
      <c r="V1047" s="130"/>
      <c r="W1047" s="130"/>
      <c r="X1047" s="130"/>
      <c r="Y1047" s="130"/>
      <c r="Z1047" s="131"/>
      <c r="AA1047" s="132"/>
      <c r="AB1047" s="200"/>
      <c r="AC1047" s="200"/>
      <c r="AD1047" s="200"/>
      <c r="AE1047" s="200"/>
      <c r="AF1047" s="200"/>
      <c r="AG1047" s="200"/>
      <c r="AH1047" s="200"/>
      <c r="AI1047" s="201"/>
      <c r="AJ1047" s="132"/>
      <c r="AK1047" s="196"/>
      <c r="AL1047" s="196"/>
      <c r="AM1047" s="196"/>
      <c r="AN1047" s="196"/>
      <c r="AO1047" s="196"/>
      <c r="AP1047" s="196"/>
      <c r="AQ1047" s="196"/>
      <c r="AR1047" s="197"/>
      <c r="AS1047" s="132"/>
      <c r="AT1047" s="196"/>
      <c r="AU1047" s="196"/>
      <c r="AV1047" s="196"/>
      <c r="AW1047" s="196"/>
      <c r="AX1047" s="202"/>
      <c r="AY1047" s="23"/>
      <c r="AZ1047" s="23"/>
      <c r="BA1047" s="23"/>
      <c r="BB1047" s="23"/>
      <c r="BC1047" s="23"/>
      <c r="BD1047" s="23"/>
      <c r="BE1047" s="23"/>
      <c r="BF1047" s="23"/>
      <c r="BG1047" s="23"/>
      <c r="BH1047" s="23"/>
      <c r="BI1047" s="23"/>
      <c r="BJ1047" s="23"/>
      <c r="BK1047" s="23"/>
      <c r="BL1047" s="23"/>
      <c r="BM1047" s="23"/>
      <c r="BN1047" s="23"/>
      <c r="BO1047" s="23"/>
      <c r="BP1047" s="23"/>
      <c r="BQ1047" s="23"/>
      <c r="BR1047" s="23"/>
      <c r="BS1047" s="23"/>
      <c r="BT1047" s="23"/>
      <c r="BU1047" s="23"/>
      <c r="BV1047" s="23"/>
      <c r="BW1047" s="23"/>
      <c r="BX1047" s="23"/>
      <c r="BY1047" s="23"/>
      <c r="BZ1047" s="23"/>
      <c r="CA1047" s="23"/>
      <c r="CB1047" s="23"/>
      <c r="CC1047" s="23"/>
      <c r="CD1047" s="23"/>
      <c r="CE1047" s="23"/>
      <c r="CF1047" s="23"/>
      <c r="CG1047" s="23"/>
      <c r="CH1047" s="23"/>
      <c r="CI1047" s="23"/>
      <c r="CJ1047" s="23"/>
      <c r="CK1047" s="23"/>
      <c r="CL1047" s="23"/>
      <c r="CM1047" s="23"/>
      <c r="CN1047" s="23"/>
      <c r="CO1047" s="23"/>
      <c r="CP1047" s="23"/>
      <c r="CQ1047" s="23"/>
      <c r="CR1047" s="23"/>
      <c r="CS1047" s="23"/>
      <c r="CT1047" s="23"/>
      <c r="CU1047" s="23"/>
      <c r="CV1047" s="23"/>
      <c r="CW1047" s="23"/>
      <c r="CX1047" s="23"/>
      <c r="CY1047" s="23"/>
      <c r="CZ1047" s="23"/>
      <c r="DA1047" s="23"/>
      <c r="DB1047" s="23"/>
      <c r="DC1047" s="23"/>
      <c r="DD1047" s="23"/>
      <c r="DE1047" s="23"/>
      <c r="DF1047" s="23"/>
      <c r="DG1047" s="23"/>
      <c r="DH1047" s="23"/>
      <c r="DI1047" s="23"/>
      <c r="DJ1047" s="23"/>
      <c r="DK1047" s="23"/>
      <c r="DL1047" s="23"/>
      <c r="DM1047" s="23"/>
      <c r="DN1047" s="23"/>
      <c r="DO1047" s="23"/>
      <c r="DP1047" s="23"/>
      <c r="DQ1047" s="23"/>
      <c r="DR1047" s="23"/>
      <c r="DS1047" s="23"/>
      <c r="DT1047" s="23"/>
      <c r="DU1047" s="23"/>
      <c r="DV1047" s="23"/>
      <c r="DW1047" s="23"/>
      <c r="DX1047" s="23"/>
      <c r="DY1047" s="23"/>
      <c r="DZ1047" s="23"/>
      <c r="EA1047" s="23"/>
      <c r="EB1047" s="23"/>
      <c r="EC1047" s="23"/>
      <c r="ED1047" s="23"/>
      <c r="EE1047" s="23"/>
      <c r="EF1047" s="23"/>
      <c r="EG1047" s="23"/>
      <c r="EH1047" s="23"/>
      <c r="EI1047" s="23"/>
      <c r="EJ1047" s="23"/>
      <c r="EK1047" s="23"/>
      <c r="EL1047" s="23"/>
      <c r="EM1047" s="23"/>
      <c r="EN1047" s="23"/>
      <c r="EO1047" s="23"/>
      <c r="EP1047" s="23"/>
      <c r="EQ1047" s="23"/>
      <c r="ER1047" s="23"/>
      <c r="ES1047" s="23"/>
      <c r="ET1047" s="23"/>
      <c r="EU1047" s="23"/>
      <c r="EV1047" s="23"/>
      <c r="EW1047" s="23"/>
      <c r="EX1047" s="23"/>
      <c r="EY1047" s="23"/>
      <c r="EZ1047" s="23"/>
      <c r="FA1047" s="23"/>
      <c r="FB1047" s="23"/>
      <c r="FC1047" s="23"/>
      <c r="FD1047" s="23"/>
      <c r="FE1047" s="23"/>
      <c r="FF1047" s="23"/>
      <c r="FG1047" s="23"/>
      <c r="FH1047" s="23"/>
      <c r="FI1047" s="23"/>
      <c r="FJ1047" s="23"/>
      <c r="FK1047" s="23"/>
      <c r="FL1047" s="23"/>
      <c r="FM1047" s="23"/>
      <c r="FN1047" s="23"/>
      <c r="FO1047" s="23"/>
      <c r="FP1047" s="23"/>
      <c r="FQ1047" s="23"/>
      <c r="FR1047" s="23"/>
      <c r="FS1047" s="23"/>
      <c r="FT1047" s="23"/>
      <c r="FU1047" s="23"/>
      <c r="FV1047" s="23"/>
      <c r="FW1047" s="23"/>
      <c r="FX1047" s="23"/>
      <c r="FY1047" s="23"/>
      <c r="FZ1047" s="23"/>
      <c r="GA1047" s="23"/>
      <c r="GB1047" s="23"/>
      <c r="GC1047" s="23"/>
      <c r="GD1047" s="23"/>
      <c r="GE1047" s="23"/>
      <c r="GF1047" s="23"/>
      <c r="GG1047" s="23"/>
      <c r="GH1047" s="23"/>
      <c r="GI1047" s="23"/>
      <c r="GJ1047" s="23"/>
      <c r="GK1047" s="23"/>
      <c r="GL1047" s="23"/>
      <c r="GM1047" s="23"/>
      <c r="GN1047" s="23"/>
      <c r="GO1047" s="23"/>
      <c r="GP1047" s="23"/>
      <c r="GQ1047" s="23"/>
      <c r="GR1047" s="23"/>
      <c r="GS1047" s="23"/>
      <c r="GT1047" s="23"/>
      <c r="GU1047" s="23"/>
      <c r="GV1047" s="23"/>
      <c r="GW1047" s="23"/>
      <c r="GX1047" s="23"/>
      <c r="GY1047" s="23"/>
      <c r="GZ1047" s="23"/>
      <c r="HA1047" s="23"/>
      <c r="HB1047" s="23"/>
      <c r="HC1047" s="23"/>
      <c r="HD1047" s="23"/>
      <c r="HE1047" s="23"/>
      <c r="HF1047" s="23"/>
      <c r="HG1047" s="23"/>
      <c r="HH1047" s="23"/>
      <c r="HI1047" s="23"/>
      <c r="HJ1047" s="23"/>
      <c r="HK1047" s="23"/>
      <c r="HL1047" s="23"/>
      <c r="HM1047" s="23"/>
      <c r="HN1047" s="23"/>
      <c r="HO1047" s="23"/>
      <c r="HP1047" s="23"/>
      <c r="HQ1047" s="23"/>
      <c r="HR1047" s="23"/>
      <c r="HS1047" s="23"/>
      <c r="HT1047" s="23"/>
      <c r="HU1047" s="23"/>
      <c r="HV1047" s="23"/>
      <c r="HW1047" s="23"/>
      <c r="HX1047" s="23"/>
      <c r="HY1047" s="23"/>
      <c r="HZ1047" s="23"/>
      <c r="IA1047" s="23"/>
      <c r="IB1047" s="23"/>
      <c r="IC1047" s="23"/>
      <c r="ID1047" s="23"/>
      <c r="IE1047" s="23"/>
      <c r="IF1047" s="23"/>
      <c r="IG1047" s="23"/>
      <c r="IH1047" s="23"/>
      <c r="II1047" s="23"/>
      <c r="IJ1047" s="23"/>
      <c r="IK1047" s="23"/>
      <c r="IL1047" s="23"/>
      <c r="IM1047" s="23"/>
      <c r="IN1047" s="23"/>
      <c r="IO1047" s="23"/>
      <c r="IP1047" s="23"/>
      <c r="IQ1047" s="23"/>
    </row>
    <row r="1048" spans="1:251" s="50" customFormat="1" ht="18.75" customHeight="1">
      <c r="A1048" s="34"/>
      <c r="B1048" s="48"/>
      <c r="C1048" s="130"/>
      <c r="D1048" s="130"/>
      <c r="E1048" s="130"/>
      <c r="F1048" s="130"/>
      <c r="G1048" s="130"/>
      <c r="H1048" s="130"/>
      <c r="I1048" s="130"/>
      <c r="J1048" s="130"/>
      <c r="K1048" s="130"/>
      <c r="L1048" s="130"/>
      <c r="M1048" s="130"/>
      <c r="N1048" s="130"/>
      <c r="O1048" s="130"/>
      <c r="P1048" s="130"/>
      <c r="Q1048" s="130"/>
      <c r="R1048" s="130"/>
      <c r="S1048" s="130"/>
      <c r="T1048" s="130"/>
      <c r="U1048" s="130"/>
      <c r="V1048" s="130"/>
      <c r="W1048" s="130"/>
      <c r="X1048" s="130"/>
      <c r="Y1048" s="130"/>
      <c r="Z1048" s="131"/>
      <c r="AA1048" s="132"/>
      <c r="AB1048" s="200"/>
      <c r="AC1048" s="200"/>
      <c r="AD1048" s="200"/>
      <c r="AE1048" s="200"/>
      <c r="AF1048" s="200"/>
      <c r="AG1048" s="200"/>
      <c r="AH1048" s="200"/>
      <c r="AI1048" s="201"/>
      <c r="AJ1048" s="132"/>
      <c r="AK1048" s="133"/>
      <c r="AL1048" s="133"/>
      <c r="AM1048" s="133"/>
      <c r="AN1048" s="133"/>
      <c r="AO1048" s="133"/>
      <c r="AP1048" s="133"/>
      <c r="AQ1048" s="133"/>
      <c r="AR1048" s="134"/>
      <c r="AS1048" s="132"/>
      <c r="AT1048" s="196"/>
      <c r="AU1048" s="196"/>
      <c r="AV1048" s="196"/>
      <c r="AW1048" s="196"/>
      <c r="AX1048" s="202"/>
      <c r="AY1048" s="23"/>
      <c r="AZ1048" s="23"/>
      <c r="BA1048" s="23"/>
      <c r="BB1048" s="23"/>
      <c r="BC1048" s="23"/>
      <c r="BD1048" s="23"/>
      <c r="BE1048" s="23"/>
      <c r="BF1048" s="23"/>
      <c r="BG1048" s="23"/>
      <c r="BH1048" s="23"/>
      <c r="BI1048" s="23"/>
      <c r="BJ1048" s="23"/>
      <c r="BK1048" s="23"/>
      <c r="BL1048" s="23"/>
      <c r="BM1048" s="23"/>
      <c r="BN1048" s="23"/>
      <c r="BO1048" s="23"/>
      <c r="BP1048" s="23"/>
      <c r="BQ1048" s="23"/>
      <c r="BR1048" s="23"/>
      <c r="BS1048" s="23"/>
      <c r="BT1048" s="23"/>
      <c r="BU1048" s="23"/>
      <c r="BV1048" s="23"/>
      <c r="BW1048" s="23"/>
      <c r="BX1048" s="23"/>
      <c r="BY1048" s="23"/>
      <c r="BZ1048" s="23"/>
      <c r="CA1048" s="23"/>
      <c r="CB1048" s="23"/>
      <c r="CC1048" s="23"/>
      <c r="CD1048" s="23"/>
      <c r="CE1048" s="23"/>
      <c r="CF1048" s="23"/>
      <c r="CG1048" s="23"/>
      <c r="CH1048" s="23"/>
      <c r="CI1048" s="23"/>
      <c r="CJ1048" s="23"/>
      <c r="CK1048" s="23"/>
      <c r="CL1048" s="23"/>
      <c r="CM1048" s="23"/>
      <c r="CN1048" s="23"/>
      <c r="CO1048" s="23"/>
      <c r="CP1048" s="23"/>
      <c r="CQ1048" s="23"/>
      <c r="CR1048" s="23"/>
      <c r="CS1048" s="23"/>
      <c r="CT1048" s="23"/>
      <c r="CU1048" s="23"/>
      <c r="CV1048" s="23"/>
      <c r="CW1048" s="23"/>
      <c r="CX1048" s="23"/>
      <c r="CY1048" s="23"/>
      <c r="CZ1048" s="23"/>
      <c r="DA1048" s="23"/>
      <c r="DB1048" s="23"/>
      <c r="DC1048" s="23"/>
      <c r="DD1048" s="23"/>
      <c r="DE1048" s="23"/>
      <c r="DF1048" s="23"/>
      <c r="DG1048" s="23"/>
      <c r="DH1048" s="23"/>
      <c r="DI1048" s="23"/>
      <c r="DJ1048" s="23"/>
      <c r="DK1048" s="23"/>
      <c r="DL1048" s="23"/>
      <c r="DM1048" s="23"/>
      <c r="DN1048" s="23"/>
      <c r="DO1048" s="23"/>
      <c r="DP1048" s="23"/>
      <c r="DQ1048" s="23"/>
      <c r="DR1048" s="23"/>
      <c r="DS1048" s="23"/>
      <c r="DT1048" s="23"/>
      <c r="DU1048" s="23"/>
      <c r="DV1048" s="23"/>
      <c r="DW1048" s="23"/>
      <c r="DX1048" s="23"/>
      <c r="DY1048" s="23"/>
      <c r="DZ1048" s="23"/>
      <c r="EA1048" s="23"/>
      <c r="EB1048" s="23"/>
      <c r="EC1048" s="23"/>
      <c r="ED1048" s="23"/>
      <c r="EE1048" s="23"/>
      <c r="EF1048" s="23"/>
      <c r="EG1048" s="23"/>
      <c r="EH1048" s="23"/>
      <c r="EI1048" s="23"/>
      <c r="EJ1048" s="23"/>
      <c r="EK1048" s="23"/>
      <c r="EL1048" s="23"/>
      <c r="EM1048" s="23"/>
      <c r="EN1048" s="23"/>
      <c r="EO1048" s="23"/>
      <c r="EP1048" s="23"/>
      <c r="EQ1048" s="23"/>
      <c r="ER1048" s="23"/>
      <c r="ES1048" s="23"/>
      <c r="ET1048" s="23"/>
      <c r="EU1048" s="23"/>
      <c r="EV1048" s="23"/>
      <c r="EW1048" s="23"/>
      <c r="EX1048" s="23"/>
      <c r="EY1048" s="23"/>
      <c r="EZ1048" s="23"/>
      <c r="FA1048" s="23"/>
      <c r="FB1048" s="23"/>
      <c r="FC1048" s="23"/>
      <c r="FD1048" s="23"/>
      <c r="FE1048" s="23"/>
      <c r="FF1048" s="23"/>
      <c r="FG1048" s="23"/>
      <c r="FH1048" s="23"/>
      <c r="FI1048" s="23"/>
      <c r="FJ1048" s="23"/>
      <c r="FK1048" s="23"/>
      <c r="FL1048" s="23"/>
      <c r="FM1048" s="23"/>
      <c r="FN1048" s="23"/>
      <c r="FO1048" s="23"/>
      <c r="FP1048" s="23"/>
      <c r="FQ1048" s="23"/>
      <c r="FR1048" s="23"/>
      <c r="FS1048" s="23"/>
      <c r="FT1048" s="23"/>
      <c r="FU1048" s="23"/>
      <c r="FV1048" s="23"/>
      <c r="FW1048" s="23"/>
      <c r="FX1048" s="23"/>
      <c r="FY1048" s="23"/>
      <c r="FZ1048" s="23"/>
      <c r="GA1048" s="23"/>
      <c r="GB1048" s="23"/>
      <c r="GC1048" s="23"/>
      <c r="GD1048" s="23"/>
      <c r="GE1048" s="23"/>
      <c r="GF1048" s="23"/>
      <c r="GG1048" s="23"/>
      <c r="GH1048" s="23"/>
      <c r="GI1048" s="23"/>
      <c r="GJ1048" s="23"/>
      <c r="GK1048" s="23"/>
      <c r="GL1048" s="23"/>
      <c r="GM1048" s="23"/>
      <c r="GN1048" s="23"/>
      <c r="GO1048" s="23"/>
      <c r="GP1048" s="23"/>
      <c r="GQ1048" s="23"/>
      <c r="GR1048" s="23"/>
      <c r="GS1048" s="23"/>
      <c r="GT1048" s="23"/>
      <c r="GU1048" s="23"/>
      <c r="GV1048" s="23"/>
      <c r="GW1048" s="23"/>
      <c r="GX1048" s="23"/>
      <c r="GY1048" s="23"/>
      <c r="GZ1048" s="23"/>
      <c r="HA1048" s="23"/>
      <c r="HB1048" s="23"/>
      <c r="HC1048" s="23"/>
      <c r="HD1048" s="23"/>
      <c r="HE1048" s="23"/>
      <c r="HF1048" s="23"/>
      <c r="HG1048" s="23"/>
      <c r="HH1048" s="23"/>
      <c r="HI1048" s="23"/>
      <c r="HJ1048" s="23"/>
      <c r="HK1048" s="23"/>
      <c r="HL1048" s="23"/>
      <c r="HM1048" s="23"/>
      <c r="HN1048" s="23"/>
      <c r="HO1048" s="23"/>
      <c r="HP1048" s="23"/>
      <c r="HQ1048" s="23"/>
      <c r="HR1048" s="23"/>
      <c r="HS1048" s="23"/>
      <c r="HT1048" s="23"/>
      <c r="HU1048" s="23"/>
      <c r="HV1048" s="23"/>
      <c r="HW1048" s="23"/>
      <c r="HX1048" s="23"/>
      <c r="HY1048" s="23"/>
      <c r="HZ1048" s="23"/>
      <c r="IA1048" s="23"/>
      <c r="IB1048" s="23"/>
      <c r="IC1048" s="23"/>
      <c r="ID1048" s="23"/>
      <c r="IE1048" s="23"/>
      <c r="IF1048" s="23"/>
      <c r="IG1048" s="23"/>
      <c r="IH1048" s="23"/>
      <c r="II1048" s="23"/>
      <c r="IJ1048" s="23"/>
      <c r="IK1048" s="23"/>
      <c r="IL1048" s="23"/>
      <c r="IM1048" s="23"/>
      <c r="IN1048" s="23"/>
      <c r="IO1048" s="23"/>
      <c r="IP1048" s="23"/>
      <c r="IQ1048" s="23"/>
    </row>
    <row r="1049" spans="1:251" s="50" customFormat="1" ht="18.75" customHeight="1" thickBot="1">
      <c r="A1049" s="34"/>
      <c r="B1049" s="49"/>
      <c r="C1049" s="158"/>
      <c r="D1049" s="158"/>
      <c r="E1049" s="158"/>
      <c r="F1049" s="158"/>
      <c r="G1049" s="158"/>
      <c r="H1049" s="158"/>
      <c r="I1049" s="158"/>
      <c r="J1049" s="158"/>
      <c r="K1049" s="158"/>
      <c r="L1049" s="158"/>
      <c r="M1049" s="158"/>
      <c r="N1049" s="158"/>
      <c r="O1049" s="158"/>
      <c r="P1049" s="158"/>
      <c r="Q1049" s="158"/>
      <c r="R1049" s="158"/>
      <c r="S1049" s="158"/>
      <c r="T1049" s="158"/>
      <c r="U1049" s="158"/>
      <c r="V1049" s="158"/>
      <c r="W1049" s="158"/>
      <c r="X1049" s="158"/>
      <c r="Y1049" s="158"/>
      <c r="Z1049" s="159"/>
      <c r="AA1049" s="160"/>
      <c r="AB1049" s="211"/>
      <c r="AC1049" s="211"/>
      <c r="AD1049" s="211"/>
      <c r="AE1049" s="211"/>
      <c r="AF1049" s="211"/>
      <c r="AG1049" s="211"/>
      <c r="AH1049" s="211"/>
      <c r="AI1049" s="212"/>
      <c r="AJ1049" s="160"/>
      <c r="AK1049" s="161"/>
      <c r="AL1049" s="161"/>
      <c r="AM1049" s="161"/>
      <c r="AN1049" s="161"/>
      <c r="AO1049" s="161"/>
      <c r="AP1049" s="161"/>
      <c r="AQ1049" s="161"/>
      <c r="AR1049" s="162"/>
      <c r="AS1049" s="188"/>
      <c r="AT1049" s="213"/>
      <c r="AU1049" s="213"/>
      <c r="AV1049" s="213"/>
      <c r="AW1049" s="213"/>
      <c r="AX1049" s="214"/>
      <c r="AY1049" s="23"/>
      <c r="AZ1049" s="23"/>
      <c r="BA1049" s="23"/>
      <c r="BB1049" s="23"/>
      <c r="BC1049" s="23"/>
      <c r="BD1049" s="23"/>
      <c r="BE1049" s="23"/>
      <c r="BF1049" s="23"/>
      <c r="BG1049" s="23"/>
      <c r="BH1049" s="23"/>
      <c r="BI1049" s="23"/>
      <c r="BJ1049" s="23"/>
      <c r="BK1049" s="23"/>
      <c r="BL1049" s="23"/>
      <c r="BM1049" s="23"/>
      <c r="BN1049" s="23"/>
      <c r="BO1049" s="23"/>
      <c r="BP1049" s="23"/>
      <c r="BQ1049" s="23"/>
      <c r="BR1049" s="23"/>
      <c r="BS1049" s="23"/>
      <c r="BT1049" s="23"/>
      <c r="BU1049" s="23"/>
      <c r="BV1049" s="23"/>
      <c r="BW1049" s="23"/>
      <c r="BX1049" s="23"/>
      <c r="BY1049" s="23"/>
      <c r="BZ1049" s="23"/>
      <c r="CA1049" s="23"/>
      <c r="CB1049" s="23"/>
      <c r="CC1049" s="23"/>
      <c r="CD1049" s="23"/>
      <c r="CE1049" s="23"/>
      <c r="CF1049" s="23"/>
      <c r="CG1049" s="23"/>
      <c r="CH1049" s="23"/>
      <c r="CI1049" s="23"/>
      <c r="CJ1049" s="23"/>
      <c r="CK1049" s="23"/>
      <c r="CL1049" s="23"/>
      <c r="CM1049" s="23"/>
      <c r="CN1049" s="23"/>
      <c r="CO1049" s="23"/>
      <c r="CP1049" s="23"/>
      <c r="CQ1049" s="23"/>
      <c r="CR1049" s="23"/>
      <c r="CS1049" s="23"/>
      <c r="CT1049" s="23"/>
      <c r="CU1049" s="23"/>
      <c r="CV1049" s="23"/>
      <c r="CW1049" s="23"/>
      <c r="CX1049" s="23"/>
      <c r="CY1049" s="23"/>
      <c r="CZ1049" s="23"/>
      <c r="DA1049" s="23"/>
      <c r="DB1049" s="23"/>
      <c r="DC1049" s="23"/>
      <c r="DD1049" s="23"/>
      <c r="DE1049" s="23"/>
      <c r="DF1049" s="23"/>
      <c r="DG1049" s="23"/>
      <c r="DH1049" s="23"/>
      <c r="DI1049" s="23"/>
      <c r="DJ1049" s="23"/>
      <c r="DK1049" s="23"/>
      <c r="DL1049" s="23"/>
      <c r="DM1049" s="23"/>
      <c r="DN1049" s="23"/>
      <c r="DO1049" s="23"/>
      <c r="DP1049" s="23"/>
      <c r="DQ1049" s="23"/>
      <c r="DR1049" s="23"/>
      <c r="DS1049" s="23"/>
      <c r="DT1049" s="23"/>
      <c r="DU1049" s="23"/>
      <c r="DV1049" s="23"/>
      <c r="DW1049" s="23"/>
      <c r="DX1049" s="23"/>
      <c r="DY1049" s="23"/>
      <c r="DZ1049" s="23"/>
      <c r="EA1049" s="23"/>
      <c r="EB1049" s="23"/>
      <c r="EC1049" s="23"/>
      <c r="ED1049" s="23"/>
      <c r="EE1049" s="23"/>
      <c r="EF1049" s="23"/>
      <c r="EG1049" s="23"/>
      <c r="EH1049" s="23"/>
      <c r="EI1049" s="23"/>
      <c r="EJ1049" s="23"/>
      <c r="EK1049" s="23"/>
      <c r="EL1049" s="23"/>
      <c r="EM1049" s="23"/>
      <c r="EN1049" s="23"/>
      <c r="EO1049" s="23"/>
      <c r="EP1049" s="23"/>
      <c r="EQ1049" s="23"/>
      <c r="ER1049" s="23"/>
      <c r="ES1049" s="23"/>
      <c r="ET1049" s="23"/>
      <c r="EU1049" s="23"/>
      <c r="EV1049" s="23"/>
      <c r="EW1049" s="23"/>
      <c r="EX1049" s="23"/>
      <c r="EY1049" s="23"/>
      <c r="EZ1049" s="23"/>
      <c r="FA1049" s="23"/>
      <c r="FB1049" s="23"/>
      <c r="FC1049" s="23"/>
      <c r="FD1049" s="23"/>
      <c r="FE1049" s="23"/>
      <c r="FF1049" s="23"/>
      <c r="FG1049" s="23"/>
      <c r="FH1049" s="23"/>
      <c r="FI1049" s="23"/>
      <c r="FJ1049" s="23"/>
      <c r="FK1049" s="23"/>
      <c r="FL1049" s="23"/>
      <c r="FM1049" s="23"/>
      <c r="FN1049" s="23"/>
      <c r="FO1049" s="23"/>
      <c r="FP1049" s="23"/>
      <c r="FQ1049" s="23"/>
      <c r="FR1049" s="23"/>
      <c r="FS1049" s="23"/>
      <c r="FT1049" s="23"/>
      <c r="FU1049" s="23"/>
      <c r="FV1049" s="23"/>
      <c r="FW1049" s="23"/>
      <c r="FX1049" s="23"/>
      <c r="FY1049" s="23"/>
      <c r="FZ1049" s="23"/>
      <c r="GA1049" s="23"/>
      <c r="GB1049" s="23"/>
      <c r="GC1049" s="23"/>
      <c r="GD1049" s="23"/>
      <c r="GE1049" s="23"/>
      <c r="GF1049" s="23"/>
      <c r="GG1049" s="23"/>
      <c r="GH1049" s="23"/>
      <c r="GI1049" s="23"/>
      <c r="GJ1049" s="23"/>
      <c r="GK1049" s="23"/>
      <c r="GL1049" s="23"/>
      <c r="GM1049" s="23"/>
      <c r="GN1049" s="23"/>
      <c r="GO1049" s="23"/>
      <c r="GP1049" s="23"/>
      <c r="GQ1049" s="23"/>
      <c r="GR1049" s="23"/>
      <c r="GS1049" s="23"/>
      <c r="GT1049" s="23"/>
      <c r="GU1049" s="23"/>
      <c r="GV1049" s="23"/>
      <c r="GW1049" s="23"/>
      <c r="GX1049" s="23"/>
      <c r="GY1049" s="23"/>
      <c r="GZ1049" s="23"/>
      <c r="HA1049" s="23"/>
      <c r="HB1049" s="23"/>
      <c r="HC1049" s="23"/>
      <c r="HD1049" s="23"/>
      <c r="HE1049" s="23"/>
      <c r="HF1049" s="23"/>
      <c r="HG1049" s="23"/>
      <c r="HH1049" s="23"/>
      <c r="HI1049" s="23"/>
      <c r="HJ1049" s="23"/>
      <c r="HK1049" s="23"/>
      <c r="HL1049" s="23"/>
      <c r="HM1049" s="23"/>
      <c r="HN1049" s="23"/>
      <c r="HO1049" s="23"/>
      <c r="HP1049" s="23"/>
      <c r="HQ1049" s="23"/>
      <c r="HR1049" s="23"/>
      <c r="HS1049" s="23"/>
      <c r="HT1049" s="23"/>
      <c r="HU1049" s="23"/>
      <c r="HV1049" s="23"/>
      <c r="HW1049" s="23"/>
      <c r="HX1049" s="23"/>
      <c r="HY1049" s="23"/>
      <c r="HZ1049" s="23"/>
      <c r="IA1049" s="23"/>
      <c r="IB1049" s="23"/>
      <c r="IC1049" s="23"/>
      <c r="ID1049" s="23"/>
      <c r="IE1049" s="23"/>
      <c r="IF1049" s="23"/>
      <c r="IG1049" s="23"/>
      <c r="IH1049" s="23"/>
      <c r="II1049" s="23"/>
      <c r="IJ1049" s="23"/>
      <c r="IK1049" s="23"/>
      <c r="IL1049" s="23"/>
      <c r="IM1049" s="23"/>
      <c r="IN1049" s="23"/>
      <c r="IO1049" s="23"/>
      <c r="IP1049" s="23"/>
      <c r="IQ1049" s="23"/>
    </row>
    <row r="1050" spans="1:251" s="50" customFormat="1" ht="18.75" customHeight="1" thickTop="1" thickBot="1">
      <c r="A1050" s="38"/>
      <c r="B1050" s="164" t="s">
        <v>105</v>
      </c>
      <c r="C1050" s="191"/>
      <c r="D1050" s="191"/>
      <c r="E1050" s="191"/>
      <c r="F1050" s="191"/>
      <c r="G1050" s="191"/>
      <c r="H1050" s="191"/>
      <c r="I1050" s="191"/>
      <c r="J1050" s="191"/>
      <c r="K1050" s="191"/>
      <c r="L1050" s="191"/>
      <c r="M1050" s="191"/>
      <c r="N1050" s="191"/>
      <c r="O1050" s="191"/>
      <c r="P1050" s="191"/>
      <c r="Q1050" s="191"/>
      <c r="R1050" s="191"/>
      <c r="S1050" s="191"/>
      <c r="T1050" s="191"/>
      <c r="U1050" s="191"/>
      <c r="V1050" s="191"/>
      <c r="W1050" s="191"/>
      <c r="X1050" s="191"/>
      <c r="Y1050" s="191"/>
      <c r="Z1050" s="192"/>
      <c r="AA1050" s="167">
        <f>SUM(AA1042:AA1049)</f>
        <v>2022798</v>
      </c>
      <c r="AB1050" s="215"/>
      <c r="AC1050" s="215"/>
      <c r="AD1050" s="215"/>
      <c r="AE1050" s="215"/>
      <c r="AF1050" s="215"/>
      <c r="AG1050" s="215"/>
      <c r="AH1050" s="215"/>
      <c r="AI1050" s="216"/>
      <c r="AJ1050" s="167">
        <f>SUM(AJ1042:AJ1049)</f>
        <v>7236758</v>
      </c>
      <c r="AK1050" s="215"/>
      <c r="AL1050" s="215"/>
      <c r="AM1050" s="215"/>
      <c r="AN1050" s="215"/>
      <c r="AO1050" s="215"/>
      <c r="AP1050" s="215"/>
      <c r="AQ1050" s="215"/>
      <c r="AR1050" s="216"/>
      <c r="AS1050" s="167"/>
      <c r="AT1050" s="215"/>
      <c r="AU1050" s="215"/>
      <c r="AV1050" s="215"/>
      <c r="AW1050" s="215"/>
      <c r="AX1050" s="217"/>
      <c r="AY1050" s="23"/>
      <c r="AZ1050" s="23"/>
      <c r="BA1050" s="23"/>
      <c r="BB1050" s="23"/>
      <c r="BC1050" s="23"/>
      <c r="BD1050" s="23"/>
      <c r="BE1050" s="23"/>
      <c r="BF1050" s="23"/>
      <c r="BG1050" s="23"/>
      <c r="BH1050" s="23"/>
      <c r="BI1050" s="23"/>
      <c r="BJ1050" s="23"/>
      <c r="BK1050" s="23"/>
      <c r="BL1050" s="23"/>
      <c r="BM1050" s="23"/>
      <c r="BN1050" s="23"/>
      <c r="BO1050" s="23"/>
      <c r="BP1050" s="23"/>
      <c r="BQ1050" s="23"/>
      <c r="BR1050" s="23"/>
      <c r="BS1050" s="23"/>
      <c r="BT1050" s="23"/>
      <c r="BU1050" s="23"/>
      <c r="BV1050" s="23"/>
      <c r="BW1050" s="23"/>
      <c r="BX1050" s="23"/>
      <c r="BY1050" s="23"/>
      <c r="BZ1050" s="23"/>
      <c r="CA1050" s="23"/>
      <c r="CB1050" s="23"/>
      <c r="CC1050" s="23"/>
      <c r="CD1050" s="23"/>
      <c r="CE1050" s="23"/>
      <c r="CF1050" s="23"/>
      <c r="CG1050" s="23"/>
      <c r="CH1050" s="23"/>
      <c r="CI1050" s="23"/>
      <c r="CJ1050" s="23"/>
      <c r="CK1050" s="23"/>
      <c r="CL1050" s="23"/>
      <c r="CM1050" s="23"/>
      <c r="CN1050" s="23"/>
      <c r="CO1050" s="23"/>
      <c r="CP1050" s="23"/>
      <c r="CQ1050" s="23"/>
      <c r="CR1050" s="23"/>
      <c r="CS1050" s="23"/>
      <c r="CT1050" s="23"/>
      <c r="CU1050" s="23"/>
      <c r="CV1050" s="23"/>
      <c r="CW1050" s="23"/>
      <c r="CX1050" s="23"/>
      <c r="CY1050" s="23"/>
      <c r="CZ1050" s="23"/>
      <c r="DA1050" s="23"/>
      <c r="DB1050" s="23"/>
      <c r="DC1050" s="23"/>
      <c r="DD1050" s="23"/>
      <c r="DE1050" s="23"/>
      <c r="DF1050" s="23"/>
      <c r="DG1050" s="23"/>
      <c r="DH1050" s="23"/>
      <c r="DI1050" s="23"/>
      <c r="DJ1050" s="23"/>
      <c r="DK1050" s="23"/>
      <c r="DL1050" s="23"/>
      <c r="DM1050" s="23"/>
      <c r="DN1050" s="23"/>
      <c r="DO1050" s="23"/>
      <c r="DP1050" s="23"/>
      <c r="DQ1050" s="23"/>
      <c r="DR1050" s="23"/>
      <c r="DS1050" s="23"/>
      <c r="DT1050" s="23"/>
      <c r="DU1050" s="23"/>
      <c r="DV1050" s="23"/>
      <c r="DW1050" s="23"/>
      <c r="DX1050" s="23"/>
      <c r="DY1050" s="23"/>
      <c r="DZ1050" s="23"/>
      <c r="EA1050" s="23"/>
      <c r="EB1050" s="23"/>
      <c r="EC1050" s="23"/>
      <c r="ED1050" s="23"/>
      <c r="EE1050" s="23"/>
      <c r="EF1050" s="23"/>
      <c r="EG1050" s="23"/>
      <c r="EH1050" s="23"/>
      <c r="EI1050" s="23"/>
      <c r="EJ1050" s="23"/>
      <c r="EK1050" s="23"/>
      <c r="EL1050" s="23"/>
      <c r="EM1050" s="23"/>
      <c r="EN1050" s="23"/>
      <c r="EO1050" s="23"/>
      <c r="EP1050" s="23"/>
      <c r="EQ1050" s="23"/>
      <c r="ER1050" s="23"/>
      <c r="ES1050" s="23"/>
      <c r="ET1050" s="23"/>
      <c r="EU1050" s="23"/>
      <c r="EV1050" s="23"/>
      <c r="EW1050" s="23"/>
      <c r="EX1050" s="23"/>
      <c r="EY1050" s="23"/>
      <c r="EZ1050" s="23"/>
      <c r="FA1050" s="23"/>
      <c r="FB1050" s="23"/>
      <c r="FC1050" s="23"/>
      <c r="FD1050" s="23"/>
      <c r="FE1050" s="23"/>
      <c r="FF1050" s="23"/>
      <c r="FG1050" s="23"/>
      <c r="FH1050" s="23"/>
      <c r="FI1050" s="23"/>
      <c r="FJ1050" s="23"/>
      <c r="FK1050" s="23"/>
      <c r="FL1050" s="23"/>
      <c r="FM1050" s="23"/>
      <c r="FN1050" s="23"/>
      <c r="FO1050" s="23"/>
      <c r="FP1050" s="23"/>
      <c r="FQ1050" s="23"/>
      <c r="FR1050" s="23"/>
      <c r="FS1050" s="23"/>
      <c r="FT1050" s="23"/>
      <c r="FU1050" s="23"/>
      <c r="FV1050" s="23"/>
      <c r="FW1050" s="23"/>
      <c r="FX1050" s="23"/>
      <c r="FY1050" s="23"/>
      <c r="FZ1050" s="23"/>
      <c r="GA1050" s="23"/>
      <c r="GB1050" s="23"/>
      <c r="GC1050" s="23"/>
      <c r="GD1050" s="23"/>
      <c r="GE1050" s="23"/>
      <c r="GF1050" s="23"/>
      <c r="GG1050" s="23"/>
      <c r="GH1050" s="23"/>
      <c r="GI1050" s="23"/>
      <c r="GJ1050" s="23"/>
      <c r="GK1050" s="23"/>
      <c r="GL1050" s="23"/>
      <c r="GM1050" s="23"/>
      <c r="GN1050" s="23"/>
      <c r="GO1050" s="23"/>
      <c r="GP1050" s="23"/>
      <c r="GQ1050" s="23"/>
      <c r="GR1050" s="23"/>
      <c r="GS1050" s="23"/>
      <c r="GT1050" s="23"/>
      <c r="GU1050" s="23"/>
      <c r="GV1050" s="23"/>
      <c r="GW1050" s="23"/>
      <c r="GX1050" s="23"/>
      <c r="GY1050" s="23"/>
      <c r="GZ1050" s="23"/>
      <c r="HA1050" s="23"/>
      <c r="HB1050" s="23"/>
      <c r="HC1050" s="23"/>
      <c r="HD1050" s="23"/>
      <c r="HE1050" s="23"/>
      <c r="HF1050" s="23"/>
      <c r="HG1050" s="23"/>
      <c r="HH1050" s="23"/>
      <c r="HI1050" s="23"/>
      <c r="HJ1050" s="23"/>
      <c r="HK1050" s="23"/>
      <c r="HL1050" s="23"/>
      <c r="HM1050" s="23"/>
      <c r="HN1050" s="23"/>
      <c r="HO1050" s="23"/>
      <c r="HP1050" s="23"/>
      <c r="HQ1050" s="23"/>
      <c r="HR1050" s="23"/>
      <c r="HS1050" s="23"/>
      <c r="HT1050" s="23"/>
      <c r="HU1050" s="23"/>
      <c r="HV1050" s="23"/>
      <c r="HW1050" s="23"/>
      <c r="HX1050" s="23"/>
      <c r="HY1050" s="23"/>
      <c r="HZ1050" s="23"/>
      <c r="IA1050" s="23"/>
      <c r="IB1050" s="23"/>
      <c r="IC1050" s="23"/>
      <c r="ID1050" s="23"/>
      <c r="IE1050" s="23"/>
      <c r="IF1050" s="23"/>
      <c r="IG1050" s="23"/>
      <c r="IH1050" s="23"/>
      <c r="II1050" s="23"/>
      <c r="IJ1050" s="23"/>
      <c r="IK1050" s="23"/>
      <c r="IL1050" s="23"/>
      <c r="IM1050" s="23"/>
      <c r="IN1050" s="23"/>
      <c r="IO1050" s="23"/>
      <c r="IP1050" s="23"/>
      <c r="IQ1050" s="23"/>
    </row>
    <row r="1052" spans="1:251" s="23" customFormat="1" ht="19.2">
      <c r="A1052" s="22" t="s">
        <v>86</v>
      </c>
      <c r="AW1052" s="24"/>
      <c r="AX1052" s="25"/>
      <c r="AY1052" s="24"/>
    </row>
    <row r="1053" spans="1:251" s="23" customFormat="1" ht="13.2"/>
    <row r="1054" spans="1:251" s="23" customFormat="1" ht="18" customHeight="1">
      <c r="A1054" s="26"/>
      <c r="B1054" s="115" t="s">
        <v>87</v>
      </c>
      <c r="C1054" s="153"/>
      <c r="D1054" s="153"/>
      <c r="E1054" s="153"/>
      <c r="F1054" s="153"/>
      <c r="G1054" s="153"/>
      <c r="H1054" s="153"/>
      <c r="I1054" s="153"/>
      <c r="J1054" s="153"/>
      <c r="K1054" s="153"/>
      <c r="L1054" s="153"/>
      <c r="M1054" s="153"/>
      <c r="N1054" s="153"/>
      <c r="O1054" s="153"/>
      <c r="P1054" s="153"/>
      <c r="Q1054" s="153"/>
      <c r="R1054" s="153"/>
      <c r="S1054" s="153"/>
      <c r="T1054" s="153"/>
      <c r="U1054" s="153"/>
      <c r="V1054" s="153"/>
      <c r="W1054" s="153"/>
      <c r="X1054" s="153"/>
      <c r="Y1054" s="153"/>
      <c r="Z1054" s="153"/>
      <c r="AA1054" s="153"/>
      <c r="AB1054" s="153"/>
      <c r="AC1054" s="153"/>
      <c r="AD1054" s="153"/>
      <c r="AE1054" s="153"/>
      <c r="AF1054" s="153"/>
      <c r="AG1054" s="153"/>
      <c r="AH1054" s="153"/>
      <c r="AI1054" s="153"/>
      <c r="AJ1054" s="153"/>
      <c r="AK1054" s="153"/>
      <c r="AL1054" s="153"/>
      <c r="AM1054" s="153"/>
      <c r="AN1054" s="153"/>
      <c r="AO1054" s="153"/>
      <c r="AP1054" s="153"/>
      <c r="AQ1054" s="153"/>
      <c r="AR1054" s="153"/>
      <c r="AS1054" s="153"/>
      <c r="AT1054" s="153"/>
      <c r="AU1054" s="153"/>
      <c r="AV1054" s="153"/>
      <c r="AW1054" s="153"/>
      <c r="AX1054" s="153"/>
      <c r="AY1054" s="26"/>
    </row>
    <row r="1055" spans="1:251" s="23" customFormat="1" ht="13.2">
      <c r="Z1055" s="27"/>
      <c r="AD1055" s="27"/>
      <c r="AE1055" s="27"/>
      <c r="AF1055" s="27"/>
      <c r="AG1055" s="27"/>
      <c r="AH1055" s="27"/>
      <c r="AI1055" s="27"/>
      <c r="AO1055" s="27"/>
    </row>
    <row r="1056" spans="1:251" s="23" customFormat="1" ht="13.8" thickBot="1">
      <c r="Z1056" s="27"/>
      <c r="AD1056" s="27"/>
      <c r="AE1056" s="27"/>
      <c r="AF1056" s="27"/>
      <c r="AG1056" s="27"/>
      <c r="AH1056" s="27"/>
      <c r="AI1056" s="27"/>
      <c r="AO1056" s="27"/>
      <c r="DI1056" s="28"/>
    </row>
    <row r="1057" spans="1:113" s="23" customFormat="1" ht="24.6" customHeight="1" thickBot="1">
      <c r="A1057" s="116" t="s">
        <v>88</v>
      </c>
      <c r="B1057" s="117"/>
      <c r="C1057" s="117"/>
      <c r="D1057" s="117"/>
      <c r="E1057" s="117"/>
      <c r="F1057" s="117"/>
      <c r="G1057" s="117"/>
      <c r="H1057" s="117"/>
      <c r="I1057" s="117"/>
      <c r="J1057" s="117"/>
      <c r="K1057" s="118"/>
      <c r="L1057" s="154">
        <v>31</v>
      </c>
      <c r="M1057" s="154"/>
      <c r="N1057" s="154"/>
      <c r="O1057" s="155"/>
      <c r="P1057" s="122" t="s">
        <v>89</v>
      </c>
      <c r="Q1057" s="120"/>
      <c r="R1057" s="120"/>
      <c r="S1057" s="120"/>
      <c r="T1057" s="120"/>
      <c r="U1057" s="123"/>
      <c r="V1057" s="156" t="s">
        <v>195</v>
      </c>
      <c r="W1057" s="156"/>
      <c r="X1057" s="156"/>
      <c r="Y1057" s="156"/>
      <c r="Z1057" s="156"/>
      <c r="AA1057" s="156"/>
      <c r="AB1057" s="156"/>
      <c r="AC1057" s="156"/>
      <c r="AD1057" s="156"/>
      <c r="AE1057" s="156"/>
      <c r="AF1057" s="156"/>
      <c r="AG1057" s="156"/>
      <c r="AH1057" s="156"/>
      <c r="AI1057" s="156"/>
      <c r="AJ1057" s="156"/>
      <c r="AK1057" s="156"/>
      <c r="AL1057" s="156"/>
      <c r="AM1057" s="156"/>
      <c r="AN1057" s="156"/>
      <c r="AO1057" s="156"/>
      <c r="AP1057" s="156"/>
      <c r="AQ1057" s="156"/>
      <c r="AR1057" s="156"/>
      <c r="AS1057" s="156"/>
      <c r="AT1057" s="156"/>
      <c r="AU1057" s="156"/>
      <c r="AV1057" s="156"/>
      <c r="AW1057" s="156"/>
      <c r="AX1057" s="157"/>
      <c r="DI1057" s="28"/>
    </row>
    <row r="1058" spans="1:113" s="23" customFormat="1" ht="14.4">
      <c r="A1058" s="29"/>
      <c r="B1058" s="29"/>
      <c r="C1058" s="29"/>
      <c r="D1058" s="29"/>
      <c r="E1058" s="29"/>
      <c r="F1058" s="29"/>
      <c r="G1058" s="29"/>
      <c r="H1058" s="29"/>
      <c r="I1058" s="29"/>
      <c r="J1058" s="29"/>
      <c r="K1058" s="29"/>
      <c r="L1058" s="30"/>
      <c r="M1058" s="30"/>
      <c r="N1058" s="30"/>
      <c r="O1058" s="30"/>
      <c r="P1058" s="29"/>
      <c r="Q1058" s="29"/>
      <c r="R1058" s="29"/>
      <c r="S1058" s="29"/>
      <c r="T1058" s="29"/>
      <c r="U1058" s="29"/>
      <c r="V1058" s="31"/>
      <c r="W1058" s="31"/>
      <c r="X1058" s="31"/>
      <c r="Y1058" s="31"/>
      <c r="Z1058" s="31"/>
      <c r="AA1058" s="31"/>
      <c r="AB1058" s="31"/>
      <c r="AC1058" s="31"/>
      <c r="AD1058" s="31"/>
      <c r="AE1058" s="31"/>
      <c r="AF1058" s="31"/>
      <c r="AG1058" s="31"/>
      <c r="AH1058" s="31"/>
      <c r="AI1058" s="31"/>
      <c r="AJ1058" s="31"/>
      <c r="AK1058" s="31"/>
      <c r="AL1058" s="31"/>
      <c r="AM1058" s="31"/>
      <c r="AN1058" s="31"/>
      <c r="AO1058" s="31"/>
      <c r="AP1058" s="31"/>
      <c r="AQ1058" s="31"/>
      <c r="AR1058" s="31"/>
      <c r="AS1058" s="31"/>
      <c r="AT1058" s="31"/>
      <c r="AU1058" s="31"/>
      <c r="AV1058" s="31"/>
      <c r="AW1058" s="31"/>
      <c r="AX1058" s="31"/>
      <c r="DI1058" s="28"/>
    </row>
    <row r="1059" spans="1:113" s="23" customFormat="1" ht="15" thickBot="1">
      <c r="A1059" s="32"/>
      <c r="B1059" s="33" t="s">
        <v>91</v>
      </c>
      <c r="C1059" s="34"/>
      <c r="D1059" s="34"/>
      <c r="E1059" s="34"/>
      <c r="F1059" s="34"/>
      <c r="G1059" s="34"/>
      <c r="H1059" s="34"/>
      <c r="I1059" s="34"/>
      <c r="J1059" s="34"/>
      <c r="K1059" s="34"/>
      <c r="L1059" s="35"/>
      <c r="M1059" s="35"/>
      <c r="N1059" s="35"/>
      <c r="O1059" s="35"/>
      <c r="P1059" s="34"/>
      <c r="Q1059" s="34"/>
      <c r="R1059" s="34"/>
      <c r="S1059" s="34"/>
      <c r="T1059" s="34"/>
      <c r="U1059" s="34"/>
      <c r="V1059" s="33"/>
      <c r="W1059" s="33"/>
      <c r="X1059" s="33"/>
      <c r="Y1059" s="33"/>
      <c r="Z1059" s="33"/>
      <c r="AA1059" s="33"/>
      <c r="AB1059" s="33"/>
      <c r="AC1059" s="33"/>
      <c r="AD1059" s="33"/>
      <c r="AE1059" s="33"/>
      <c r="AF1059" s="33"/>
      <c r="AG1059" s="33"/>
      <c r="AH1059" s="33"/>
      <c r="AI1059" s="33"/>
      <c r="AJ1059" s="33"/>
      <c r="AK1059" s="33"/>
      <c r="AL1059" s="33"/>
      <c r="AM1059" s="33"/>
      <c r="AN1059" s="33"/>
      <c r="AO1059" s="33"/>
      <c r="AP1059" s="33"/>
      <c r="AQ1059" s="33"/>
      <c r="AR1059" s="33"/>
      <c r="AS1059" s="33"/>
      <c r="AT1059" s="33"/>
      <c r="AU1059" s="33"/>
      <c r="AV1059" s="33"/>
      <c r="AW1059" s="33"/>
      <c r="AX1059" s="33"/>
      <c r="DI1059" s="28"/>
    </row>
    <row r="1060" spans="1:113" s="23" customFormat="1" ht="14.4">
      <c r="A1060" s="34"/>
      <c r="B1060" s="36"/>
      <c r="C1060" s="29"/>
      <c r="D1060" s="29"/>
      <c r="E1060" s="29"/>
      <c r="F1060" s="29"/>
      <c r="G1060" s="29"/>
      <c r="H1060" s="29"/>
      <c r="I1060" s="29"/>
      <c r="J1060" s="29"/>
      <c r="K1060" s="29"/>
      <c r="L1060" s="30"/>
      <c r="M1060" s="30"/>
      <c r="N1060" s="30"/>
      <c r="O1060" s="30"/>
      <c r="P1060" s="29"/>
      <c r="Q1060" s="29"/>
      <c r="R1060" s="29"/>
      <c r="S1060" s="29"/>
      <c r="T1060" s="29"/>
      <c r="U1060" s="29"/>
      <c r="V1060" s="31"/>
      <c r="W1060" s="31"/>
      <c r="X1060" s="31"/>
      <c r="Y1060" s="31"/>
      <c r="Z1060" s="31"/>
      <c r="AA1060" s="31"/>
      <c r="AB1060" s="31"/>
      <c r="AC1060" s="31"/>
      <c r="AD1060" s="31"/>
      <c r="AE1060" s="31"/>
      <c r="AF1060" s="31"/>
      <c r="AG1060" s="31"/>
      <c r="AH1060" s="31"/>
      <c r="AI1060" s="31"/>
      <c r="AJ1060" s="31"/>
      <c r="AK1060" s="31"/>
      <c r="AL1060" s="31"/>
      <c r="AM1060" s="31"/>
      <c r="AN1060" s="31"/>
      <c r="AO1060" s="31"/>
      <c r="AP1060" s="31"/>
      <c r="AQ1060" s="31"/>
      <c r="AR1060" s="31"/>
      <c r="AS1060" s="31"/>
      <c r="AT1060" s="31"/>
      <c r="AU1060" s="31"/>
      <c r="AV1060" s="31"/>
      <c r="AW1060" s="31"/>
      <c r="AX1060" s="37"/>
    </row>
    <row r="1061" spans="1:113" s="23" customFormat="1" ht="10.8" customHeight="1">
      <c r="A1061" s="34"/>
      <c r="B1061" s="127" t="s">
        <v>196</v>
      </c>
      <c r="C1061" s="128"/>
      <c r="D1061" s="128"/>
      <c r="E1061" s="128"/>
      <c r="F1061" s="128"/>
      <c r="G1061" s="128"/>
      <c r="H1061" s="128"/>
      <c r="I1061" s="128"/>
      <c r="J1061" s="128"/>
      <c r="K1061" s="128"/>
      <c r="L1061" s="128"/>
      <c r="M1061" s="128"/>
      <c r="N1061" s="128"/>
      <c r="O1061" s="128"/>
      <c r="P1061" s="128"/>
      <c r="Q1061" s="128"/>
      <c r="R1061" s="128"/>
      <c r="S1061" s="128"/>
      <c r="T1061" s="128"/>
      <c r="U1061" s="128"/>
      <c r="V1061" s="128"/>
      <c r="W1061" s="128"/>
      <c r="X1061" s="128"/>
      <c r="Y1061" s="128"/>
      <c r="Z1061" s="128"/>
      <c r="AA1061" s="128"/>
      <c r="AB1061" s="128"/>
      <c r="AC1061" s="128"/>
      <c r="AD1061" s="128"/>
      <c r="AE1061" s="128"/>
      <c r="AF1061" s="128"/>
      <c r="AG1061" s="128"/>
      <c r="AH1061" s="128"/>
      <c r="AI1061" s="128"/>
      <c r="AJ1061" s="128"/>
      <c r="AK1061" s="128"/>
      <c r="AL1061" s="128"/>
      <c r="AM1061" s="128"/>
      <c r="AN1061" s="128"/>
      <c r="AO1061" s="128"/>
      <c r="AP1061" s="128"/>
      <c r="AQ1061" s="128"/>
      <c r="AR1061" s="128"/>
      <c r="AS1061" s="128"/>
      <c r="AT1061" s="128"/>
      <c r="AU1061" s="128"/>
      <c r="AV1061" s="128"/>
      <c r="AW1061" s="128"/>
      <c r="AX1061" s="129"/>
    </row>
    <row r="1062" spans="1:113" s="23" customFormat="1" ht="10.8" customHeight="1">
      <c r="A1062" s="34"/>
      <c r="B1062" s="127"/>
      <c r="C1062" s="128"/>
      <c r="D1062" s="128"/>
      <c r="E1062" s="128"/>
      <c r="F1062" s="128"/>
      <c r="G1062" s="128"/>
      <c r="H1062" s="128"/>
      <c r="I1062" s="128"/>
      <c r="J1062" s="128"/>
      <c r="K1062" s="128"/>
      <c r="L1062" s="128"/>
      <c r="M1062" s="128"/>
      <c r="N1062" s="128"/>
      <c r="O1062" s="128"/>
      <c r="P1062" s="128"/>
      <c r="Q1062" s="128"/>
      <c r="R1062" s="128"/>
      <c r="S1062" s="128"/>
      <c r="T1062" s="128"/>
      <c r="U1062" s="128"/>
      <c r="V1062" s="128"/>
      <c r="W1062" s="128"/>
      <c r="X1062" s="128"/>
      <c r="Y1062" s="128"/>
      <c r="Z1062" s="128"/>
      <c r="AA1062" s="128"/>
      <c r="AB1062" s="128"/>
      <c r="AC1062" s="128"/>
      <c r="AD1062" s="128"/>
      <c r="AE1062" s="128"/>
      <c r="AF1062" s="128"/>
      <c r="AG1062" s="128"/>
      <c r="AH1062" s="128"/>
      <c r="AI1062" s="128"/>
      <c r="AJ1062" s="128"/>
      <c r="AK1062" s="128"/>
      <c r="AL1062" s="128"/>
      <c r="AM1062" s="128"/>
      <c r="AN1062" s="128"/>
      <c r="AO1062" s="128"/>
      <c r="AP1062" s="128"/>
      <c r="AQ1062" s="128"/>
      <c r="AR1062" s="128"/>
      <c r="AS1062" s="128"/>
      <c r="AT1062" s="128"/>
      <c r="AU1062" s="128"/>
      <c r="AV1062" s="128"/>
      <c r="AW1062" s="128"/>
      <c r="AX1062" s="129"/>
      <c r="BC1062" s="17"/>
    </row>
    <row r="1063" spans="1:113" s="23" customFormat="1" ht="10.8" customHeight="1">
      <c r="A1063" s="34"/>
      <c r="B1063" s="127"/>
      <c r="C1063" s="128"/>
      <c r="D1063" s="128"/>
      <c r="E1063" s="128"/>
      <c r="F1063" s="128"/>
      <c r="G1063" s="128"/>
      <c r="H1063" s="128"/>
      <c r="I1063" s="128"/>
      <c r="J1063" s="128"/>
      <c r="K1063" s="128"/>
      <c r="L1063" s="128"/>
      <c r="M1063" s="128"/>
      <c r="N1063" s="128"/>
      <c r="O1063" s="128"/>
      <c r="P1063" s="128"/>
      <c r="Q1063" s="128"/>
      <c r="R1063" s="128"/>
      <c r="S1063" s="128"/>
      <c r="T1063" s="128"/>
      <c r="U1063" s="128"/>
      <c r="V1063" s="128"/>
      <c r="W1063" s="128"/>
      <c r="X1063" s="128"/>
      <c r="Y1063" s="128"/>
      <c r="Z1063" s="128"/>
      <c r="AA1063" s="128"/>
      <c r="AB1063" s="128"/>
      <c r="AC1063" s="128"/>
      <c r="AD1063" s="128"/>
      <c r="AE1063" s="128"/>
      <c r="AF1063" s="128"/>
      <c r="AG1063" s="128"/>
      <c r="AH1063" s="128"/>
      <c r="AI1063" s="128"/>
      <c r="AJ1063" s="128"/>
      <c r="AK1063" s="128"/>
      <c r="AL1063" s="128"/>
      <c r="AM1063" s="128"/>
      <c r="AN1063" s="128"/>
      <c r="AO1063" s="128"/>
      <c r="AP1063" s="128"/>
      <c r="AQ1063" s="128"/>
      <c r="AR1063" s="128"/>
      <c r="AS1063" s="128"/>
      <c r="AT1063" s="128"/>
      <c r="AU1063" s="128"/>
      <c r="AV1063" s="128"/>
      <c r="AW1063" s="128"/>
      <c r="AX1063" s="129"/>
    </row>
    <row r="1064" spans="1:113" s="23" customFormat="1" ht="10.8" customHeight="1">
      <c r="A1064" s="34"/>
      <c r="B1064" s="127"/>
      <c r="C1064" s="128"/>
      <c r="D1064" s="128"/>
      <c r="E1064" s="128"/>
      <c r="F1064" s="128"/>
      <c r="G1064" s="128"/>
      <c r="H1064" s="128"/>
      <c r="I1064" s="128"/>
      <c r="J1064" s="128"/>
      <c r="K1064" s="128"/>
      <c r="L1064" s="128"/>
      <c r="M1064" s="128"/>
      <c r="N1064" s="128"/>
      <c r="O1064" s="128"/>
      <c r="P1064" s="128"/>
      <c r="Q1064" s="128"/>
      <c r="R1064" s="128"/>
      <c r="S1064" s="128"/>
      <c r="T1064" s="128"/>
      <c r="U1064" s="128"/>
      <c r="V1064" s="128"/>
      <c r="W1064" s="128"/>
      <c r="X1064" s="128"/>
      <c r="Y1064" s="128"/>
      <c r="Z1064" s="128"/>
      <c r="AA1064" s="128"/>
      <c r="AB1064" s="128"/>
      <c r="AC1064" s="128"/>
      <c r="AD1064" s="128"/>
      <c r="AE1064" s="128"/>
      <c r="AF1064" s="128"/>
      <c r="AG1064" s="128"/>
      <c r="AH1064" s="128"/>
      <c r="AI1064" s="128"/>
      <c r="AJ1064" s="128"/>
      <c r="AK1064" s="128"/>
      <c r="AL1064" s="128"/>
      <c r="AM1064" s="128"/>
      <c r="AN1064" s="128"/>
      <c r="AO1064" s="128"/>
      <c r="AP1064" s="128"/>
      <c r="AQ1064" s="128"/>
      <c r="AR1064" s="128"/>
      <c r="AS1064" s="128"/>
      <c r="AT1064" s="128"/>
      <c r="AU1064" s="128"/>
      <c r="AV1064" s="128"/>
      <c r="AW1064" s="128"/>
      <c r="AX1064" s="129"/>
    </row>
    <row r="1065" spans="1:113" s="23" customFormat="1" ht="10.8" customHeight="1">
      <c r="A1065" s="34"/>
      <c r="B1065" s="127"/>
      <c r="C1065" s="128"/>
      <c r="D1065" s="128"/>
      <c r="E1065" s="128"/>
      <c r="F1065" s="128"/>
      <c r="G1065" s="128"/>
      <c r="H1065" s="128"/>
      <c r="I1065" s="128"/>
      <c r="J1065" s="128"/>
      <c r="K1065" s="128"/>
      <c r="L1065" s="128"/>
      <c r="M1065" s="128"/>
      <c r="N1065" s="128"/>
      <c r="O1065" s="128"/>
      <c r="P1065" s="128"/>
      <c r="Q1065" s="128"/>
      <c r="R1065" s="128"/>
      <c r="S1065" s="128"/>
      <c r="T1065" s="128"/>
      <c r="U1065" s="128"/>
      <c r="V1065" s="128"/>
      <c r="W1065" s="128"/>
      <c r="X1065" s="128"/>
      <c r="Y1065" s="128"/>
      <c r="Z1065" s="128"/>
      <c r="AA1065" s="128"/>
      <c r="AB1065" s="128"/>
      <c r="AC1065" s="128"/>
      <c r="AD1065" s="128"/>
      <c r="AE1065" s="128"/>
      <c r="AF1065" s="128"/>
      <c r="AG1065" s="128"/>
      <c r="AH1065" s="128"/>
      <c r="AI1065" s="128"/>
      <c r="AJ1065" s="128"/>
      <c r="AK1065" s="128"/>
      <c r="AL1065" s="128"/>
      <c r="AM1065" s="128"/>
      <c r="AN1065" s="128"/>
      <c r="AO1065" s="128"/>
      <c r="AP1065" s="128"/>
      <c r="AQ1065" s="128"/>
      <c r="AR1065" s="128"/>
      <c r="AS1065" s="128"/>
      <c r="AT1065" s="128"/>
      <c r="AU1065" s="128"/>
      <c r="AV1065" s="128"/>
      <c r="AW1065" s="128"/>
      <c r="AX1065" s="129"/>
    </row>
    <row r="1066" spans="1:113" s="23" customFormat="1" ht="10.8" customHeight="1">
      <c r="A1066" s="34"/>
      <c r="B1066" s="127"/>
      <c r="C1066" s="128"/>
      <c r="D1066" s="128"/>
      <c r="E1066" s="128"/>
      <c r="F1066" s="128"/>
      <c r="G1066" s="128"/>
      <c r="H1066" s="128"/>
      <c r="I1066" s="128"/>
      <c r="J1066" s="128"/>
      <c r="K1066" s="128"/>
      <c r="L1066" s="128"/>
      <c r="M1066" s="128"/>
      <c r="N1066" s="128"/>
      <c r="O1066" s="128"/>
      <c r="P1066" s="128"/>
      <c r="Q1066" s="128"/>
      <c r="R1066" s="128"/>
      <c r="S1066" s="128"/>
      <c r="T1066" s="128"/>
      <c r="U1066" s="128"/>
      <c r="V1066" s="128"/>
      <c r="W1066" s="128"/>
      <c r="X1066" s="128"/>
      <c r="Y1066" s="128"/>
      <c r="Z1066" s="128"/>
      <c r="AA1066" s="128"/>
      <c r="AB1066" s="128"/>
      <c r="AC1066" s="128"/>
      <c r="AD1066" s="128"/>
      <c r="AE1066" s="128"/>
      <c r="AF1066" s="128"/>
      <c r="AG1066" s="128"/>
      <c r="AH1066" s="128"/>
      <c r="AI1066" s="128"/>
      <c r="AJ1066" s="128"/>
      <c r="AK1066" s="128"/>
      <c r="AL1066" s="128"/>
      <c r="AM1066" s="128"/>
      <c r="AN1066" s="128"/>
      <c r="AO1066" s="128"/>
      <c r="AP1066" s="128"/>
      <c r="AQ1066" s="128"/>
      <c r="AR1066" s="128"/>
      <c r="AS1066" s="128"/>
      <c r="AT1066" s="128"/>
      <c r="AU1066" s="128"/>
      <c r="AV1066" s="128"/>
      <c r="AW1066" s="128"/>
      <c r="AX1066" s="129"/>
    </row>
    <row r="1067" spans="1:113" s="23" customFormat="1" ht="10.8" customHeight="1">
      <c r="A1067" s="34"/>
      <c r="B1067" s="127"/>
      <c r="C1067" s="128"/>
      <c r="D1067" s="128"/>
      <c r="E1067" s="128"/>
      <c r="F1067" s="128"/>
      <c r="G1067" s="128"/>
      <c r="H1067" s="128"/>
      <c r="I1067" s="128"/>
      <c r="J1067" s="128"/>
      <c r="K1067" s="128"/>
      <c r="L1067" s="128"/>
      <c r="M1067" s="128"/>
      <c r="N1067" s="128"/>
      <c r="O1067" s="128"/>
      <c r="P1067" s="128"/>
      <c r="Q1067" s="128"/>
      <c r="R1067" s="128"/>
      <c r="S1067" s="128"/>
      <c r="T1067" s="128"/>
      <c r="U1067" s="128"/>
      <c r="V1067" s="128"/>
      <c r="W1067" s="128"/>
      <c r="X1067" s="128"/>
      <c r="Y1067" s="128"/>
      <c r="Z1067" s="128"/>
      <c r="AA1067" s="128"/>
      <c r="AB1067" s="128"/>
      <c r="AC1067" s="128"/>
      <c r="AD1067" s="128"/>
      <c r="AE1067" s="128"/>
      <c r="AF1067" s="128"/>
      <c r="AG1067" s="128"/>
      <c r="AH1067" s="128"/>
      <c r="AI1067" s="128"/>
      <c r="AJ1067" s="128"/>
      <c r="AK1067" s="128"/>
      <c r="AL1067" s="128"/>
      <c r="AM1067" s="128"/>
      <c r="AN1067" s="128"/>
      <c r="AO1067" s="128"/>
      <c r="AP1067" s="128"/>
      <c r="AQ1067" s="128"/>
      <c r="AR1067" s="128"/>
      <c r="AS1067" s="128"/>
      <c r="AT1067" s="128"/>
      <c r="AU1067" s="128"/>
      <c r="AV1067" s="128"/>
      <c r="AW1067" s="128"/>
      <c r="AX1067" s="129"/>
    </row>
    <row r="1068" spans="1:113" s="23" customFormat="1" ht="10.8" customHeight="1">
      <c r="A1068" s="34"/>
      <c r="B1068" s="127"/>
      <c r="C1068" s="128"/>
      <c r="D1068" s="128"/>
      <c r="E1068" s="128"/>
      <c r="F1068" s="128"/>
      <c r="G1068" s="128"/>
      <c r="H1068" s="128"/>
      <c r="I1068" s="128"/>
      <c r="J1068" s="128"/>
      <c r="K1068" s="128"/>
      <c r="L1068" s="128"/>
      <c r="M1068" s="128"/>
      <c r="N1068" s="128"/>
      <c r="O1068" s="128"/>
      <c r="P1068" s="128"/>
      <c r="Q1068" s="128"/>
      <c r="R1068" s="128"/>
      <c r="S1068" s="128"/>
      <c r="T1068" s="128"/>
      <c r="U1068" s="128"/>
      <c r="V1068" s="128"/>
      <c r="W1068" s="128"/>
      <c r="X1068" s="128"/>
      <c r="Y1068" s="128"/>
      <c r="Z1068" s="128"/>
      <c r="AA1068" s="128"/>
      <c r="AB1068" s="128"/>
      <c r="AC1068" s="128"/>
      <c r="AD1068" s="128"/>
      <c r="AE1068" s="128"/>
      <c r="AF1068" s="128"/>
      <c r="AG1068" s="128"/>
      <c r="AH1068" s="128"/>
      <c r="AI1068" s="128"/>
      <c r="AJ1068" s="128"/>
      <c r="AK1068" s="128"/>
      <c r="AL1068" s="128"/>
      <c r="AM1068" s="128"/>
      <c r="AN1068" s="128"/>
      <c r="AO1068" s="128"/>
      <c r="AP1068" s="128"/>
      <c r="AQ1068" s="128"/>
      <c r="AR1068" s="128"/>
      <c r="AS1068" s="128"/>
      <c r="AT1068" s="128"/>
      <c r="AU1068" s="128"/>
      <c r="AV1068" s="128"/>
      <c r="AW1068" s="128"/>
      <c r="AX1068" s="129"/>
    </row>
    <row r="1069" spans="1:113" s="23" customFormat="1" ht="10.8" customHeight="1">
      <c r="A1069" s="34"/>
      <c r="B1069" s="127"/>
      <c r="C1069" s="128"/>
      <c r="D1069" s="128"/>
      <c r="E1069" s="128"/>
      <c r="F1069" s="128"/>
      <c r="G1069" s="128"/>
      <c r="H1069" s="128"/>
      <c r="I1069" s="128"/>
      <c r="J1069" s="128"/>
      <c r="K1069" s="128"/>
      <c r="L1069" s="128"/>
      <c r="M1069" s="128"/>
      <c r="N1069" s="128"/>
      <c r="O1069" s="128"/>
      <c r="P1069" s="128"/>
      <c r="Q1069" s="128"/>
      <c r="R1069" s="128"/>
      <c r="S1069" s="128"/>
      <c r="T1069" s="128"/>
      <c r="U1069" s="128"/>
      <c r="V1069" s="128"/>
      <c r="W1069" s="128"/>
      <c r="X1069" s="128"/>
      <c r="Y1069" s="128"/>
      <c r="Z1069" s="128"/>
      <c r="AA1069" s="128"/>
      <c r="AB1069" s="128"/>
      <c r="AC1069" s="128"/>
      <c r="AD1069" s="128"/>
      <c r="AE1069" s="128"/>
      <c r="AF1069" s="128"/>
      <c r="AG1069" s="128"/>
      <c r="AH1069" s="128"/>
      <c r="AI1069" s="128"/>
      <c r="AJ1069" s="128"/>
      <c r="AK1069" s="128"/>
      <c r="AL1069" s="128"/>
      <c r="AM1069" s="128"/>
      <c r="AN1069" s="128"/>
      <c r="AO1069" s="128"/>
      <c r="AP1069" s="128"/>
      <c r="AQ1069" s="128"/>
      <c r="AR1069" s="128"/>
      <c r="AS1069" s="128"/>
      <c r="AT1069" s="128"/>
      <c r="AU1069" s="128"/>
      <c r="AV1069" s="128"/>
      <c r="AW1069" s="128"/>
      <c r="AX1069" s="129"/>
    </row>
    <row r="1070" spans="1:113" s="23" customFormat="1" ht="10.8" customHeight="1">
      <c r="A1070" s="34"/>
      <c r="B1070" s="127"/>
      <c r="C1070" s="128"/>
      <c r="D1070" s="128"/>
      <c r="E1070" s="128"/>
      <c r="F1070" s="128"/>
      <c r="G1070" s="128"/>
      <c r="H1070" s="128"/>
      <c r="I1070" s="128"/>
      <c r="J1070" s="128"/>
      <c r="K1070" s="128"/>
      <c r="L1070" s="128"/>
      <c r="M1070" s="128"/>
      <c r="N1070" s="128"/>
      <c r="O1070" s="128"/>
      <c r="P1070" s="128"/>
      <c r="Q1070" s="128"/>
      <c r="R1070" s="128"/>
      <c r="S1070" s="128"/>
      <c r="T1070" s="128"/>
      <c r="U1070" s="128"/>
      <c r="V1070" s="128"/>
      <c r="W1070" s="128"/>
      <c r="X1070" s="128"/>
      <c r="Y1070" s="128"/>
      <c r="Z1070" s="128"/>
      <c r="AA1070" s="128"/>
      <c r="AB1070" s="128"/>
      <c r="AC1070" s="128"/>
      <c r="AD1070" s="128"/>
      <c r="AE1070" s="128"/>
      <c r="AF1070" s="128"/>
      <c r="AG1070" s="128"/>
      <c r="AH1070" s="128"/>
      <c r="AI1070" s="128"/>
      <c r="AJ1070" s="128"/>
      <c r="AK1070" s="128"/>
      <c r="AL1070" s="128"/>
      <c r="AM1070" s="128"/>
      <c r="AN1070" s="128"/>
      <c r="AO1070" s="128"/>
      <c r="AP1070" s="128"/>
      <c r="AQ1070" s="128"/>
      <c r="AR1070" s="128"/>
      <c r="AS1070" s="128"/>
      <c r="AT1070" s="128"/>
      <c r="AU1070" s="128"/>
      <c r="AV1070" s="128"/>
      <c r="AW1070" s="128"/>
      <c r="AX1070" s="129"/>
    </row>
    <row r="1071" spans="1:113" s="23" customFormat="1" ht="15" thickBot="1">
      <c r="A1071" s="38"/>
      <c r="B1071" s="39"/>
      <c r="C1071" s="40"/>
      <c r="D1071" s="40"/>
      <c r="E1071" s="40"/>
      <c r="F1071" s="40"/>
      <c r="G1071" s="40"/>
      <c r="H1071" s="40"/>
      <c r="I1071" s="40"/>
      <c r="J1071" s="40"/>
      <c r="K1071" s="40"/>
      <c r="L1071" s="40"/>
      <c r="M1071" s="40"/>
      <c r="N1071" s="40"/>
      <c r="O1071" s="40"/>
      <c r="P1071" s="40"/>
      <c r="Q1071" s="40"/>
      <c r="R1071" s="40"/>
      <c r="S1071" s="40"/>
      <c r="T1071" s="40"/>
      <c r="U1071" s="40"/>
      <c r="V1071" s="40"/>
      <c r="W1071" s="40"/>
      <c r="X1071" s="40"/>
      <c r="Y1071" s="40"/>
      <c r="Z1071" s="40"/>
      <c r="AA1071" s="40"/>
      <c r="AB1071" s="40"/>
      <c r="AC1071" s="40"/>
      <c r="AD1071" s="40"/>
      <c r="AE1071" s="40"/>
      <c r="AF1071" s="40"/>
      <c r="AG1071" s="40"/>
      <c r="AH1071" s="40"/>
      <c r="AI1071" s="40"/>
      <c r="AJ1071" s="40"/>
      <c r="AK1071" s="40"/>
      <c r="AL1071" s="40"/>
      <c r="AM1071" s="40"/>
      <c r="AN1071" s="40"/>
      <c r="AO1071" s="40"/>
      <c r="AP1071" s="40"/>
      <c r="AQ1071" s="40"/>
      <c r="AR1071" s="40"/>
      <c r="AS1071" s="40"/>
      <c r="AT1071" s="40"/>
      <c r="AU1071" s="40"/>
      <c r="AV1071" s="40"/>
      <c r="AW1071" s="40"/>
      <c r="AX1071" s="41"/>
    </row>
    <row r="1072" spans="1:113" s="23" customFormat="1" ht="13.2">
      <c r="B1072" s="42"/>
    </row>
    <row r="1073" spans="1:251" s="23" customFormat="1" ht="14.4">
      <c r="B1073" s="33" t="s">
        <v>93</v>
      </c>
      <c r="C1073" s="34"/>
      <c r="D1073" s="34"/>
      <c r="E1073" s="34"/>
      <c r="F1073" s="34"/>
      <c r="G1073" s="34"/>
      <c r="H1073" s="34"/>
      <c r="I1073" s="34"/>
      <c r="J1073" s="34"/>
      <c r="K1073" s="34"/>
      <c r="L1073" s="35"/>
      <c r="M1073" s="35"/>
      <c r="N1073" s="35"/>
      <c r="O1073" s="35"/>
      <c r="P1073" s="34"/>
      <c r="Q1073" s="34"/>
      <c r="R1073" s="34"/>
      <c r="S1073" s="34"/>
      <c r="T1073" s="34"/>
      <c r="U1073" s="34"/>
      <c r="V1073" s="33"/>
      <c r="W1073" s="33"/>
      <c r="X1073" s="33"/>
      <c r="Y1073" s="33"/>
      <c r="Z1073" s="33"/>
      <c r="AA1073" s="33"/>
      <c r="AB1073" s="33"/>
      <c r="AC1073" s="33"/>
      <c r="AD1073" s="33"/>
      <c r="AE1073" s="33"/>
      <c r="AF1073" s="33"/>
      <c r="AG1073" s="33"/>
      <c r="AH1073" s="33"/>
      <c r="AI1073" s="33"/>
      <c r="AJ1073" s="33"/>
      <c r="AK1073" s="33"/>
      <c r="AL1073" s="33"/>
      <c r="AM1073" s="33"/>
      <c r="AN1073" s="33"/>
      <c r="AO1073" s="33"/>
      <c r="AP1073" s="33"/>
      <c r="AQ1073" s="33"/>
      <c r="AR1073" s="33"/>
      <c r="AS1073" s="33"/>
      <c r="AT1073" s="33"/>
      <c r="AU1073" s="33"/>
      <c r="AV1073" s="33"/>
      <c r="AW1073" s="33"/>
      <c r="AX1073" s="33"/>
    </row>
    <row r="1074" spans="1:251" s="23" customFormat="1" ht="15" thickBot="1">
      <c r="B1074" s="33"/>
      <c r="C1074" s="34"/>
      <c r="D1074" s="34"/>
      <c r="E1074" s="34"/>
      <c r="F1074" s="34"/>
      <c r="G1074" s="34"/>
      <c r="H1074" s="34"/>
      <c r="I1074" s="34"/>
      <c r="J1074" s="34"/>
      <c r="K1074" s="34"/>
      <c r="L1074" s="35"/>
      <c r="M1074" s="35"/>
      <c r="N1074" s="35"/>
      <c r="O1074" s="35"/>
      <c r="P1074" s="34"/>
      <c r="Q1074" s="34"/>
      <c r="R1074" s="34"/>
      <c r="S1074" s="34"/>
      <c r="T1074" s="34"/>
      <c r="U1074" s="34"/>
      <c r="V1074" s="33"/>
      <c r="W1074" s="33"/>
      <c r="X1074" s="33"/>
      <c r="Y1074" s="33"/>
      <c r="Z1074" s="33"/>
      <c r="AA1074" s="33"/>
      <c r="AB1074" s="33"/>
      <c r="AC1074" s="33"/>
      <c r="AD1074" s="33"/>
      <c r="AE1074" s="33"/>
      <c r="AF1074" s="33"/>
      <c r="AG1074" s="33"/>
      <c r="AH1074" s="33"/>
      <c r="AI1074" s="33"/>
      <c r="AJ1074" s="33"/>
      <c r="AK1074" s="33"/>
      <c r="AL1074" s="33"/>
      <c r="AM1074" s="33"/>
      <c r="AN1074" s="33"/>
      <c r="AO1074" s="33"/>
      <c r="AP1074" s="33"/>
      <c r="AQ1074" s="33"/>
      <c r="AR1074" s="33"/>
      <c r="AS1074" s="33"/>
      <c r="AT1074" s="33"/>
      <c r="AU1074" s="33"/>
      <c r="AV1074" s="33"/>
      <c r="AW1074" s="33"/>
      <c r="AX1074" s="43" t="s">
        <v>94</v>
      </c>
    </row>
    <row r="1075" spans="1:251" s="50" customFormat="1" ht="13.5" customHeight="1">
      <c r="A1075" s="34"/>
      <c r="B1075" s="139" t="s">
        <v>95</v>
      </c>
      <c r="C1075" s="203"/>
      <c r="D1075" s="203"/>
      <c r="E1075" s="203"/>
      <c r="F1075" s="203"/>
      <c r="G1075" s="203"/>
      <c r="H1075" s="203"/>
      <c r="I1075" s="203"/>
      <c r="J1075" s="203"/>
      <c r="K1075" s="203"/>
      <c r="L1075" s="203"/>
      <c r="M1075" s="203"/>
      <c r="N1075" s="203"/>
      <c r="O1075" s="203"/>
      <c r="P1075" s="203"/>
      <c r="Q1075" s="203"/>
      <c r="R1075" s="203"/>
      <c r="S1075" s="203"/>
      <c r="T1075" s="203"/>
      <c r="U1075" s="203"/>
      <c r="V1075" s="203"/>
      <c r="W1075" s="203"/>
      <c r="X1075" s="203"/>
      <c r="Y1075" s="203"/>
      <c r="Z1075" s="204"/>
      <c r="AA1075" s="145" t="s">
        <v>116</v>
      </c>
      <c r="AB1075" s="203"/>
      <c r="AC1075" s="203"/>
      <c r="AD1075" s="203"/>
      <c r="AE1075" s="203"/>
      <c r="AF1075" s="203"/>
      <c r="AG1075" s="203"/>
      <c r="AH1075" s="203"/>
      <c r="AI1075" s="204"/>
      <c r="AJ1075" s="145" t="s">
        <v>117</v>
      </c>
      <c r="AK1075" s="203"/>
      <c r="AL1075" s="203"/>
      <c r="AM1075" s="203"/>
      <c r="AN1075" s="203"/>
      <c r="AO1075" s="203"/>
      <c r="AP1075" s="203"/>
      <c r="AQ1075" s="203"/>
      <c r="AR1075" s="204"/>
      <c r="AS1075" s="145" t="s">
        <v>98</v>
      </c>
      <c r="AT1075" s="203"/>
      <c r="AU1075" s="203"/>
      <c r="AV1075" s="203"/>
      <c r="AW1075" s="203"/>
      <c r="AX1075" s="209"/>
      <c r="AY1075" s="23"/>
      <c r="AZ1075" s="23"/>
      <c r="BA1075" s="23"/>
      <c r="BB1075" s="23"/>
      <c r="BC1075" s="23"/>
      <c r="BD1075" s="23"/>
      <c r="BE1075" s="23"/>
      <c r="BF1075" s="23"/>
      <c r="BG1075" s="23"/>
      <c r="BH1075" s="23"/>
      <c r="BI1075" s="23"/>
      <c r="BJ1075" s="23"/>
      <c r="BK1075" s="23"/>
      <c r="BL1075" s="23"/>
      <c r="BM1075" s="23"/>
      <c r="BN1075" s="23"/>
      <c r="BO1075" s="23"/>
      <c r="BP1075" s="23"/>
      <c r="BQ1075" s="23"/>
      <c r="BR1075" s="23"/>
      <c r="BS1075" s="23"/>
      <c r="BT1075" s="23"/>
      <c r="BU1075" s="23"/>
      <c r="BV1075" s="23"/>
      <c r="BW1075" s="23"/>
      <c r="BX1075" s="23"/>
      <c r="BY1075" s="23"/>
      <c r="BZ1075" s="23"/>
      <c r="CA1075" s="23"/>
      <c r="CB1075" s="23"/>
      <c r="CC1075" s="23"/>
      <c r="CD1075" s="23"/>
      <c r="CE1075" s="23"/>
      <c r="CF1075" s="23"/>
      <c r="CG1075" s="23"/>
      <c r="CH1075" s="23"/>
      <c r="CI1075" s="23"/>
      <c r="CJ1075" s="23"/>
      <c r="CK1075" s="23"/>
      <c r="CL1075" s="23"/>
      <c r="CM1075" s="23"/>
      <c r="CN1075" s="23"/>
      <c r="CO1075" s="23"/>
      <c r="CP1075" s="23"/>
      <c r="CQ1075" s="23"/>
      <c r="CR1075" s="23"/>
      <c r="CS1075" s="23"/>
      <c r="CT1075" s="23"/>
      <c r="CU1075" s="23"/>
      <c r="CV1075" s="23"/>
      <c r="CW1075" s="23"/>
      <c r="CX1075" s="23"/>
      <c r="CY1075" s="23"/>
      <c r="CZ1075" s="23"/>
      <c r="DA1075" s="23"/>
      <c r="DB1075" s="23"/>
      <c r="DC1075" s="23"/>
      <c r="DD1075" s="23"/>
      <c r="DE1075" s="23"/>
      <c r="DF1075" s="23"/>
      <c r="DG1075" s="23"/>
      <c r="DH1075" s="23"/>
      <c r="DI1075" s="23"/>
      <c r="DJ1075" s="23"/>
      <c r="DK1075" s="23"/>
      <c r="DL1075" s="23"/>
      <c r="DM1075" s="23"/>
      <c r="DN1075" s="23"/>
      <c r="DO1075" s="23"/>
      <c r="DP1075" s="23"/>
      <c r="DQ1075" s="23"/>
      <c r="DR1075" s="23"/>
      <c r="DS1075" s="23"/>
      <c r="DT1075" s="23"/>
      <c r="DU1075" s="23"/>
      <c r="DV1075" s="23"/>
      <c r="DW1075" s="23"/>
      <c r="DX1075" s="23"/>
      <c r="DY1075" s="23"/>
      <c r="DZ1075" s="23"/>
      <c r="EA1075" s="23"/>
      <c r="EB1075" s="23"/>
      <c r="EC1075" s="23"/>
      <c r="ED1075" s="23"/>
      <c r="EE1075" s="23"/>
      <c r="EF1075" s="23"/>
      <c r="EG1075" s="23"/>
      <c r="EH1075" s="23"/>
      <c r="EI1075" s="23"/>
      <c r="EJ1075" s="23"/>
      <c r="EK1075" s="23"/>
      <c r="EL1075" s="23"/>
      <c r="EM1075" s="23"/>
      <c r="EN1075" s="23"/>
      <c r="EO1075" s="23"/>
      <c r="EP1075" s="23"/>
      <c r="EQ1075" s="23"/>
      <c r="ER1075" s="23"/>
      <c r="ES1075" s="23"/>
      <c r="ET1075" s="23"/>
      <c r="EU1075" s="23"/>
      <c r="EV1075" s="23"/>
      <c r="EW1075" s="23"/>
      <c r="EX1075" s="23"/>
      <c r="EY1075" s="23"/>
      <c r="EZ1075" s="23"/>
      <c r="FA1075" s="23"/>
      <c r="FB1075" s="23"/>
      <c r="FC1075" s="23"/>
      <c r="FD1075" s="23"/>
      <c r="FE1075" s="23"/>
      <c r="FF1075" s="23"/>
      <c r="FG1075" s="23"/>
      <c r="FH1075" s="23"/>
      <c r="FI1075" s="23"/>
      <c r="FJ1075" s="23"/>
      <c r="FK1075" s="23"/>
      <c r="FL1075" s="23"/>
      <c r="FM1075" s="23"/>
      <c r="FN1075" s="23"/>
      <c r="FO1075" s="23"/>
      <c r="FP1075" s="23"/>
      <c r="FQ1075" s="23"/>
      <c r="FR1075" s="23"/>
      <c r="FS1075" s="23"/>
      <c r="FT1075" s="23"/>
      <c r="FU1075" s="23"/>
      <c r="FV1075" s="23"/>
      <c r="FW1075" s="23"/>
      <c r="FX1075" s="23"/>
      <c r="FY1075" s="23"/>
      <c r="FZ1075" s="23"/>
      <c r="GA1075" s="23"/>
      <c r="GB1075" s="23"/>
      <c r="GC1075" s="23"/>
      <c r="GD1075" s="23"/>
      <c r="GE1075" s="23"/>
      <c r="GF1075" s="23"/>
      <c r="GG1075" s="23"/>
      <c r="GH1075" s="23"/>
      <c r="GI1075" s="23"/>
      <c r="GJ1075" s="23"/>
      <c r="GK1075" s="23"/>
      <c r="GL1075" s="23"/>
      <c r="GM1075" s="23"/>
      <c r="GN1075" s="23"/>
      <c r="GO1075" s="23"/>
      <c r="GP1075" s="23"/>
      <c r="GQ1075" s="23"/>
      <c r="GR1075" s="23"/>
      <c r="GS1075" s="23"/>
      <c r="GT1075" s="23"/>
      <c r="GU1075" s="23"/>
      <c r="GV1075" s="23"/>
      <c r="GW1075" s="23"/>
      <c r="GX1075" s="23"/>
      <c r="GY1075" s="23"/>
      <c r="GZ1075" s="23"/>
      <c r="HA1075" s="23"/>
      <c r="HB1075" s="23"/>
      <c r="HC1075" s="23"/>
      <c r="HD1075" s="23"/>
      <c r="HE1075" s="23"/>
      <c r="HF1075" s="23"/>
      <c r="HG1075" s="23"/>
      <c r="HH1075" s="23"/>
      <c r="HI1075" s="23"/>
      <c r="HJ1075" s="23"/>
      <c r="HK1075" s="23"/>
      <c r="HL1075" s="23"/>
      <c r="HM1075" s="23"/>
      <c r="HN1075" s="23"/>
      <c r="HO1075" s="23"/>
      <c r="HP1075" s="23"/>
      <c r="HQ1075" s="23"/>
      <c r="HR1075" s="23"/>
      <c r="HS1075" s="23"/>
      <c r="HT1075" s="23"/>
      <c r="HU1075" s="23"/>
      <c r="HV1075" s="23"/>
      <c r="HW1075" s="23"/>
      <c r="HX1075" s="23"/>
      <c r="HY1075" s="23"/>
      <c r="HZ1075" s="23"/>
      <c r="IA1075" s="23"/>
      <c r="IB1075" s="23"/>
      <c r="IC1075" s="23"/>
      <c r="ID1075" s="23"/>
      <c r="IE1075" s="23"/>
      <c r="IF1075" s="23"/>
      <c r="IG1075" s="23"/>
      <c r="IH1075" s="23"/>
      <c r="II1075" s="23"/>
      <c r="IJ1075" s="23"/>
      <c r="IK1075" s="23"/>
      <c r="IL1075" s="23"/>
      <c r="IM1075" s="23"/>
      <c r="IN1075" s="23"/>
      <c r="IO1075" s="23"/>
      <c r="IP1075" s="23"/>
      <c r="IQ1075" s="23"/>
    </row>
    <row r="1076" spans="1:251" s="50" customFormat="1">
      <c r="A1076" s="34"/>
      <c r="B1076" s="205"/>
      <c r="C1076" s="206"/>
      <c r="D1076" s="206"/>
      <c r="E1076" s="206"/>
      <c r="F1076" s="206"/>
      <c r="G1076" s="206"/>
      <c r="H1076" s="206"/>
      <c r="I1076" s="206"/>
      <c r="J1076" s="206"/>
      <c r="K1076" s="206"/>
      <c r="L1076" s="206"/>
      <c r="M1076" s="206"/>
      <c r="N1076" s="206"/>
      <c r="O1076" s="206"/>
      <c r="P1076" s="206"/>
      <c r="Q1076" s="206"/>
      <c r="R1076" s="206"/>
      <c r="S1076" s="206"/>
      <c r="T1076" s="206"/>
      <c r="U1076" s="206"/>
      <c r="V1076" s="206"/>
      <c r="W1076" s="206"/>
      <c r="X1076" s="206"/>
      <c r="Y1076" s="206"/>
      <c r="Z1076" s="207"/>
      <c r="AA1076" s="208"/>
      <c r="AB1076" s="206"/>
      <c r="AC1076" s="206"/>
      <c r="AD1076" s="206"/>
      <c r="AE1076" s="206"/>
      <c r="AF1076" s="206"/>
      <c r="AG1076" s="206"/>
      <c r="AH1076" s="206"/>
      <c r="AI1076" s="207"/>
      <c r="AJ1076" s="208"/>
      <c r="AK1076" s="206"/>
      <c r="AL1076" s="206"/>
      <c r="AM1076" s="206"/>
      <c r="AN1076" s="206"/>
      <c r="AO1076" s="206"/>
      <c r="AP1076" s="206"/>
      <c r="AQ1076" s="206"/>
      <c r="AR1076" s="207"/>
      <c r="AS1076" s="208"/>
      <c r="AT1076" s="206"/>
      <c r="AU1076" s="206"/>
      <c r="AV1076" s="206"/>
      <c r="AW1076" s="206"/>
      <c r="AX1076" s="210"/>
      <c r="AY1076" s="23"/>
      <c r="AZ1076" s="23"/>
      <c r="BA1076" s="23"/>
      <c r="BB1076"/>
      <c r="BC1076" s="45"/>
      <c r="BE1076" s="23"/>
      <c r="BF1076" s="23"/>
      <c r="BG1076" s="23"/>
      <c r="BH1076" s="23"/>
      <c r="BI1076" s="23"/>
      <c r="BJ1076" s="23"/>
      <c r="BK1076" s="23"/>
      <c r="BL1076" s="23"/>
      <c r="BM1076" s="23"/>
      <c r="BN1076" s="23"/>
      <c r="BO1076" s="23"/>
      <c r="BP1076" s="23"/>
      <c r="BQ1076" s="23"/>
      <c r="BR1076" s="23"/>
      <c r="BS1076" s="23"/>
      <c r="BT1076" s="23"/>
      <c r="BU1076" s="23"/>
      <c r="BV1076" s="23"/>
      <c r="BW1076" s="23"/>
      <c r="BX1076" s="23"/>
      <c r="BY1076" s="23"/>
      <c r="BZ1076" s="23"/>
      <c r="CA1076" s="23"/>
      <c r="CB1076" s="23"/>
      <c r="CC1076" s="23"/>
      <c r="CD1076" s="23"/>
      <c r="CE1076" s="23"/>
      <c r="CF1076" s="23"/>
      <c r="CG1076" s="23"/>
      <c r="CH1076" s="23"/>
      <c r="CI1076" s="23"/>
      <c r="CJ1076" s="23"/>
      <c r="CK1076" s="23"/>
      <c r="CL1076" s="23"/>
      <c r="CM1076" s="23"/>
      <c r="CN1076" s="23"/>
      <c r="CO1076" s="23"/>
      <c r="CP1076" s="23"/>
      <c r="CQ1076" s="23"/>
      <c r="CR1076" s="23"/>
      <c r="CS1076" s="23"/>
      <c r="CT1076" s="23"/>
      <c r="CU1076" s="23"/>
      <c r="CV1076" s="23"/>
      <c r="CW1076" s="23"/>
      <c r="CX1076" s="23"/>
      <c r="CY1076" s="23"/>
      <c r="CZ1076" s="23"/>
      <c r="DA1076" s="23"/>
      <c r="DB1076" s="23"/>
      <c r="DC1076" s="23"/>
      <c r="DD1076" s="23"/>
      <c r="DE1076" s="23"/>
      <c r="DF1076" s="23"/>
      <c r="DG1076" s="23"/>
      <c r="DH1076" s="23"/>
      <c r="DI1076" s="23"/>
      <c r="DJ1076" s="23"/>
      <c r="DK1076" s="23"/>
      <c r="DL1076" s="23"/>
      <c r="DM1076" s="23"/>
      <c r="DN1076" s="23"/>
      <c r="DO1076" s="23"/>
      <c r="DP1076" s="23"/>
      <c r="DQ1076" s="23"/>
      <c r="DR1076" s="23"/>
      <c r="DS1076" s="23"/>
      <c r="DT1076" s="23"/>
      <c r="DU1076" s="23"/>
      <c r="DV1076" s="23"/>
      <c r="DW1076" s="23"/>
      <c r="DX1076" s="23"/>
      <c r="DY1076" s="23"/>
      <c r="DZ1076" s="23"/>
      <c r="EA1076" s="23"/>
      <c r="EB1076" s="23"/>
      <c r="EC1076" s="23"/>
      <c r="ED1076" s="23"/>
      <c r="EE1076" s="23"/>
      <c r="EF1076" s="23"/>
      <c r="EG1076" s="23"/>
      <c r="EH1076" s="23"/>
      <c r="EI1076" s="23"/>
      <c r="EJ1076" s="23"/>
      <c r="EK1076" s="23"/>
      <c r="EL1076" s="23"/>
      <c r="EM1076" s="23"/>
      <c r="EN1076" s="23"/>
      <c r="EO1076" s="23"/>
      <c r="EP1076" s="23"/>
      <c r="EQ1076" s="23"/>
      <c r="ER1076" s="23"/>
      <c r="ES1076" s="23"/>
      <c r="ET1076" s="23"/>
      <c r="EU1076" s="23"/>
      <c r="EV1076" s="23"/>
      <c r="EW1076" s="23"/>
      <c r="EX1076" s="23"/>
      <c r="EY1076" s="23"/>
      <c r="EZ1076" s="23"/>
      <c r="FA1076" s="23"/>
      <c r="FB1076" s="23"/>
      <c r="FC1076" s="23"/>
      <c r="FD1076" s="23"/>
      <c r="FE1076" s="23"/>
      <c r="FF1076" s="23"/>
      <c r="FG1076" s="23"/>
      <c r="FH1076" s="23"/>
      <c r="FI1076" s="23"/>
      <c r="FJ1076" s="23"/>
      <c r="FK1076" s="23"/>
      <c r="FL1076" s="23"/>
      <c r="FM1076" s="23"/>
      <c r="FN1076" s="23"/>
      <c r="FO1076" s="23"/>
      <c r="FP1076" s="23"/>
      <c r="FQ1076" s="23"/>
      <c r="FR1076" s="23"/>
      <c r="FS1076" s="23"/>
      <c r="FT1076" s="23"/>
      <c r="FU1076" s="23"/>
      <c r="FV1076" s="23"/>
      <c r="FW1076" s="23"/>
      <c r="FX1076" s="23"/>
      <c r="FY1076" s="23"/>
      <c r="FZ1076" s="23"/>
      <c r="GA1076" s="23"/>
      <c r="GB1076" s="23"/>
      <c r="GC1076" s="23"/>
      <c r="GD1076" s="23"/>
      <c r="GE1076" s="23"/>
      <c r="GF1076" s="23"/>
      <c r="GG1076" s="23"/>
      <c r="GH1076" s="23"/>
      <c r="GI1076" s="23"/>
      <c r="GJ1076" s="23"/>
      <c r="GK1076" s="23"/>
      <c r="GL1076" s="23"/>
      <c r="GM1076" s="23"/>
      <c r="GN1076" s="23"/>
      <c r="GO1076" s="23"/>
      <c r="GP1076" s="23"/>
      <c r="GQ1076" s="23"/>
      <c r="GR1076" s="23"/>
      <c r="GS1076" s="23"/>
      <c r="GT1076" s="23"/>
      <c r="GU1076" s="23"/>
      <c r="GV1076" s="23"/>
      <c r="GW1076" s="23"/>
      <c r="GX1076" s="23"/>
      <c r="GY1076" s="23"/>
      <c r="GZ1076" s="23"/>
      <c r="HA1076" s="23"/>
      <c r="HB1076" s="23"/>
      <c r="HC1076" s="23"/>
      <c r="HD1076" s="23"/>
      <c r="HE1076" s="23"/>
      <c r="HF1076" s="23"/>
      <c r="HG1076" s="23"/>
      <c r="HH1076" s="23"/>
      <c r="HI1076" s="23"/>
      <c r="HJ1076" s="23"/>
      <c r="HK1076" s="23"/>
      <c r="HL1076" s="23"/>
      <c r="HM1076" s="23"/>
      <c r="HN1076" s="23"/>
      <c r="HO1076" s="23"/>
      <c r="HP1076" s="23"/>
      <c r="HQ1076" s="23"/>
      <c r="HR1076" s="23"/>
      <c r="HS1076" s="23"/>
      <c r="HT1076" s="23"/>
      <c r="HU1076" s="23"/>
      <c r="HV1076" s="23"/>
      <c r="HW1076" s="23"/>
      <c r="HX1076" s="23"/>
      <c r="HY1076" s="23"/>
      <c r="HZ1076" s="23"/>
      <c r="IA1076" s="23"/>
      <c r="IB1076" s="23"/>
      <c r="IC1076" s="23"/>
      <c r="ID1076" s="23"/>
      <c r="IE1076" s="23"/>
      <c r="IF1076" s="23"/>
      <c r="IG1076" s="23"/>
      <c r="IH1076" s="23"/>
      <c r="II1076" s="23"/>
      <c r="IJ1076" s="23"/>
      <c r="IK1076" s="23"/>
      <c r="IL1076" s="23"/>
      <c r="IM1076" s="23"/>
      <c r="IN1076" s="23"/>
      <c r="IO1076" s="23"/>
      <c r="IP1076" s="23"/>
      <c r="IQ1076" s="23"/>
    </row>
    <row r="1077" spans="1:251" s="50" customFormat="1" ht="18.75" customHeight="1">
      <c r="A1077" s="34"/>
      <c r="B1077" s="46"/>
      <c r="C1077" s="130" t="s">
        <v>195</v>
      </c>
      <c r="D1077" s="130"/>
      <c r="E1077" s="130"/>
      <c r="F1077" s="130"/>
      <c r="G1077" s="130"/>
      <c r="H1077" s="130"/>
      <c r="I1077" s="130"/>
      <c r="J1077" s="130"/>
      <c r="K1077" s="130"/>
      <c r="L1077" s="130"/>
      <c r="M1077" s="130"/>
      <c r="N1077" s="130"/>
      <c r="O1077" s="130"/>
      <c r="P1077" s="130"/>
      <c r="Q1077" s="130"/>
      <c r="R1077" s="130"/>
      <c r="S1077" s="130"/>
      <c r="T1077" s="130"/>
      <c r="U1077" s="130"/>
      <c r="V1077" s="130"/>
      <c r="W1077" s="130"/>
      <c r="X1077" s="130"/>
      <c r="Y1077" s="130"/>
      <c r="Z1077" s="131"/>
      <c r="AA1077" s="132">
        <v>24800000</v>
      </c>
      <c r="AB1077" s="196"/>
      <c r="AC1077" s="196"/>
      <c r="AD1077" s="196"/>
      <c r="AE1077" s="196"/>
      <c r="AF1077" s="196"/>
      <c r="AG1077" s="196"/>
      <c r="AH1077" s="196"/>
      <c r="AI1077" s="197"/>
      <c r="AJ1077" s="132">
        <v>11800000</v>
      </c>
      <c r="AK1077" s="196"/>
      <c r="AL1077" s="196"/>
      <c r="AM1077" s="196"/>
      <c r="AN1077" s="196"/>
      <c r="AO1077" s="196"/>
      <c r="AP1077" s="196"/>
      <c r="AQ1077" s="196"/>
      <c r="AR1077" s="197"/>
      <c r="AS1077" s="132"/>
      <c r="AT1077" s="196"/>
      <c r="AU1077" s="196"/>
      <c r="AV1077" s="196"/>
      <c r="AW1077" s="196"/>
      <c r="AX1077" s="202"/>
      <c r="AY1077" s="23"/>
      <c r="AZ1077" s="23"/>
      <c r="BA1077" s="23"/>
      <c r="BB1077" s="23"/>
      <c r="BC1077" s="23"/>
      <c r="BD1077" s="23"/>
      <c r="BE1077" s="23"/>
      <c r="BF1077" s="23"/>
      <c r="BG1077" s="23"/>
      <c r="BH1077" s="23"/>
      <c r="BI1077" s="23"/>
      <c r="BJ1077" s="23"/>
      <c r="BK1077" s="23"/>
      <c r="BL1077" s="23"/>
      <c r="BM1077" s="23"/>
      <c r="BN1077" s="23"/>
      <c r="BO1077" s="23"/>
      <c r="BP1077" s="23"/>
      <c r="BQ1077" s="23"/>
      <c r="BR1077" s="23"/>
      <c r="BS1077" s="23"/>
      <c r="BT1077" s="23"/>
      <c r="BU1077" s="23"/>
      <c r="BV1077" s="23"/>
      <c r="BW1077" s="23"/>
      <c r="BX1077" s="23"/>
      <c r="BY1077" s="23"/>
      <c r="BZ1077" s="23"/>
      <c r="CA1077" s="23"/>
      <c r="CB1077" s="23"/>
      <c r="CC1077" s="23"/>
      <c r="CD1077" s="23"/>
      <c r="CE1077" s="23"/>
      <c r="CF1077" s="23"/>
      <c r="CG1077" s="23"/>
      <c r="CH1077" s="23"/>
      <c r="CI1077" s="23"/>
      <c r="CJ1077" s="23"/>
      <c r="CK1077" s="23"/>
      <c r="CL1077" s="23"/>
      <c r="CM1077" s="23"/>
      <c r="CN1077" s="23"/>
      <c r="CO1077" s="23"/>
      <c r="CP1077" s="23"/>
      <c r="CQ1077" s="23"/>
      <c r="CR1077" s="23"/>
      <c r="CS1077" s="23"/>
      <c r="CT1077" s="23"/>
      <c r="CU1077" s="23"/>
      <c r="CV1077" s="23"/>
      <c r="CW1077" s="23"/>
      <c r="CX1077" s="23"/>
      <c r="CY1077" s="23"/>
      <c r="CZ1077" s="23"/>
      <c r="DA1077" s="23"/>
      <c r="DB1077" s="23"/>
      <c r="DC1077" s="23"/>
      <c r="DD1077" s="23"/>
      <c r="DE1077" s="23"/>
      <c r="DF1077" s="23"/>
      <c r="DG1077" s="23"/>
      <c r="DH1077" s="23"/>
      <c r="DI1077" s="23"/>
      <c r="DJ1077" s="23"/>
      <c r="DK1077" s="23"/>
      <c r="DL1077" s="23"/>
      <c r="DM1077" s="23"/>
      <c r="DN1077" s="23"/>
      <c r="DO1077" s="23"/>
      <c r="DP1077" s="23"/>
      <c r="DQ1077" s="23"/>
      <c r="DR1077" s="23"/>
      <c r="DS1077" s="23"/>
      <c r="DT1077" s="23"/>
      <c r="DU1077" s="23"/>
      <c r="DV1077" s="23"/>
      <c r="DW1077" s="23"/>
      <c r="DX1077" s="23"/>
      <c r="DY1077" s="23"/>
      <c r="DZ1077" s="23"/>
      <c r="EA1077" s="23"/>
      <c r="EB1077" s="23"/>
      <c r="EC1077" s="23"/>
      <c r="ED1077" s="23"/>
      <c r="EE1077" s="23"/>
      <c r="EF1077" s="23"/>
      <c r="EG1077" s="23"/>
      <c r="EH1077" s="23"/>
      <c r="EI1077" s="23"/>
      <c r="EJ1077" s="23"/>
      <c r="EK1077" s="23"/>
      <c r="EL1077" s="23"/>
      <c r="EM1077" s="23"/>
      <c r="EN1077" s="23"/>
      <c r="EO1077" s="23"/>
      <c r="EP1077" s="23"/>
      <c r="EQ1077" s="23"/>
      <c r="ER1077" s="23"/>
      <c r="ES1077" s="23"/>
      <c r="ET1077" s="23"/>
      <c r="EU1077" s="23"/>
      <c r="EV1077" s="23"/>
      <c r="EW1077" s="23"/>
      <c r="EX1077" s="23"/>
      <c r="EY1077" s="23"/>
      <c r="EZ1077" s="23"/>
      <c r="FA1077" s="23"/>
      <c r="FB1077" s="23"/>
      <c r="FC1077" s="23"/>
      <c r="FD1077" s="23"/>
      <c r="FE1077" s="23"/>
      <c r="FF1077" s="23"/>
      <c r="FG1077" s="23"/>
      <c r="FH1077" s="23"/>
      <c r="FI1077" s="23"/>
      <c r="FJ1077" s="23"/>
      <c r="FK1077" s="23"/>
      <c r="FL1077" s="23"/>
      <c r="FM1077" s="23"/>
      <c r="FN1077" s="23"/>
      <c r="FO1077" s="23"/>
      <c r="FP1077" s="23"/>
      <c r="FQ1077" s="23"/>
      <c r="FR1077" s="23"/>
      <c r="FS1077" s="23"/>
      <c r="FT1077" s="23"/>
      <c r="FU1077" s="23"/>
      <c r="FV1077" s="23"/>
      <c r="FW1077" s="23"/>
      <c r="FX1077" s="23"/>
      <c r="FY1077" s="23"/>
      <c r="FZ1077" s="23"/>
      <c r="GA1077" s="23"/>
      <c r="GB1077" s="23"/>
      <c r="GC1077" s="23"/>
      <c r="GD1077" s="23"/>
      <c r="GE1077" s="23"/>
      <c r="GF1077" s="23"/>
      <c r="GG1077" s="23"/>
      <c r="GH1077" s="23"/>
      <c r="GI1077" s="23"/>
      <c r="GJ1077" s="23"/>
      <c r="GK1077" s="23"/>
      <c r="GL1077" s="23"/>
      <c r="GM1077" s="23"/>
      <c r="GN1077" s="23"/>
      <c r="GO1077" s="23"/>
      <c r="GP1077" s="23"/>
      <c r="GQ1077" s="23"/>
      <c r="GR1077" s="23"/>
      <c r="GS1077" s="23"/>
      <c r="GT1077" s="23"/>
      <c r="GU1077" s="23"/>
      <c r="GV1077" s="23"/>
      <c r="GW1077" s="23"/>
      <c r="GX1077" s="23"/>
      <c r="GY1077" s="23"/>
      <c r="GZ1077" s="23"/>
      <c r="HA1077" s="23"/>
      <c r="HB1077" s="23"/>
      <c r="HC1077" s="23"/>
      <c r="HD1077" s="23"/>
      <c r="HE1077" s="23"/>
      <c r="HF1077" s="23"/>
      <c r="HG1077" s="23"/>
      <c r="HH1077" s="23"/>
      <c r="HI1077" s="23"/>
      <c r="HJ1077" s="23"/>
      <c r="HK1077" s="23"/>
      <c r="HL1077" s="23"/>
      <c r="HM1077" s="23"/>
      <c r="HN1077" s="23"/>
      <c r="HO1077" s="23"/>
      <c r="HP1077" s="23"/>
      <c r="HQ1077" s="23"/>
      <c r="HR1077" s="23"/>
      <c r="HS1077" s="23"/>
      <c r="HT1077" s="23"/>
      <c r="HU1077" s="23"/>
      <c r="HV1077" s="23"/>
      <c r="HW1077" s="23"/>
      <c r="HX1077" s="23"/>
      <c r="HY1077" s="23"/>
      <c r="HZ1077" s="23"/>
      <c r="IA1077" s="23"/>
      <c r="IB1077" s="23"/>
      <c r="IC1077" s="23"/>
      <c r="ID1077" s="23"/>
      <c r="IE1077" s="23"/>
      <c r="IF1077" s="23"/>
      <c r="IG1077" s="23"/>
      <c r="IH1077" s="23"/>
      <c r="II1077" s="23"/>
      <c r="IJ1077" s="23"/>
      <c r="IK1077" s="23"/>
      <c r="IL1077" s="23"/>
      <c r="IM1077" s="23"/>
      <c r="IN1077" s="23"/>
      <c r="IO1077" s="23"/>
      <c r="IP1077" s="23"/>
      <c r="IQ1077" s="23"/>
    </row>
    <row r="1078" spans="1:251" s="50" customFormat="1" ht="18.75" customHeight="1">
      <c r="A1078" s="34"/>
      <c r="B1078" s="47"/>
      <c r="C1078" s="130"/>
      <c r="D1078" s="130"/>
      <c r="E1078" s="130"/>
      <c r="F1078" s="130"/>
      <c r="G1078" s="130"/>
      <c r="H1078" s="130"/>
      <c r="I1078" s="130"/>
      <c r="J1078" s="130"/>
      <c r="K1078" s="130"/>
      <c r="L1078" s="130"/>
      <c r="M1078" s="130"/>
      <c r="N1078" s="130"/>
      <c r="O1078" s="130"/>
      <c r="P1078" s="130"/>
      <c r="Q1078" s="130"/>
      <c r="R1078" s="130"/>
      <c r="S1078" s="130"/>
      <c r="T1078" s="130"/>
      <c r="U1078" s="130"/>
      <c r="V1078" s="130"/>
      <c r="W1078" s="130"/>
      <c r="X1078" s="130"/>
      <c r="Y1078" s="130"/>
      <c r="Z1078" s="131"/>
      <c r="AA1078" s="132"/>
      <c r="AB1078" s="196"/>
      <c r="AC1078" s="196"/>
      <c r="AD1078" s="196"/>
      <c r="AE1078" s="196"/>
      <c r="AF1078" s="196"/>
      <c r="AG1078" s="196"/>
      <c r="AH1078" s="196"/>
      <c r="AI1078" s="197"/>
      <c r="AJ1078" s="132"/>
      <c r="AK1078" s="196"/>
      <c r="AL1078" s="196"/>
      <c r="AM1078" s="196"/>
      <c r="AN1078" s="196"/>
      <c r="AO1078" s="196"/>
      <c r="AP1078" s="196"/>
      <c r="AQ1078" s="196"/>
      <c r="AR1078" s="197"/>
      <c r="AS1078" s="132"/>
      <c r="AT1078" s="196"/>
      <c r="AU1078" s="196"/>
      <c r="AV1078" s="196"/>
      <c r="AW1078" s="196"/>
      <c r="AX1078" s="202"/>
      <c r="AY1078" s="23"/>
      <c r="AZ1078" s="23"/>
      <c r="BA1078" s="23"/>
      <c r="BB1078" s="23"/>
      <c r="BC1078" s="23"/>
      <c r="BD1078" s="23"/>
      <c r="BE1078" s="23"/>
      <c r="BF1078" s="23"/>
      <c r="BG1078" s="23"/>
      <c r="BH1078" s="23"/>
      <c r="BI1078" s="23"/>
      <c r="BJ1078" s="23"/>
      <c r="BK1078" s="23"/>
      <c r="BL1078" s="23"/>
      <c r="BM1078" s="23"/>
      <c r="BN1078" s="23"/>
      <c r="BO1078" s="23"/>
      <c r="BP1078" s="23"/>
      <c r="BQ1078" s="23"/>
      <c r="BR1078" s="23"/>
      <c r="BS1078" s="23"/>
      <c r="BT1078" s="23"/>
      <c r="BU1078" s="23"/>
      <c r="BV1078" s="23"/>
      <c r="BW1078" s="23"/>
      <c r="BX1078" s="23"/>
      <c r="BY1078" s="23"/>
      <c r="BZ1078" s="23"/>
      <c r="CA1078" s="23"/>
      <c r="CB1078" s="23"/>
      <c r="CC1078" s="23"/>
      <c r="CD1078" s="23"/>
      <c r="CE1078" s="23"/>
      <c r="CF1078" s="23"/>
      <c r="CG1078" s="23"/>
      <c r="CH1078" s="23"/>
      <c r="CI1078" s="23"/>
      <c r="CJ1078" s="23"/>
      <c r="CK1078" s="23"/>
      <c r="CL1078" s="23"/>
      <c r="CM1078" s="23"/>
      <c r="CN1078" s="23"/>
      <c r="CO1078" s="23"/>
      <c r="CP1078" s="23"/>
      <c r="CQ1078" s="23"/>
      <c r="CR1078" s="23"/>
      <c r="CS1078" s="23"/>
      <c r="CT1078" s="23"/>
      <c r="CU1078" s="23"/>
      <c r="CV1078" s="23"/>
      <c r="CW1078" s="23"/>
      <c r="CX1078" s="23"/>
      <c r="CY1078" s="23"/>
      <c r="CZ1078" s="23"/>
      <c r="DA1078" s="23"/>
      <c r="DB1078" s="23"/>
      <c r="DC1078" s="23"/>
      <c r="DD1078" s="23"/>
      <c r="DE1078" s="23"/>
      <c r="DF1078" s="23"/>
      <c r="DG1078" s="23"/>
      <c r="DH1078" s="23"/>
      <c r="DI1078" s="23"/>
      <c r="DJ1078" s="23"/>
      <c r="DK1078" s="23"/>
      <c r="DL1078" s="23"/>
      <c r="DM1078" s="23"/>
      <c r="DN1078" s="23"/>
      <c r="DO1078" s="23"/>
      <c r="DP1078" s="23"/>
      <c r="DQ1078" s="23"/>
      <c r="DR1078" s="23"/>
      <c r="DS1078" s="23"/>
      <c r="DT1078" s="23"/>
      <c r="DU1078" s="23"/>
      <c r="DV1078" s="23"/>
      <c r="DW1078" s="23"/>
      <c r="DX1078" s="23"/>
      <c r="DY1078" s="23"/>
      <c r="DZ1078" s="23"/>
      <c r="EA1078" s="23"/>
      <c r="EB1078" s="23"/>
      <c r="EC1078" s="23"/>
      <c r="ED1078" s="23"/>
      <c r="EE1078" s="23"/>
      <c r="EF1078" s="23"/>
      <c r="EG1078" s="23"/>
      <c r="EH1078" s="23"/>
      <c r="EI1078" s="23"/>
      <c r="EJ1078" s="23"/>
      <c r="EK1078" s="23"/>
      <c r="EL1078" s="23"/>
      <c r="EM1078" s="23"/>
      <c r="EN1078" s="23"/>
      <c r="EO1078" s="23"/>
      <c r="EP1078" s="23"/>
      <c r="EQ1078" s="23"/>
      <c r="ER1078" s="23"/>
      <c r="ES1078" s="23"/>
      <c r="ET1078" s="23"/>
      <c r="EU1078" s="23"/>
      <c r="EV1078" s="23"/>
      <c r="EW1078" s="23"/>
      <c r="EX1078" s="23"/>
      <c r="EY1078" s="23"/>
      <c r="EZ1078" s="23"/>
      <c r="FA1078" s="23"/>
      <c r="FB1078" s="23"/>
      <c r="FC1078" s="23"/>
      <c r="FD1078" s="23"/>
      <c r="FE1078" s="23"/>
      <c r="FF1078" s="23"/>
      <c r="FG1078" s="23"/>
      <c r="FH1078" s="23"/>
      <c r="FI1078" s="23"/>
      <c r="FJ1078" s="23"/>
      <c r="FK1078" s="23"/>
      <c r="FL1078" s="23"/>
      <c r="FM1078" s="23"/>
      <c r="FN1078" s="23"/>
      <c r="FO1078" s="23"/>
      <c r="FP1078" s="23"/>
      <c r="FQ1078" s="23"/>
      <c r="FR1078" s="23"/>
      <c r="FS1078" s="23"/>
      <c r="FT1078" s="23"/>
      <c r="FU1078" s="23"/>
      <c r="FV1078" s="23"/>
      <c r="FW1078" s="23"/>
      <c r="FX1078" s="23"/>
      <c r="FY1078" s="23"/>
      <c r="FZ1078" s="23"/>
      <c r="GA1078" s="23"/>
      <c r="GB1078" s="23"/>
      <c r="GC1078" s="23"/>
      <c r="GD1078" s="23"/>
      <c r="GE1078" s="23"/>
      <c r="GF1078" s="23"/>
      <c r="GG1078" s="23"/>
      <c r="GH1078" s="23"/>
      <c r="GI1078" s="23"/>
      <c r="GJ1078" s="23"/>
      <c r="GK1078" s="23"/>
      <c r="GL1078" s="23"/>
      <c r="GM1078" s="23"/>
      <c r="GN1078" s="23"/>
      <c r="GO1078" s="23"/>
      <c r="GP1078" s="23"/>
      <c r="GQ1078" s="23"/>
      <c r="GR1078" s="23"/>
      <c r="GS1078" s="23"/>
      <c r="GT1078" s="23"/>
      <c r="GU1078" s="23"/>
      <c r="GV1078" s="23"/>
      <c r="GW1078" s="23"/>
      <c r="GX1078" s="23"/>
      <c r="GY1078" s="23"/>
      <c r="GZ1078" s="23"/>
      <c r="HA1078" s="23"/>
      <c r="HB1078" s="23"/>
      <c r="HC1078" s="23"/>
      <c r="HD1078" s="23"/>
      <c r="HE1078" s="23"/>
      <c r="HF1078" s="23"/>
      <c r="HG1078" s="23"/>
      <c r="HH1078" s="23"/>
      <c r="HI1078" s="23"/>
      <c r="HJ1078" s="23"/>
      <c r="HK1078" s="23"/>
      <c r="HL1078" s="23"/>
      <c r="HM1078" s="23"/>
      <c r="HN1078" s="23"/>
      <c r="HO1078" s="23"/>
      <c r="HP1078" s="23"/>
      <c r="HQ1078" s="23"/>
      <c r="HR1078" s="23"/>
      <c r="HS1078" s="23"/>
      <c r="HT1078" s="23"/>
      <c r="HU1078" s="23"/>
      <c r="HV1078" s="23"/>
      <c r="HW1078" s="23"/>
      <c r="HX1078" s="23"/>
      <c r="HY1078" s="23"/>
      <c r="HZ1078" s="23"/>
      <c r="IA1078" s="23"/>
      <c r="IB1078" s="23"/>
      <c r="IC1078" s="23"/>
      <c r="ID1078" s="23"/>
      <c r="IE1078" s="23"/>
      <c r="IF1078" s="23"/>
      <c r="IG1078" s="23"/>
      <c r="IH1078" s="23"/>
      <c r="II1078" s="23"/>
      <c r="IJ1078" s="23"/>
      <c r="IK1078" s="23"/>
      <c r="IL1078" s="23"/>
      <c r="IM1078" s="23"/>
      <c r="IN1078" s="23"/>
      <c r="IO1078" s="23"/>
      <c r="IP1078" s="23"/>
      <c r="IQ1078" s="23"/>
    </row>
    <row r="1079" spans="1:251" s="50" customFormat="1" ht="18.75" customHeight="1">
      <c r="A1079" s="34"/>
      <c r="B1079" s="47"/>
      <c r="C1079" s="130"/>
      <c r="D1079" s="130"/>
      <c r="E1079" s="130"/>
      <c r="F1079" s="130"/>
      <c r="G1079" s="130"/>
      <c r="H1079" s="130"/>
      <c r="I1079" s="130"/>
      <c r="J1079" s="130"/>
      <c r="K1079" s="130"/>
      <c r="L1079" s="130"/>
      <c r="M1079" s="130"/>
      <c r="N1079" s="130"/>
      <c r="O1079" s="130"/>
      <c r="P1079" s="130"/>
      <c r="Q1079" s="130"/>
      <c r="R1079" s="130"/>
      <c r="S1079" s="130"/>
      <c r="T1079" s="130"/>
      <c r="U1079" s="130"/>
      <c r="V1079" s="130"/>
      <c r="W1079" s="130"/>
      <c r="X1079" s="130"/>
      <c r="Y1079" s="130"/>
      <c r="Z1079" s="131"/>
      <c r="AA1079" s="132"/>
      <c r="AB1079" s="200"/>
      <c r="AC1079" s="200"/>
      <c r="AD1079" s="200"/>
      <c r="AE1079" s="200"/>
      <c r="AF1079" s="200"/>
      <c r="AG1079" s="200"/>
      <c r="AH1079" s="200"/>
      <c r="AI1079" s="201"/>
      <c r="AJ1079" s="132"/>
      <c r="AK1079" s="196"/>
      <c r="AL1079" s="196"/>
      <c r="AM1079" s="196"/>
      <c r="AN1079" s="196"/>
      <c r="AO1079" s="196"/>
      <c r="AP1079" s="196"/>
      <c r="AQ1079" s="196"/>
      <c r="AR1079" s="197"/>
      <c r="AS1079" s="132"/>
      <c r="AT1079" s="196"/>
      <c r="AU1079" s="196"/>
      <c r="AV1079" s="196"/>
      <c r="AW1079" s="196"/>
      <c r="AX1079" s="202"/>
      <c r="AY1079" s="23"/>
      <c r="AZ1079" s="23"/>
      <c r="BA1079" s="23"/>
      <c r="BB1079" s="23"/>
      <c r="BC1079" s="23"/>
      <c r="BD1079" s="23"/>
      <c r="BE1079" s="23"/>
      <c r="BF1079" s="23"/>
      <c r="BG1079" s="23"/>
      <c r="BH1079" s="23"/>
      <c r="BI1079" s="23"/>
      <c r="BJ1079" s="23"/>
      <c r="BK1079" s="23"/>
      <c r="BL1079" s="23"/>
      <c r="BM1079" s="23"/>
      <c r="BN1079" s="23"/>
      <c r="BO1079" s="23"/>
      <c r="BP1079" s="23"/>
      <c r="BQ1079" s="23"/>
      <c r="BR1079" s="23"/>
      <c r="BS1079" s="23"/>
      <c r="BT1079" s="23"/>
      <c r="BU1079" s="23"/>
      <c r="BV1079" s="23"/>
      <c r="BW1079" s="23"/>
      <c r="BX1079" s="23"/>
      <c r="BY1079" s="23"/>
      <c r="BZ1079" s="23"/>
      <c r="CA1079" s="23"/>
      <c r="CB1079" s="23"/>
      <c r="CC1079" s="23"/>
      <c r="CD1079" s="23"/>
      <c r="CE1079" s="23"/>
      <c r="CF1079" s="23"/>
      <c r="CG1079" s="23"/>
      <c r="CH1079" s="23"/>
      <c r="CI1079" s="23"/>
      <c r="CJ1079" s="23"/>
      <c r="CK1079" s="23"/>
      <c r="CL1079" s="23"/>
      <c r="CM1079" s="23"/>
      <c r="CN1079" s="23"/>
      <c r="CO1079" s="23"/>
      <c r="CP1079" s="23"/>
      <c r="CQ1079" s="23"/>
      <c r="CR1079" s="23"/>
      <c r="CS1079" s="23"/>
      <c r="CT1079" s="23"/>
      <c r="CU1079" s="23"/>
      <c r="CV1079" s="23"/>
      <c r="CW1079" s="23"/>
      <c r="CX1079" s="23"/>
      <c r="CY1079" s="23"/>
      <c r="CZ1079" s="23"/>
      <c r="DA1079" s="23"/>
      <c r="DB1079" s="23"/>
      <c r="DC1079" s="23"/>
      <c r="DD1079" s="23"/>
      <c r="DE1079" s="23"/>
      <c r="DF1079" s="23"/>
      <c r="DG1079" s="23"/>
      <c r="DH1079" s="23"/>
      <c r="DI1079" s="23"/>
      <c r="DJ1079" s="23"/>
      <c r="DK1079" s="23"/>
      <c r="DL1079" s="23"/>
      <c r="DM1079" s="23"/>
      <c r="DN1079" s="23"/>
      <c r="DO1079" s="23"/>
      <c r="DP1079" s="23"/>
      <c r="DQ1079" s="23"/>
      <c r="DR1079" s="23"/>
      <c r="DS1079" s="23"/>
      <c r="DT1079" s="23"/>
      <c r="DU1079" s="23"/>
      <c r="DV1079" s="23"/>
      <c r="DW1079" s="23"/>
      <c r="DX1079" s="23"/>
      <c r="DY1079" s="23"/>
      <c r="DZ1079" s="23"/>
      <c r="EA1079" s="23"/>
      <c r="EB1079" s="23"/>
      <c r="EC1079" s="23"/>
      <c r="ED1079" s="23"/>
      <c r="EE1079" s="23"/>
      <c r="EF1079" s="23"/>
      <c r="EG1079" s="23"/>
      <c r="EH1079" s="23"/>
      <c r="EI1079" s="23"/>
      <c r="EJ1079" s="23"/>
      <c r="EK1079" s="23"/>
      <c r="EL1079" s="23"/>
      <c r="EM1079" s="23"/>
      <c r="EN1079" s="23"/>
      <c r="EO1079" s="23"/>
      <c r="EP1079" s="23"/>
      <c r="EQ1079" s="23"/>
      <c r="ER1079" s="23"/>
      <c r="ES1079" s="23"/>
      <c r="ET1079" s="23"/>
      <c r="EU1079" s="23"/>
      <c r="EV1079" s="23"/>
      <c r="EW1079" s="23"/>
      <c r="EX1079" s="23"/>
      <c r="EY1079" s="23"/>
      <c r="EZ1079" s="23"/>
      <c r="FA1079" s="23"/>
      <c r="FB1079" s="23"/>
      <c r="FC1079" s="23"/>
      <c r="FD1079" s="23"/>
      <c r="FE1079" s="23"/>
      <c r="FF1079" s="23"/>
      <c r="FG1079" s="23"/>
      <c r="FH1079" s="23"/>
      <c r="FI1079" s="23"/>
      <c r="FJ1079" s="23"/>
      <c r="FK1079" s="23"/>
      <c r="FL1079" s="23"/>
      <c r="FM1079" s="23"/>
      <c r="FN1079" s="23"/>
      <c r="FO1079" s="23"/>
      <c r="FP1079" s="23"/>
      <c r="FQ1079" s="23"/>
      <c r="FR1079" s="23"/>
      <c r="FS1079" s="23"/>
      <c r="FT1079" s="23"/>
      <c r="FU1079" s="23"/>
      <c r="FV1079" s="23"/>
      <c r="FW1079" s="23"/>
      <c r="FX1079" s="23"/>
      <c r="FY1079" s="23"/>
      <c r="FZ1079" s="23"/>
      <c r="GA1079" s="23"/>
      <c r="GB1079" s="23"/>
      <c r="GC1079" s="23"/>
      <c r="GD1079" s="23"/>
      <c r="GE1079" s="23"/>
      <c r="GF1079" s="23"/>
      <c r="GG1079" s="23"/>
      <c r="GH1079" s="23"/>
      <c r="GI1079" s="23"/>
      <c r="GJ1079" s="23"/>
      <c r="GK1079" s="23"/>
      <c r="GL1079" s="23"/>
      <c r="GM1079" s="23"/>
      <c r="GN1079" s="23"/>
      <c r="GO1079" s="23"/>
      <c r="GP1079" s="23"/>
      <c r="GQ1079" s="23"/>
      <c r="GR1079" s="23"/>
      <c r="GS1079" s="23"/>
      <c r="GT1079" s="23"/>
      <c r="GU1079" s="23"/>
      <c r="GV1079" s="23"/>
      <c r="GW1079" s="23"/>
      <c r="GX1079" s="23"/>
      <c r="GY1079" s="23"/>
      <c r="GZ1079" s="23"/>
      <c r="HA1079" s="23"/>
      <c r="HB1079" s="23"/>
      <c r="HC1079" s="23"/>
      <c r="HD1079" s="23"/>
      <c r="HE1079" s="23"/>
      <c r="HF1079" s="23"/>
      <c r="HG1079" s="23"/>
      <c r="HH1079" s="23"/>
      <c r="HI1079" s="23"/>
      <c r="HJ1079" s="23"/>
      <c r="HK1079" s="23"/>
      <c r="HL1079" s="23"/>
      <c r="HM1079" s="23"/>
      <c r="HN1079" s="23"/>
      <c r="HO1079" s="23"/>
      <c r="HP1079" s="23"/>
      <c r="HQ1079" s="23"/>
      <c r="HR1079" s="23"/>
      <c r="HS1079" s="23"/>
      <c r="HT1079" s="23"/>
      <c r="HU1079" s="23"/>
      <c r="HV1079" s="23"/>
      <c r="HW1079" s="23"/>
      <c r="HX1079" s="23"/>
      <c r="HY1079" s="23"/>
      <c r="HZ1079" s="23"/>
      <c r="IA1079" s="23"/>
      <c r="IB1079" s="23"/>
      <c r="IC1079" s="23"/>
      <c r="ID1079" s="23"/>
      <c r="IE1079" s="23"/>
      <c r="IF1079" s="23"/>
      <c r="IG1079" s="23"/>
      <c r="IH1079" s="23"/>
      <c r="II1079" s="23"/>
      <c r="IJ1079" s="23"/>
      <c r="IK1079" s="23"/>
      <c r="IL1079" s="23"/>
      <c r="IM1079" s="23"/>
      <c r="IN1079" s="23"/>
      <c r="IO1079" s="23"/>
      <c r="IP1079" s="23"/>
      <c r="IQ1079" s="23"/>
    </row>
    <row r="1080" spans="1:251" s="50" customFormat="1" ht="18.75" customHeight="1">
      <c r="A1080" s="34"/>
      <c r="B1080" s="47"/>
      <c r="C1080" s="130"/>
      <c r="D1080" s="130"/>
      <c r="E1080" s="130"/>
      <c r="F1080" s="130"/>
      <c r="G1080" s="130"/>
      <c r="H1080" s="130"/>
      <c r="I1080" s="130"/>
      <c r="J1080" s="130"/>
      <c r="K1080" s="130"/>
      <c r="L1080" s="130"/>
      <c r="M1080" s="130"/>
      <c r="N1080" s="130"/>
      <c r="O1080" s="130"/>
      <c r="P1080" s="130"/>
      <c r="Q1080" s="130"/>
      <c r="R1080" s="130"/>
      <c r="S1080" s="130"/>
      <c r="T1080" s="130"/>
      <c r="U1080" s="130"/>
      <c r="V1080" s="130"/>
      <c r="W1080" s="130"/>
      <c r="X1080" s="130"/>
      <c r="Y1080" s="130"/>
      <c r="Z1080" s="131"/>
      <c r="AA1080" s="132"/>
      <c r="AB1080" s="200"/>
      <c r="AC1080" s="200"/>
      <c r="AD1080" s="200"/>
      <c r="AE1080" s="200"/>
      <c r="AF1080" s="200"/>
      <c r="AG1080" s="200"/>
      <c r="AH1080" s="200"/>
      <c r="AI1080" s="201"/>
      <c r="AJ1080" s="132"/>
      <c r="AK1080" s="196"/>
      <c r="AL1080" s="196"/>
      <c r="AM1080" s="196"/>
      <c r="AN1080" s="196"/>
      <c r="AO1080" s="196"/>
      <c r="AP1080" s="196"/>
      <c r="AQ1080" s="196"/>
      <c r="AR1080" s="197"/>
      <c r="AS1080" s="132"/>
      <c r="AT1080" s="196"/>
      <c r="AU1080" s="196"/>
      <c r="AV1080" s="196"/>
      <c r="AW1080" s="196"/>
      <c r="AX1080" s="202"/>
      <c r="AY1080" s="23"/>
      <c r="AZ1080" s="23"/>
      <c r="BA1080" s="23"/>
      <c r="BB1080" s="23"/>
      <c r="BC1080" s="23"/>
      <c r="BD1080" s="23"/>
      <c r="BE1080" s="23"/>
      <c r="BF1080" s="23"/>
      <c r="BG1080" s="23"/>
      <c r="BH1080" s="23"/>
      <c r="BI1080" s="23"/>
      <c r="BJ1080" s="23"/>
      <c r="BK1080" s="23"/>
      <c r="BL1080" s="23"/>
      <c r="BM1080" s="23"/>
      <c r="BN1080" s="23"/>
      <c r="BO1080" s="23"/>
      <c r="BP1080" s="23"/>
      <c r="BQ1080" s="23"/>
      <c r="BR1080" s="23"/>
      <c r="BS1080" s="23"/>
      <c r="BT1080" s="23"/>
      <c r="BU1080" s="23"/>
      <c r="BV1080" s="23"/>
      <c r="BW1080" s="23"/>
      <c r="BX1080" s="23"/>
      <c r="BY1080" s="23"/>
      <c r="BZ1080" s="23"/>
      <c r="CA1080" s="23"/>
      <c r="CB1080" s="23"/>
      <c r="CC1080" s="23"/>
      <c r="CD1080" s="23"/>
      <c r="CE1080" s="23"/>
      <c r="CF1080" s="23"/>
      <c r="CG1080" s="23"/>
      <c r="CH1080" s="23"/>
      <c r="CI1080" s="23"/>
      <c r="CJ1080" s="23"/>
      <c r="CK1080" s="23"/>
      <c r="CL1080" s="23"/>
      <c r="CM1080" s="23"/>
      <c r="CN1080" s="23"/>
      <c r="CO1080" s="23"/>
      <c r="CP1080" s="23"/>
      <c r="CQ1080" s="23"/>
      <c r="CR1080" s="23"/>
      <c r="CS1080" s="23"/>
      <c r="CT1080" s="23"/>
      <c r="CU1080" s="23"/>
      <c r="CV1080" s="23"/>
      <c r="CW1080" s="23"/>
      <c r="CX1080" s="23"/>
      <c r="CY1080" s="23"/>
      <c r="CZ1080" s="23"/>
      <c r="DA1080" s="23"/>
      <c r="DB1080" s="23"/>
      <c r="DC1080" s="23"/>
      <c r="DD1080" s="23"/>
      <c r="DE1080" s="23"/>
      <c r="DF1080" s="23"/>
      <c r="DG1080" s="23"/>
      <c r="DH1080" s="23"/>
      <c r="DI1080" s="23"/>
      <c r="DJ1080" s="23"/>
      <c r="DK1080" s="23"/>
      <c r="DL1080" s="23"/>
      <c r="DM1080" s="23"/>
      <c r="DN1080" s="23"/>
      <c r="DO1080" s="23"/>
      <c r="DP1080" s="23"/>
      <c r="DQ1080" s="23"/>
      <c r="DR1080" s="23"/>
      <c r="DS1080" s="23"/>
      <c r="DT1080" s="23"/>
      <c r="DU1080" s="23"/>
      <c r="DV1080" s="23"/>
      <c r="DW1080" s="23"/>
      <c r="DX1080" s="23"/>
      <c r="DY1080" s="23"/>
      <c r="DZ1080" s="23"/>
      <c r="EA1080" s="23"/>
      <c r="EB1080" s="23"/>
      <c r="EC1080" s="23"/>
      <c r="ED1080" s="23"/>
      <c r="EE1080" s="23"/>
      <c r="EF1080" s="23"/>
      <c r="EG1080" s="23"/>
      <c r="EH1080" s="23"/>
      <c r="EI1080" s="23"/>
      <c r="EJ1080" s="23"/>
      <c r="EK1080" s="23"/>
      <c r="EL1080" s="23"/>
      <c r="EM1080" s="23"/>
      <c r="EN1080" s="23"/>
      <c r="EO1080" s="23"/>
      <c r="EP1080" s="23"/>
      <c r="EQ1080" s="23"/>
      <c r="ER1080" s="23"/>
      <c r="ES1080" s="23"/>
      <c r="ET1080" s="23"/>
      <c r="EU1080" s="23"/>
      <c r="EV1080" s="23"/>
      <c r="EW1080" s="23"/>
      <c r="EX1080" s="23"/>
      <c r="EY1080" s="23"/>
      <c r="EZ1080" s="23"/>
      <c r="FA1080" s="23"/>
      <c r="FB1080" s="23"/>
      <c r="FC1080" s="23"/>
      <c r="FD1080" s="23"/>
      <c r="FE1080" s="23"/>
      <c r="FF1080" s="23"/>
      <c r="FG1080" s="23"/>
      <c r="FH1080" s="23"/>
      <c r="FI1080" s="23"/>
      <c r="FJ1080" s="23"/>
      <c r="FK1080" s="23"/>
      <c r="FL1080" s="23"/>
      <c r="FM1080" s="23"/>
      <c r="FN1080" s="23"/>
      <c r="FO1080" s="23"/>
      <c r="FP1080" s="23"/>
      <c r="FQ1080" s="23"/>
      <c r="FR1080" s="23"/>
      <c r="FS1080" s="23"/>
      <c r="FT1080" s="23"/>
      <c r="FU1080" s="23"/>
      <c r="FV1080" s="23"/>
      <c r="FW1080" s="23"/>
      <c r="FX1080" s="23"/>
      <c r="FY1080" s="23"/>
      <c r="FZ1080" s="23"/>
      <c r="GA1080" s="23"/>
      <c r="GB1080" s="23"/>
      <c r="GC1080" s="23"/>
      <c r="GD1080" s="23"/>
      <c r="GE1080" s="23"/>
      <c r="GF1080" s="23"/>
      <c r="GG1080" s="23"/>
      <c r="GH1080" s="23"/>
      <c r="GI1080" s="23"/>
      <c r="GJ1080" s="23"/>
      <c r="GK1080" s="23"/>
      <c r="GL1080" s="23"/>
      <c r="GM1080" s="23"/>
      <c r="GN1080" s="23"/>
      <c r="GO1080" s="23"/>
      <c r="GP1080" s="23"/>
      <c r="GQ1080" s="23"/>
      <c r="GR1080" s="23"/>
      <c r="GS1080" s="23"/>
      <c r="GT1080" s="23"/>
      <c r="GU1080" s="23"/>
      <c r="GV1080" s="23"/>
      <c r="GW1080" s="23"/>
      <c r="GX1080" s="23"/>
      <c r="GY1080" s="23"/>
      <c r="GZ1080" s="23"/>
      <c r="HA1080" s="23"/>
      <c r="HB1080" s="23"/>
      <c r="HC1080" s="23"/>
      <c r="HD1080" s="23"/>
      <c r="HE1080" s="23"/>
      <c r="HF1080" s="23"/>
      <c r="HG1080" s="23"/>
      <c r="HH1080" s="23"/>
      <c r="HI1080" s="23"/>
      <c r="HJ1080" s="23"/>
      <c r="HK1080" s="23"/>
      <c r="HL1080" s="23"/>
      <c r="HM1080" s="23"/>
      <c r="HN1080" s="23"/>
      <c r="HO1080" s="23"/>
      <c r="HP1080" s="23"/>
      <c r="HQ1080" s="23"/>
      <c r="HR1080" s="23"/>
      <c r="HS1080" s="23"/>
      <c r="HT1080" s="23"/>
      <c r="HU1080" s="23"/>
      <c r="HV1080" s="23"/>
      <c r="HW1080" s="23"/>
      <c r="HX1080" s="23"/>
      <c r="HY1080" s="23"/>
      <c r="HZ1080" s="23"/>
      <c r="IA1080" s="23"/>
      <c r="IB1080" s="23"/>
      <c r="IC1080" s="23"/>
      <c r="ID1080" s="23"/>
      <c r="IE1080" s="23"/>
      <c r="IF1080" s="23"/>
      <c r="IG1080" s="23"/>
      <c r="IH1080" s="23"/>
      <c r="II1080" s="23"/>
      <c r="IJ1080" s="23"/>
      <c r="IK1080" s="23"/>
      <c r="IL1080" s="23"/>
      <c r="IM1080" s="23"/>
      <c r="IN1080" s="23"/>
      <c r="IO1080" s="23"/>
      <c r="IP1080" s="23"/>
      <c r="IQ1080" s="23"/>
    </row>
    <row r="1081" spans="1:251" s="50" customFormat="1" ht="18.75" customHeight="1">
      <c r="A1081" s="34"/>
      <c r="B1081" s="48"/>
      <c r="C1081" s="130"/>
      <c r="D1081" s="130"/>
      <c r="E1081" s="130"/>
      <c r="F1081" s="130"/>
      <c r="G1081" s="130"/>
      <c r="H1081" s="130"/>
      <c r="I1081" s="130"/>
      <c r="J1081" s="130"/>
      <c r="K1081" s="130"/>
      <c r="L1081" s="130"/>
      <c r="M1081" s="130"/>
      <c r="N1081" s="130"/>
      <c r="O1081" s="130"/>
      <c r="P1081" s="130"/>
      <c r="Q1081" s="130"/>
      <c r="R1081" s="130"/>
      <c r="S1081" s="130"/>
      <c r="T1081" s="130"/>
      <c r="U1081" s="130"/>
      <c r="V1081" s="130"/>
      <c r="W1081" s="130"/>
      <c r="X1081" s="130"/>
      <c r="Y1081" s="130"/>
      <c r="Z1081" s="131"/>
      <c r="AA1081" s="132"/>
      <c r="AB1081" s="200"/>
      <c r="AC1081" s="200"/>
      <c r="AD1081" s="200"/>
      <c r="AE1081" s="200"/>
      <c r="AF1081" s="200"/>
      <c r="AG1081" s="200"/>
      <c r="AH1081" s="200"/>
      <c r="AI1081" s="201"/>
      <c r="AJ1081" s="132"/>
      <c r="AK1081" s="196"/>
      <c r="AL1081" s="196"/>
      <c r="AM1081" s="196"/>
      <c r="AN1081" s="196"/>
      <c r="AO1081" s="196"/>
      <c r="AP1081" s="196"/>
      <c r="AQ1081" s="196"/>
      <c r="AR1081" s="197"/>
      <c r="AS1081" s="136"/>
      <c r="AT1081" s="198"/>
      <c r="AU1081" s="198"/>
      <c r="AV1081" s="198"/>
      <c r="AW1081" s="198"/>
      <c r="AX1081" s="199"/>
      <c r="AY1081" s="23"/>
      <c r="AZ1081" s="23"/>
      <c r="BA1081" s="23"/>
      <c r="BB1081" s="23"/>
      <c r="BC1081" s="23"/>
      <c r="BD1081" s="23"/>
      <c r="BE1081" s="23"/>
      <c r="BF1081" s="23"/>
      <c r="BG1081" s="23"/>
      <c r="BH1081" s="23"/>
      <c r="BI1081" s="23"/>
      <c r="BJ1081" s="23"/>
      <c r="BK1081" s="23"/>
      <c r="BL1081" s="23"/>
      <c r="BM1081" s="23"/>
      <c r="BN1081" s="23"/>
      <c r="BO1081" s="23"/>
      <c r="BP1081" s="23"/>
      <c r="BQ1081" s="23"/>
      <c r="BR1081" s="23"/>
      <c r="BS1081" s="23"/>
      <c r="BT1081" s="23"/>
      <c r="BU1081" s="23"/>
      <c r="BV1081" s="23"/>
      <c r="BW1081" s="23"/>
      <c r="BX1081" s="23"/>
      <c r="BY1081" s="23"/>
      <c r="BZ1081" s="23"/>
      <c r="CA1081" s="23"/>
      <c r="CB1081" s="23"/>
      <c r="CC1081" s="23"/>
      <c r="CD1081" s="23"/>
      <c r="CE1081" s="23"/>
      <c r="CF1081" s="23"/>
      <c r="CG1081" s="23"/>
      <c r="CH1081" s="23"/>
      <c r="CI1081" s="23"/>
      <c r="CJ1081" s="23"/>
      <c r="CK1081" s="23"/>
      <c r="CL1081" s="23"/>
      <c r="CM1081" s="23"/>
      <c r="CN1081" s="23"/>
      <c r="CO1081" s="23"/>
      <c r="CP1081" s="23"/>
      <c r="CQ1081" s="23"/>
      <c r="CR1081" s="23"/>
      <c r="CS1081" s="23"/>
      <c r="CT1081" s="23"/>
      <c r="CU1081" s="23"/>
      <c r="CV1081" s="23"/>
      <c r="CW1081" s="23"/>
      <c r="CX1081" s="23"/>
      <c r="CY1081" s="23"/>
      <c r="CZ1081" s="23"/>
      <c r="DA1081" s="23"/>
      <c r="DB1081" s="23"/>
      <c r="DC1081" s="23"/>
      <c r="DD1081" s="23"/>
      <c r="DE1081" s="23"/>
      <c r="DF1081" s="23"/>
      <c r="DG1081" s="23"/>
      <c r="DH1081" s="23"/>
      <c r="DI1081" s="23"/>
      <c r="DJ1081" s="23"/>
      <c r="DK1081" s="23"/>
      <c r="DL1081" s="23"/>
      <c r="DM1081" s="23"/>
      <c r="DN1081" s="23"/>
      <c r="DO1081" s="23"/>
      <c r="DP1081" s="23"/>
      <c r="DQ1081" s="23"/>
      <c r="DR1081" s="23"/>
      <c r="DS1081" s="23"/>
      <c r="DT1081" s="23"/>
      <c r="DU1081" s="23"/>
      <c r="DV1081" s="23"/>
      <c r="DW1081" s="23"/>
      <c r="DX1081" s="23"/>
      <c r="DY1081" s="23"/>
      <c r="DZ1081" s="23"/>
      <c r="EA1081" s="23"/>
      <c r="EB1081" s="23"/>
      <c r="EC1081" s="23"/>
      <c r="ED1081" s="23"/>
      <c r="EE1081" s="23"/>
      <c r="EF1081" s="23"/>
      <c r="EG1081" s="23"/>
      <c r="EH1081" s="23"/>
      <c r="EI1081" s="23"/>
      <c r="EJ1081" s="23"/>
      <c r="EK1081" s="23"/>
      <c r="EL1081" s="23"/>
      <c r="EM1081" s="23"/>
      <c r="EN1081" s="23"/>
      <c r="EO1081" s="23"/>
      <c r="EP1081" s="23"/>
      <c r="EQ1081" s="23"/>
      <c r="ER1081" s="23"/>
      <c r="ES1081" s="23"/>
      <c r="ET1081" s="23"/>
      <c r="EU1081" s="23"/>
      <c r="EV1081" s="23"/>
      <c r="EW1081" s="23"/>
      <c r="EX1081" s="23"/>
      <c r="EY1081" s="23"/>
      <c r="EZ1081" s="23"/>
      <c r="FA1081" s="23"/>
      <c r="FB1081" s="23"/>
      <c r="FC1081" s="23"/>
      <c r="FD1081" s="23"/>
      <c r="FE1081" s="23"/>
      <c r="FF1081" s="23"/>
      <c r="FG1081" s="23"/>
      <c r="FH1081" s="23"/>
      <c r="FI1081" s="23"/>
      <c r="FJ1081" s="23"/>
      <c r="FK1081" s="23"/>
      <c r="FL1081" s="23"/>
      <c r="FM1081" s="23"/>
      <c r="FN1081" s="23"/>
      <c r="FO1081" s="23"/>
      <c r="FP1081" s="23"/>
      <c r="FQ1081" s="23"/>
      <c r="FR1081" s="23"/>
      <c r="FS1081" s="23"/>
      <c r="FT1081" s="23"/>
      <c r="FU1081" s="23"/>
      <c r="FV1081" s="23"/>
      <c r="FW1081" s="23"/>
      <c r="FX1081" s="23"/>
      <c r="FY1081" s="23"/>
      <c r="FZ1081" s="23"/>
      <c r="GA1081" s="23"/>
      <c r="GB1081" s="23"/>
      <c r="GC1081" s="23"/>
      <c r="GD1081" s="23"/>
      <c r="GE1081" s="23"/>
      <c r="GF1081" s="23"/>
      <c r="GG1081" s="23"/>
      <c r="GH1081" s="23"/>
      <c r="GI1081" s="23"/>
      <c r="GJ1081" s="23"/>
      <c r="GK1081" s="23"/>
      <c r="GL1081" s="23"/>
      <c r="GM1081" s="23"/>
      <c r="GN1081" s="23"/>
      <c r="GO1081" s="23"/>
      <c r="GP1081" s="23"/>
      <c r="GQ1081" s="23"/>
      <c r="GR1081" s="23"/>
      <c r="GS1081" s="23"/>
      <c r="GT1081" s="23"/>
      <c r="GU1081" s="23"/>
      <c r="GV1081" s="23"/>
      <c r="GW1081" s="23"/>
      <c r="GX1081" s="23"/>
      <c r="GY1081" s="23"/>
      <c r="GZ1081" s="23"/>
      <c r="HA1081" s="23"/>
      <c r="HB1081" s="23"/>
      <c r="HC1081" s="23"/>
      <c r="HD1081" s="23"/>
      <c r="HE1081" s="23"/>
      <c r="HF1081" s="23"/>
      <c r="HG1081" s="23"/>
      <c r="HH1081" s="23"/>
      <c r="HI1081" s="23"/>
      <c r="HJ1081" s="23"/>
      <c r="HK1081" s="23"/>
      <c r="HL1081" s="23"/>
      <c r="HM1081" s="23"/>
      <c r="HN1081" s="23"/>
      <c r="HO1081" s="23"/>
      <c r="HP1081" s="23"/>
      <c r="HQ1081" s="23"/>
      <c r="HR1081" s="23"/>
      <c r="HS1081" s="23"/>
      <c r="HT1081" s="23"/>
      <c r="HU1081" s="23"/>
      <c r="HV1081" s="23"/>
      <c r="HW1081" s="23"/>
      <c r="HX1081" s="23"/>
      <c r="HY1081" s="23"/>
      <c r="HZ1081" s="23"/>
      <c r="IA1081" s="23"/>
      <c r="IB1081" s="23"/>
      <c r="IC1081" s="23"/>
      <c r="ID1081" s="23"/>
      <c r="IE1081" s="23"/>
      <c r="IF1081" s="23"/>
      <c r="IG1081" s="23"/>
      <c r="IH1081" s="23"/>
      <c r="II1081" s="23"/>
      <c r="IJ1081" s="23"/>
      <c r="IK1081" s="23"/>
      <c r="IL1081" s="23"/>
      <c r="IM1081" s="23"/>
      <c r="IN1081" s="23"/>
      <c r="IO1081" s="23"/>
      <c r="IP1081" s="23"/>
      <c r="IQ1081" s="23"/>
    </row>
    <row r="1082" spans="1:251" s="50" customFormat="1" ht="18.75" customHeight="1">
      <c r="A1082" s="34"/>
      <c r="B1082" s="47"/>
      <c r="C1082" s="130"/>
      <c r="D1082" s="130"/>
      <c r="E1082" s="130"/>
      <c r="F1082" s="130"/>
      <c r="G1082" s="130"/>
      <c r="H1082" s="130"/>
      <c r="I1082" s="130"/>
      <c r="J1082" s="130"/>
      <c r="K1082" s="130"/>
      <c r="L1082" s="130"/>
      <c r="M1082" s="130"/>
      <c r="N1082" s="130"/>
      <c r="O1082" s="130"/>
      <c r="P1082" s="130"/>
      <c r="Q1082" s="130"/>
      <c r="R1082" s="130"/>
      <c r="S1082" s="130"/>
      <c r="T1082" s="130"/>
      <c r="U1082" s="130"/>
      <c r="V1082" s="130"/>
      <c r="W1082" s="130"/>
      <c r="X1082" s="130"/>
      <c r="Y1082" s="130"/>
      <c r="Z1082" s="131"/>
      <c r="AA1082" s="132"/>
      <c r="AB1082" s="200"/>
      <c r="AC1082" s="200"/>
      <c r="AD1082" s="200"/>
      <c r="AE1082" s="200"/>
      <c r="AF1082" s="200"/>
      <c r="AG1082" s="200"/>
      <c r="AH1082" s="200"/>
      <c r="AI1082" s="201"/>
      <c r="AJ1082" s="132"/>
      <c r="AK1082" s="196"/>
      <c r="AL1082" s="196"/>
      <c r="AM1082" s="196"/>
      <c r="AN1082" s="196"/>
      <c r="AO1082" s="196"/>
      <c r="AP1082" s="196"/>
      <c r="AQ1082" s="196"/>
      <c r="AR1082" s="197"/>
      <c r="AS1082" s="132"/>
      <c r="AT1082" s="196"/>
      <c r="AU1082" s="196"/>
      <c r="AV1082" s="196"/>
      <c r="AW1082" s="196"/>
      <c r="AX1082" s="202"/>
      <c r="AY1082" s="23"/>
      <c r="AZ1082" s="23"/>
      <c r="BA1082" s="23"/>
      <c r="BB1082" s="23"/>
      <c r="BC1082" s="23"/>
      <c r="BD1082" s="23"/>
      <c r="BE1082" s="23"/>
      <c r="BF1082" s="23"/>
      <c r="BG1082" s="23"/>
      <c r="BH1082" s="23"/>
      <c r="BI1082" s="23"/>
      <c r="BJ1082" s="23"/>
      <c r="BK1082" s="23"/>
      <c r="BL1082" s="23"/>
      <c r="BM1082" s="23"/>
      <c r="BN1082" s="23"/>
      <c r="BO1082" s="23"/>
      <c r="BP1082" s="23"/>
      <c r="BQ1082" s="23"/>
      <c r="BR1082" s="23"/>
      <c r="BS1082" s="23"/>
      <c r="BT1082" s="23"/>
      <c r="BU1082" s="23"/>
      <c r="BV1082" s="23"/>
      <c r="BW1082" s="23"/>
      <c r="BX1082" s="23"/>
      <c r="BY1082" s="23"/>
      <c r="BZ1082" s="23"/>
      <c r="CA1082" s="23"/>
      <c r="CB1082" s="23"/>
      <c r="CC1082" s="23"/>
      <c r="CD1082" s="23"/>
      <c r="CE1082" s="23"/>
      <c r="CF1082" s="23"/>
      <c r="CG1082" s="23"/>
      <c r="CH1082" s="23"/>
      <c r="CI1082" s="23"/>
      <c r="CJ1082" s="23"/>
      <c r="CK1082" s="23"/>
      <c r="CL1082" s="23"/>
      <c r="CM1082" s="23"/>
      <c r="CN1082" s="23"/>
      <c r="CO1082" s="23"/>
      <c r="CP1082" s="23"/>
      <c r="CQ1082" s="23"/>
      <c r="CR1082" s="23"/>
      <c r="CS1082" s="23"/>
      <c r="CT1082" s="23"/>
      <c r="CU1082" s="23"/>
      <c r="CV1082" s="23"/>
      <c r="CW1082" s="23"/>
      <c r="CX1082" s="23"/>
      <c r="CY1082" s="23"/>
      <c r="CZ1082" s="23"/>
      <c r="DA1082" s="23"/>
      <c r="DB1082" s="23"/>
      <c r="DC1082" s="23"/>
      <c r="DD1082" s="23"/>
      <c r="DE1082" s="23"/>
      <c r="DF1082" s="23"/>
      <c r="DG1082" s="23"/>
      <c r="DH1082" s="23"/>
      <c r="DI1082" s="23"/>
      <c r="DJ1082" s="23"/>
      <c r="DK1082" s="23"/>
      <c r="DL1082" s="23"/>
      <c r="DM1082" s="23"/>
      <c r="DN1082" s="23"/>
      <c r="DO1082" s="23"/>
      <c r="DP1082" s="23"/>
      <c r="DQ1082" s="23"/>
      <c r="DR1082" s="23"/>
      <c r="DS1082" s="23"/>
      <c r="DT1082" s="23"/>
      <c r="DU1082" s="23"/>
      <c r="DV1082" s="23"/>
      <c r="DW1082" s="23"/>
      <c r="DX1082" s="23"/>
      <c r="DY1082" s="23"/>
      <c r="DZ1082" s="23"/>
      <c r="EA1082" s="23"/>
      <c r="EB1082" s="23"/>
      <c r="EC1082" s="23"/>
      <c r="ED1082" s="23"/>
      <c r="EE1082" s="23"/>
      <c r="EF1082" s="23"/>
      <c r="EG1082" s="23"/>
      <c r="EH1082" s="23"/>
      <c r="EI1082" s="23"/>
      <c r="EJ1082" s="23"/>
      <c r="EK1082" s="23"/>
      <c r="EL1082" s="23"/>
      <c r="EM1082" s="23"/>
      <c r="EN1082" s="23"/>
      <c r="EO1082" s="23"/>
      <c r="EP1082" s="23"/>
      <c r="EQ1082" s="23"/>
      <c r="ER1082" s="23"/>
      <c r="ES1082" s="23"/>
      <c r="ET1082" s="23"/>
      <c r="EU1082" s="23"/>
      <c r="EV1082" s="23"/>
      <c r="EW1082" s="23"/>
      <c r="EX1082" s="23"/>
      <c r="EY1082" s="23"/>
      <c r="EZ1082" s="23"/>
      <c r="FA1082" s="23"/>
      <c r="FB1082" s="23"/>
      <c r="FC1082" s="23"/>
      <c r="FD1082" s="23"/>
      <c r="FE1082" s="23"/>
      <c r="FF1082" s="23"/>
      <c r="FG1082" s="23"/>
      <c r="FH1082" s="23"/>
      <c r="FI1082" s="23"/>
      <c r="FJ1082" s="23"/>
      <c r="FK1082" s="23"/>
      <c r="FL1082" s="23"/>
      <c r="FM1082" s="23"/>
      <c r="FN1082" s="23"/>
      <c r="FO1082" s="23"/>
      <c r="FP1082" s="23"/>
      <c r="FQ1082" s="23"/>
      <c r="FR1082" s="23"/>
      <c r="FS1082" s="23"/>
      <c r="FT1082" s="23"/>
      <c r="FU1082" s="23"/>
      <c r="FV1082" s="23"/>
      <c r="FW1082" s="23"/>
      <c r="FX1082" s="23"/>
      <c r="FY1082" s="23"/>
      <c r="FZ1082" s="23"/>
      <c r="GA1082" s="23"/>
      <c r="GB1082" s="23"/>
      <c r="GC1082" s="23"/>
      <c r="GD1082" s="23"/>
      <c r="GE1082" s="23"/>
      <c r="GF1082" s="23"/>
      <c r="GG1082" s="23"/>
      <c r="GH1082" s="23"/>
      <c r="GI1082" s="23"/>
      <c r="GJ1082" s="23"/>
      <c r="GK1082" s="23"/>
      <c r="GL1082" s="23"/>
      <c r="GM1082" s="23"/>
      <c r="GN1082" s="23"/>
      <c r="GO1082" s="23"/>
      <c r="GP1082" s="23"/>
      <c r="GQ1082" s="23"/>
      <c r="GR1082" s="23"/>
      <c r="GS1082" s="23"/>
      <c r="GT1082" s="23"/>
      <c r="GU1082" s="23"/>
      <c r="GV1082" s="23"/>
      <c r="GW1082" s="23"/>
      <c r="GX1082" s="23"/>
      <c r="GY1082" s="23"/>
      <c r="GZ1082" s="23"/>
      <c r="HA1082" s="23"/>
      <c r="HB1082" s="23"/>
      <c r="HC1082" s="23"/>
      <c r="HD1082" s="23"/>
      <c r="HE1082" s="23"/>
      <c r="HF1082" s="23"/>
      <c r="HG1082" s="23"/>
      <c r="HH1082" s="23"/>
      <c r="HI1082" s="23"/>
      <c r="HJ1082" s="23"/>
      <c r="HK1082" s="23"/>
      <c r="HL1082" s="23"/>
      <c r="HM1082" s="23"/>
      <c r="HN1082" s="23"/>
      <c r="HO1082" s="23"/>
      <c r="HP1082" s="23"/>
      <c r="HQ1082" s="23"/>
      <c r="HR1082" s="23"/>
      <c r="HS1082" s="23"/>
      <c r="HT1082" s="23"/>
      <c r="HU1082" s="23"/>
      <c r="HV1082" s="23"/>
      <c r="HW1082" s="23"/>
      <c r="HX1082" s="23"/>
      <c r="HY1082" s="23"/>
      <c r="HZ1082" s="23"/>
      <c r="IA1082" s="23"/>
      <c r="IB1082" s="23"/>
      <c r="IC1082" s="23"/>
      <c r="ID1082" s="23"/>
      <c r="IE1082" s="23"/>
      <c r="IF1082" s="23"/>
      <c r="IG1082" s="23"/>
      <c r="IH1082" s="23"/>
      <c r="II1082" s="23"/>
      <c r="IJ1082" s="23"/>
      <c r="IK1082" s="23"/>
      <c r="IL1082" s="23"/>
      <c r="IM1082" s="23"/>
      <c r="IN1082" s="23"/>
      <c r="IO1082" s="23"/>
      <c r="IP1082" s="23"/>
      <c r="IQ1082" s="23"/>
    </row>
    <row r="1083" spans="1:251" s="50" customFormat="1" ht="18.75" customHeight="1">
      <c r="A1083" s="34"/>
      <c r="B1083" s="48"/>
      <c r="C1083" s="130"/>
      <c r="D1083" s="130"/>
      <c r="E1083" s="130"/>
      <c r="F1083" s="130"/>
      <c r="G1083" s="130"/>
      <c r="H1083" s="130"/>
      <c r="I1083" s="130"/>
      <c r="J1083" s="130"/>
      <c r="K1083" s="130"/>
      <c r="L1083" s="130"/>
      <c r="M1083" s="130"/>
      <c r="N1083" s="130"/>
      <c r="O1083" s="130"/>
      <c r="P1083" s="130"/>
      <c r="Q1083" s="130"/>
      <c r="R1083" s="130"/>
      <c r="S1083" s="130"/>
      <c r="T1083" s="130"/>
      <c r="U1083" s="130"/>
      <c r="V1083" s="130"/>
      <c r="W1083" s="130"/>
      <c r="X1083" s="130"/>
      <c r="Y1083" s="130"/>
      <c r="Z1083" s="131"/>
      <c r="AA1083" s="132"/>
      <c r="AB1083" s="200"/>
      <c r="AC1083" s="200"/>
      <c r="AD1083" s="200"/>
      <c r="AE1083" s="200"/>
      <c r="AF1083" s="200"/>
      <c r="AG1083" s="200"/>
      <c r="AH1083" s="200"/>
      <c r="AI1083" s="201"/>
      <c r="AJ1083" s="132"/>
      <c r="AK1083" s="133"/>
      <c r="AL1083" s="133"/>
      <c r="AM1083" s="133"/>
      <c r="AN1083" s="133"/>
      <c r="AO1083" s="133"/>
      <c r="AP1083" s="133"/>
      <c r="AQ1083" s="133"/>
      <c r="AR1083" s="134"/>
      <c r="AS1083" s="132"/>
      <c r="AT1083" s="196"/>
      <c r="AU1083" s="196"/>
      <c r="AV1083" s="196"/>
      <c r="AW1083" s="196"/>
      <c r="AX1083" s="202"/>
      <c r="AY1083" s="23"/>
      <c r="AZ1083" s="23"/>
      <c r="BA1083" s="23"/>
      <c r="BB1083" s="23"/>
      <c r="BC1083" s="23"/>
      <c r="BD1083" s="23"/>
      <c r="BE1083" s="23"/>
      <c r="BF1083" s="23"/>
      <c r="BG1083" s="23"/>
      <c r="BH1083" s="23"/>
      <c r="BI1083" s="23"/>
      <c r="BJ1083" s="23"/>
      <c r="BK1083" s="23"/>
      <c r="BL1083" s="23"/>
      <c r="BM1083" s="23"/>
      <c r="BN1083" s="23"/>
      <c r="BO1083" s="23"/>
      <c r="BP1083" s="23"/>
      <c r="BQ1083" s="23"/>
      <c r="BR1083" s="23"/>
      <c r="BS1083" s="23"/>
      <c r="BT1083" s="23"/>
      <c r="BU1083" s="23"/>
      <c r="BV1083" s="23"/>
      <c r="BW1083" s="23"/>
      <c r="BX1083" s="23"/>
      <c r="BY1083" s="23"/>
      <c r="BZ1083" s="23"/>
      <c r="CA1083" s="23"/>
      <c r="CB1083" s="23"/>
      <c r="CC1083" s="23"/>
      <c r="CD1083" s="23"/>
      <c r="CE1083" s="23"/>
      <c r="CF1083" s="23"/>
      <c r="CG1083" s="23"/>
      <c r="CH1083" s="23"/>
      <c r="CI1083" s="23"/>
      <c r="CJ1083" s="23"/>
      <c r="CK1083" s="23"/>
      <c r="CL1083" s="23"/>
      <c r="CM1083" s="23"/>
      <c r="CN1083" s="23"/>
      <c r="CO1083" s="23"/>
      <c r="CP1083" s="23"/>
      <c r="CQ1083" s="23"/>
      <c r="CR1083" s="23"/>
      <c r="CS1083" s="23"/>
      <c r="CT1083" s="23"/>
      <c r="CU1083" s="23"/>
      <c r="CV1083" s="23"/>
      <c r="CW1083" s="23"/>
      <c r="CX1083" s="23"/>
      <c r="CY1083" s="23"/>
      <c r="CZ1083" s="23"/>
      <c r="DA1083" s="23"/>
      <c r="DB1083" s="23"/>
      <c r="DC1083" s="23"/>
      <c r="DD1083" s="23"/>
      <c r="DE1083" s="23"/>
      <c r="DF1083" s="23"/>
      <c r="DG1083" s="23"/>
      <c r="DH1083" s="23"/>
      <c r="DI1083" s="23"/>
      <c r="DJ1083" s="23"/>
      <c r="DK1083" s="23"/>
      <c r="DL1083" s="23"/>
      <c r="DM1083" s="23"/>
      <c r="DN1083" s="23"/>
      <c r="DO1083" s="23"/>
      <c r="DP1083" s="23"/>
      <c r="DQ1083" s="23"/>
      <c r="DR1083" s="23"/>
      <c r="DS1083" s="23"/>
      <c r="DT1083" s="23"/>
      <c r="DU1083" s="23"/>
      <c r="DV1083" s="23"/>
      <c r="DW1083" s="23"/>
      <c r="DX1083" s="23"/>
      <c r="DY1083" s="23"/>
      <c r="DZ1083" s="23"/>
      <c r="EA1083" s="23"/>
      <c r="EB1083" s="23"/>
      <c r="EC1083" s="23"/>
      <c r="ED1083" s="23"/>
      <c r="EE1083" s="23"/>
      <c r="EF1083" s="23"/>
      <c r="EG1083" s="23"/>
      <c r="EH1083" s="23"/>
      <c r="EI1083" s="23"/>
      <c r="EJ1083" s="23"/>
      <c r="EK1083" s="23"/>
      <c r="EL1083" s="23"/>
      <c r="EM1083" s="23"/>
      <c r="EN1083" s="23"/>
      <c r="EO1083" s="23"/>
      <c r="EP1083" s="23"/>
      <c r="EQ1083" s="23"/>
      <c r="ER1083" s="23"/>
      <c r="ES1083" s="23"/>
      <c r="ET1083" s="23"/>
      <c r="EU1083" s="23"/>
      <c r="EV1083" s="23"/>
      <c r="EW1083" s="23"/>
      <c r="EX1083" s="23"/>
      <c r="EY1083" s="23"/>
      <c r="EZ1083" s="23"/>
      <c r="FA1083" s="23"/>
      <c r="FB1083" s="23"/>
      <c r="FC1083" s="23"/>
      <c r="FD1083" s="23"/>
      <c r="FE1083" s="23"/>
      <c r="FF1083" s="23"/>
      <c r="FG1083" s="23"/>
      <c r="FH1083" s="23"/>
      <c r="FI1083" s="23"/>
      <c r="FJ1083" s="23"/>
      <c r="FK1083" s="23"/>
      <c r="FL1083" s="23"/>
      <c r="FM1083" s="23"/>
      <c r="FN1083" s="23"/>
      <c r="FO1083" s="23"/>
      <c r="FP1083" s="23"/>
      <c r="FQ1083" s="23"/>
      <c r="FR1083" s="23"/>
      <c r="FS1083" s="23"/>
      <c r="FT1083" s="23"/>
      <c r="FU1083" s="23"/>
      <c r="FV1083" s="23"/>
      <c r="FW1083" s="23"/>
      <c r="FX1083" s="23"/>
      <c r="FY1083" s="23"/>
      <c r="FZ1083" s="23"/>
      <c r="GA1083" s="23"/>
      <c r="GB1083" s="23"/>
      <c r="GC1083" s="23"/>
      <c r="GD1083" s="23"/>
      <c r="GE1083" s="23"/>
      <c r="GF1083" s="23"/>
      <c r="GG1083" s="23"/>
      <c r="GH1083" s="23"/>
      <c r="GI1083" s="23"/>
      <c r="GJ1083" s="23"/>
      <c r="GK1083" s="23"/>
      <c r="GL1083" s="23"/>
      <c r="GM1083" s="23"/>
      <c r="GN1083" s="23"/>
      <c r="GO1083" s="23"/>
      <c r="GP1083" s="23"/>
      <c r="GQ1083" s="23"/>
      <c r="GR1083" s="23"/>
      <c r="GS1083" s="23"/>
      <c r="GT1083" s="23"/>
      <c r="GU1083" s="23"/>
      <c r="GV1083" s="23"/>
      <c r="GW1083" s="23"/>
      <c r="GX1083" s="23"/>
      <c r="GY1083" s="23"/>
      <c r="GZ1083" s="23"/>
      <c r="HA1083" s="23"/>
      <c r="HB1083" s="23"/>
      <c r="HC1083" s="23"/>
      <c r="HD1083" s="23"/>
      <c r="HE1083" s="23"/>
      <c r="HF1083" s="23"/>
      <c r="HG1083" s="23"/>
      <c r="HH1083" s="23"/>
      <c r="HI1083" s="23"/>
      <c r="HJ1083" s="23"/>
      <c r="HK1083" s="23"/>
      <c r="HL1083" s="23"/>
      <c r="HM1083" s="23"/>
      <c r="HN1083" s="23"/>
      <c r="HO1083" s="23"/>
      <c r="HP1083" s="23"/>
      <c r="HQ1083" s="23"/>
      <c r="HR1083" s="23"/>
      <c r="HS1083" s="23"/>
      <c r="HT1083" s="23"/>
      <c r="HU1083" s="23"/>
      <c r="HV1083" s="23"/>
      <c r="HW1083" s="23"/>
      <c r="HX1083" s="23"/>
      <c r="HY1083" s="23"/>
      <c r="HZ1083" s="23"/>
      <c r="IA1083" s="23"/>
      <c r="IB1083" s="23"/>
      <c r="IC1083" s="23"/>
      <c r="ID1083" s="23"/>
      <c r="IE1083" s="23"/>
      <c r="IF1083" s="23"/>
      <c r="IG1083" s="23"/>
      <c r="IH1083" s="23"/>
      <c r="II1083" s="23"/>
      <c r="IJ1083" s="23"/>
      <c r="IK1083" s="23"/>
      <c r="IL1083" s="23"/>
      <c r="IM1083" s="23"/>
      <c r="IN1083" s="23"/>
      <c r="IO1083" s="23"/>
      <c r="IP1083" s="23"/>
      <c r="IQ1083" s="23"/>
    </row>
    <row r="1084" spans="1:251" s="50" customFormat="1" ht="18.75" customHeight="1" thickBot="1">
      <c r="A1084" s="34"/>
      <c r="B1084" s="49"/>
      <c r="C1084" s="158"/>
      <c r="D1084" s="158"/>
      <c r="E1084" s="158"/>
      <c r="F1084" s="158"/>
      <c r="G1084" s="158"/>
      <c r="H1084" s="158"/>
      <c r="I1084" s="158"/>
      <c r="J1084" s="158"/>
      <c r="K1084" s="158"/>
      <c r="L1084" s="158"/>
      <c r="M1084" s="158"/>
      <c r="N1084" s="158"/>
      <c r="O1084" s="158"/>
      <c r="P1084" s="158"/>
      <c r="Q1084" s="158"/>
      <c r="R1084" s="158"/>
      <c r="S1084" s="158"/>
      <c r="T1084" s="158"/>
      <c r="U1084" s="158"/>
      <c r="V1084" s="158"/>
      <c r="W1084" s="158"/>
      <c r="X1084" s="158"/>
      <c r="Y1084" s="158"/>
      <c r="Z1084" s="159"/>
      <c r="AA1084" s="160"/>
      <c r="AB1084" s="211"/>
      <c r="AC1084" s="211"/>
      <c r="AD1084" s="211"/>
      <c r="AE1084" s="211"/>
      <c r="AF1084" s="211"/>
      <c r="AG1084" s="211"/>
      <c r="AH1084" s="211"/>
      <c r="AI1084" s="212"/>
      <c r="AJ1084" s="160"/>
      <c r="AK1084" s="161"/>
      <c r="AL1084" s="161"/>
      <c r="AM1084" s="161"/>
      <c r="AN1084" s="161"/>
      <c r="AO1084" s="161"/>
      <c r="AP1084" s="161"/>
      <c r="AQ1084" s="161"/>
      <c r="AR1084" s="162"/>
      <c r="AS1084" s="188"/>
      <c r="AT1084" s="213"/>
      <c r="AU1084" s="213"/>
      <c r="AV1084" s="213"/>
      <c r="AW1084" s="213"/>
      <c r="AX1084" s="214"/>
      <c r="AY1084" s="23"/>
      <c r="AZ1084" s="23"/>
      <c r="BA1084" s="23"/>
      <c r="BB1084" s="23"/>
      <c r="BC1084" s="23"/>
      <c r="BD1084" s="23"/>
      <c r="BE1084" s="23"/>
      <c r="BF1084" s="23"/>
      <c r="BG1084" s="23"/>
      <c r="BH1084" s="23"/>
      <c r="BI1084" s="23"/>
      <c r="BJ1084" s="23"/>
      <c r="BK1084" s="23"/>
      <c r="BL1084" s="23"/>
      <c r="BM1084" s="23"/>
      <c r="BN1084" s="23"/>
      <c r="BO1084" s="23"/>
      <c r="BP1084" s="23"/>
      <c r="BQ1084" s="23"/>
      <c r="BR1084" s="23"/>
      <c r="BS1084" s="23"/>
      <c r="BT1084" s="23"/>
      <c r="BU1084" s="23"/>
      <c r="BV1084" s="23"/>
      <c r="BW1084" s="23"/>
      <c r="BX1084" s="23"/>
      <c r="BY1084" s="23"/>
      <c r="BZ1084" s="23"/>
      <c r="CA1084" s="23"/>
      <c r="CB1084" s="23"/>
      <c r="CC1084" s="23"/>
      <c r="CD1084" s="23"/>
      <c r="CE1084" s="23"/>
      <c r="CF1084" s="23"/>
      <c r="CG1084" s="23"/>
      <c r="CH1084" s="23"/>
      <c r="CI1084" s="23"/>
      <c r="CJ1084" s="23"/>
      <c r="CK1084" s="23"/>
      <c r="CL1084" s="23"/>
      <c r="CM1084" s="23"/>
      <c r="CN1084" s="23"/>
      <c r="CO1084" s="23"/>
      <c r="CP1084" s="23"/>
      <c r="CQ1084" s="23"/>
      <c r="CR1084" s="23"/>
      <c r="CS1084" s="23"/>
      <c r="CT1084" s="23"/>
      <c r="CU1084" s="23"/>
      <c r="CV1084" s="23"/>
      <c r="CW1084" s="23"/>
      <c r="CX1084" s="23"/>
      <c r="CY1084" s="23"/>
      <c r="CZ1084" s="23"/>
      <c r="DA1084" s="23"/>
      <c r="DB1084" s="23"/>
      <c r="DC1084" s="23"/>
      <c r="DD1084" s="23"/>
      <c r="DE1084" s="23"/>
      <c r="DF1084" s="23"/>
      <c r="DG1084" s="23"/>
      <c r="DH1084" s="23"/>
      <c r="DI1084" s="23"/>
      <c r="DJ1084" s="23"/>
      <c r="DK1084" s="23"/>
      <c r="DL1084" s="23"/>
      <c r="DM1084" s="23"/>
      <c r="DN1084" s="23"/>
      <c r="DO1084" s="23"/>
      <c r="DP1084" s="23"/>
      <c r="DQ1084" s="23"/>
      <c r="DR1084" s="23"/>
      <c r="DS1084" s="23"/>
      <c r="DT1084" s="23"/>
      <c r="DU1084" s="23"/>
      <c r="DV1084" s="23"/>
      <c r="DW1084" s="23"/>
      <c r="DX1084" s="23"/>
      <c r="DY1084" s="23"/>
      <c r="DZ1084" s="23"/>
      <c r="EA1084" s="23"/>
      <c r="EB1084" s="23"/>
      <c r="EC1084" s="23"/>
      <c r="ED1084" s="23"/>
      <c r="EE1084" s="23"/>
      <c r="EF1084" s="23"/>
      <c r="EG1084" s="23"/>
      <c r="EH1084" s="23"/>
      <c r="EI1084" s="23"/>
      <c r="EJ1084" s="23"/>
      <c r="EK1084" s="23"/>
      <c r="EL1084" s="23"/>
      <c r="EM1084" s="23"/>
      <c r="EN1084" s="23"/>
      <c r="EO1084" s="23"/>
      <c r="EP1084" s="23"/>
      <c r="EQ1084" s="23"/>
      <c r="ER1084" s="23"/>
      <c r="ES1084" s="23"/>
      <c r="ET1084" s="23"/>
      <c r="EU1084" s="23"/>
      <c r="EV1084" s="23"/>
      <c r="EW1084" s="23"/>
      <c r="EX1084" s="23"/>
      <c r="EY1084" s="23"/>
      <c r="EZ1084" s="23"/>
      <c r="FA1084" s="23"/>
      <c r="FB1084" s="23"/>
      <c r="FC1084" s="23"/>
      <c r="FD1084" s="23"/>
      <c r="FE1084" s="23"/>
      <c r="FF1084" s="23"/>
      <c r="FG1084" s="23"/>
      <c r="FH1084" s="23"/>
      <c r="FI1084" s="23"/>
      <c r="FJ1084" s="23"/>
      <c r="FK1084" s="23"/>
      <c r="FL1084" s="23"/>
      <c r="FM1084" s="23"/>
      <c r="FN1084" s="23"/>
      <c r="FO1084" s="23"/>
      <c r="FP1084" s="23"/>
      <c r="FQ1084" s="23"/>
      <c r="FR1084" s="23"/>
      <c r="FS1084" s="23"/>
      <c r="FT1084" s="23"/>
      <c r="FU1084" s="23"/>
      <c r="FV1084" s="23"/>
      <c r="FW1084" s="23"/>
      <c r="FX1084" s="23"/>
      <c r="FY1084" s="23"/>
      <c r="FZ1084" s="23"/>
      <c r="GA1084" s="23"/>
      <c r="GB1084" s="23"/>
      <c r="GC1084" s="23"/>
      <c r="GD1084" s="23"/>
      <c r="GE1084" s="23"/>
      <c r="GF1084" s="23"/>
      <c r="GG1084" s="23"/>
      <c r="GH1084" s="23"/>
      <c r="GI1084" s="23"/>
      <c r="GJ1084" s="23"/>
      <c r="GK1084" s="23"/>
      <c r="GL1084" s="23"/>
      <c r="GM1084" s="23"/>
      <c r="GN1084" s="23"/>
      <c r="GO1084" s="23"/>
      <c r="GP1084" s="23"/>
      <c r="GQ1084" s="23"/>
      <c r="GR1084" s="23"/>
      <c r="GS1084" s="23"/>
      <c r="GT1084" s="23"/>
      <c r="GU1084" s="23"/>
      <c r="GV1084" s="23"/>
      <c r="GW1084" s="23"/>
      <c r="GX1084" s="23"/>
      <c r="GY1084" s="23"/>
      <c r="GZ1084" s="23"/>
      <c r="HA1084" s="23"/>
      <c r="HB1084" s="23"/>
      <c r="HC1084" s="23"/>
      <c r="HD1084" s="23"/>
      <c r="HE1084" s="23"/>
      <c r="HF1084" s="23"/>
      <c r="HG1084" s="23"/>
      <c r="HH1084" s="23"/>
      <c r="HI1084" s="23"/>
      <c r="HJ1084" s="23"/>
      <c r="HK1084" s="23"/>
      <c r="HL1084" s="23"/>
      <c r="HM1084" s="23"/>
      <c r="HN1084" s="23"/>
      <c r="HO1084" s="23"/>
      <c r="HP1084" s="23"/>
      <c r="HQ1084" s="23"/>
      <c r="HR1084" s="23"/>
      <c r="HS1084" s="23"/>
      <c r="HT1084" s="23"/>
      <c r="HU1084" s="23"/>
      <c r="HV1084" s="23"/>
      <c r="HW1084" s="23"/>
      <c r="HX1084" s="23"/>
      <c r="HY1084" s="23"/>
      <c r="HZ1084" s="23"/>
      <c r="IA1084" s="23"/>
      <c r="IB1084" s="23"/>
      <c r="IC1084" s="23"/>
      <c r="ID1084" s="23"/>
      <c r="IE1084" s="23"/>
      <c r="IF1084" s="23"/>
      <c r="IG1084" s="23"/>
      <c r="IH1084" s="23"/>
      <c r="II1084" s="23"/>
      <c r="IJ1084" s="23"/>
      <c r="IK1084" s="23"/>
      <c r="IL1084" s="23"/>
      <c r="IM1084" s="23"/>
      <c r="IN1084" s="23"/>
      <c r="IO1084" s="23"/>
      <c r="IP1084" s="23"/>
      <c r="IQ1084" s="23"/>
    </row>
    <row r="1085" spans="1:251" s="50" customFormat="1" ht="18.75" customHeight="1" thickTop="1" thickBot="1">
      <c r="A1085" s="38"/>
      <c r="B1085" s="164" t="s">
        <v>105</v>
      </c>
      <c r="C1085" s="191"/>
      <c r="D1085" s="191"/>
      <c r="E1085" s="191"/>
      <c r="F1085" s="191"/>
      <c r="G1085" s="191"/>
      <c r="H1085" s="191"/>
      <c r="I1085" s="191"/>
      <c r="J1085" s="191"/>
      <c r="K1085" s="191"/>
      <c r="L1085" s="191"/>
      <c r="M1085" s="191"/>
      <c r="N1085" s="191"/>
      <c r="O1085" s="191"/>
      <c r="P1085" s="191"/>
      <c r="Q1085" s="191"/>
      <c r="R1085" s="191"/>
      <c r="S1085" s="191"/>
      <c r="T1085" s="191"/>
      <c r="U1085" s="191"/>
      <c r="V1085" s="191"/>
      <c r="W1085" s="191"/>
      <c r="X1085" s="191"/>
      <c r="Y1085" s="191"/>
      <c r="Z1085" s="192"/>
      <c r="AA1085" s="167">
        <f>SUM(AA1077:AA1084)</f>
        <v>24800000</v>
      </c>
      <c r="AB1085" s="215"/>
      <c r="AC1085" s="215"/>
      <c r="AD1085" s="215"/>
      <c r="AE1085" s="215"/>
      <c r="AF1085" s="215"/>
      <c r="AG1085" s="215"/>
      <c r="AH1085" s="215"/>
      <c r="AI1085" s="216"/>
      <c r="AJ1085" s="167">
        <f>SUM(AJ1077:AJ1084)</f>
        <v>11800000</v>
      </c>
      <c r="AK1085" s="215"/>
      <c r="AL1085" s="215"/>
      <c r="AM1085" s="215"/>
      <c r="AN1085" s="215"/>
      <c r="AO1085" s="215"/>
      <c r="AP1085" s="215"/>
      <c r="AQ1085" s="215"/>
      <c r="AR1085" s="216"/>
      <c r="AS1085" s="167"/>
      <c r="AT1085" s="215"/>
      <c r="AU1085" s="215"/>
      <c r="AV1085" s="215"/>
      <c r="AW1085" s="215"/>
      <c r="AX1085" s="217"/>
      <c r="AY1085" s="23"/>
      <c r="AZ1085" s="23"/>
      <c r="BA1085" s="23"/>
      <c r="BB1085" s="23"/>
      <c r="BC1085" s="23"/>
      <c r="BD1085" s="23"/>
      <c r="BE1085" s="23"/>
      <c r="BF1085" s="23"/>
      <c r="BG1085" s="23"/>
      <c r="BH1085" s="23"/>
      <c r="BI1085" s="23"/>
      <c r="BJ1085" s="23"/>
      <c r="BK1085" s="23"/>
      <c r="BL1085" s="23"/>
      <c r="BM1085" s="23"/>
      <c r="BN1085" s="23"/>
      <c r="BO1085" s="23"/>
      <c r="BP1085" s="23"/>
      <c r="BQ1085" s="23"/>
      <c r="BR1085" s="23"/>
      <c r="BS1085" s="23"/>
      <c r="BT1085" s="23"/>
      <c r="BU1085" s="23"/>
      <c r="BV1085" s="23"/>
      <c r="BW1085" s="23"/>
      <c r="BX1085" s="23"/>
      <c r="BY1085" s="23"/>
      <c r="BZ1085" s="23"/>
      <c r="CA1085" s="23"/>
      <c r="CB1085" s="23"/>
      <c r="CC1085" s="23"/>
      <c r="CD1085" s="23"/>
      <c r="CE1085" s="23"/>
      <c r="CF1085" s="23"/>
      <c r="CG1085" s="23"/>
      <c r="CH1085" s="23"/>
      <c r="CI1085" s="23"/>
      <c r="CJ1085" s="23"/>
      <c r="CK1085" s="23"/>
      <c r="CL1085" s="23"/>
      <c r="CM1085" s="23"/>
      <c r="CN1085" s="23"/>
      <c r="CO1085" s="23"/>
      <c r="CP1085" s="23"/>
      <c r="CQ1085" s="23"/>
      <c r="CR1085" s="23"/>
      <c r="CS1085" s="23"/>
      <c r="CT1085" s="23"/>
      <c r="CU1085" s="23"/>
      <c r="CV1085" s="23"/>
      <c r="CW1085" s="23"/>
      <c r="CX1085" s="23"/>
      <c r="CY1085" s="23"/>
      <c r="CZ1085" s="23"/>
      <c r="DA1085" s="23"/>
      <c r="DB1085" s="23"/>
      <c r="DC1085" s="23"/>
      <c r="DD1085" s="23"/>
      <c r="DE1085" s="23"/>
      <c r="DF1085" s="23"/>
      <c r="DG1085" s="23"/>
      <c r="DH1085" s="23"/>
      <c r="DI1085" s="23"/>
      <c r="DJ1085" s="23"/>
      <c r="DK1085" s="23"/>
      <c r="DL1085" s="23"/>
      <c r="DM1085" s="23"/>
      <c r="DN1085" s="23"/>
      <c r="DO1085" s="23"/>
      <c r="DP1085" s="23"/>
      <c r="DQ1085" s="23"/>
      <c r="DR1085" s="23"/>
      <c r="DS1085" s="23"/>
      <c r="DT1085" s="23"/>
      <c r="DU1085" s="23"/>
      <c r="DV1085" s="23"/>
      <c r="DW1085" s="23"/>
      <c r="DX1085" s="23"/>
      <c r="DY1085" s="23"/>
      <c r="DZ1085" s="23"/>
      <c r="EA1085" s="23"/>
      <c r="EB1085" s="23"/>
      <c r="EC1085" s="23"/>
      <c r="ED1085" s="23"/>
      <c r="EE1085" s="23"/>
      <c r="EF1085" s="23"/>
      <c r="EG1085" s="23"/>
      <c r="EH1085" s="23"/>
      <c r="EI1085" s="23"/>
      <c r="EJ1085" s="23"/>
      <c r="EK1085" s="23"/>
      <c r="EL1085" s="23"/>
      <c r="EM1085" s="23"/>
      <c r="EN1085" s="23"/>
      <c r="EO1085" s="23"/>
      <c r="EP1085" s="23"/>
      <c r="EQ1085" s="23"/>
      <c r="ER1085" s="23"/>
      <c r="ES1085" s="23"/>
      <c r="ET1085" s="23"/>
      <c r="EU1085" s="23"/>
      <c r="EV1085" s="23"/>
      <c r="EW1085" s="23"/>
      <c r="EX1085" s="23"/>
      <c r="EY1085" s="23"/>
      <c r="EZ1085" s="23"/>
      <c r="FA1085" s="23"/>
      <c r="FB1085" s="23"/>
      <c r="FC1085" s="23"/>
      <c r="FD1085" s="23"/>
      <c r="FE1085" s="23"/>
      <c r="FF1085" s="23"/>
      <c r="FG1085" s="23"/>
      <c r="FH1085" s="23"/>
      <c r="FI1085" s="23"/>
      <c r="FJ1085" s="23"/>
      <c r="FK1085" s="23"/>
      <c r="FL1085" s="23"/>
      <c r="FM1085" s="23"/>
      <c r="FN1085" s="23"/>
      <c r="FO1085" s="23"/>
      <c r="FP1085" s="23"/>
      <c r="FQ1085" s="23"/>
      <c r="FR1085" s="23"/>
      <c r="FS1085" s="23"/>
      <c r="FT1085" s="23"/>
      <c r="FU1085" s="23"/>
      <c r="FV1085" s="23"/>
      <c r="FW1085" s="23"/>
      <c r="FX1085" s="23"/>
      <c r="FY1085" s="23"/>
      <c r="FZ1085" s="23"/>
      <c r="GA1085" s="23"/>
      <c r="GB1085" s="23"/>
      <c r="GC1085" s="23"/>
      <c r="GD1085" s="23"/>
      <c r="GE1085" s="23"/>
      <c r="GF1085" s="23"/>
      <c r="GG1085" s="23"/>
      <c r="GH1085" s="23"/>
      <c r="GI1085" s="23"/>
      <c r="GJ1085" s="23"/>
      <c r="GK1085" s="23"/>
      <c r="GL1085" s="23"/>
      <c r="GM1085" s="23"/>
      <c r="GN1085" s="23"/>
      <c r="GO1085" s="23"/>
      <c r="GP1085" s="23"/>
      <c r="GQ1085" s="23"/>
      <c r="GR1085" s="23"/>
      <c r="GS1085" s="23"/>
      <c r="GT1085" s="23"/>
      <c r="GU1085" s="23"/>
      <c r="GV1085" s="23"/>
      <c r="GW1085" s="23"/>
      <c r="GX1085" s="23"/>
      <c r="GY1085" s="23"/>
      <c r="GZ1085" s="23"/>
      <c r="HA1085" s="23"/>
      <c r="HB1085" s="23"/>
      <c r="HC1085" s="23"/>
      <c r="HD1085" s="23"/>
      <c r="HE1085" s="23"/>
      <c r="HF1085" s="23"/>
      <c r="HG1085" s="23"/>
      <c r="HH1085" s="23"/>
      <c r="HI1085" s="23"/>
      <c r="HJ1085" s="23"/>
      <c r="HK1085" s="23"/>
      <c r="HL1085" s="23"/>
      <c r="HM1085" s="23"/>
      <c r="HN1085" s="23"/>
      <c r="HO1085" s="23"/>
      <c r="HP1085" s="23"/>
      <c r="HQ1085" s="23"/>
      <c r="HR1085" s="23"/>
      <c r="HS1085" s="23"/>
      <c r="HT1085" s="23"/>
      <c r="HU1085" s="23"/>
      <c r="HV1085" s="23"/>
      <c r="HW1085" s="23"/>
      <c r="HX1085" s="23"/>
      <c r="HY1085" s="23"/>
      <c r="HZ1085" s="23"/>
      <c r="IA1085" s="23"/>
      <c r="IB1085" s="23"/>
      <c r="IC1085" s="23"/>
      <c r="ID1085" s="23"/>
      <c r="IE1085" s="23"/>
      <c r="IF1085" s="23"/>
      <c r="IG1085" s="23"/>
      <c r="IH1085" s="23"/>
      <c r="II1085" s="23"/>
      <c r="IJ1085" s="23"/>
      <c r="IK1085" s="23"/>
      <c r="IL1085" s="23"/>
      <c r="IM1085" s="23"/>
      <c r="IN1085" s="23"/>
      <c r="IO1085" s="23"/>
      <c r="IP1085" s="23"/>
      <c r="IQ1085" s="23"/>
    </row>
    <row r="1087" spans="1:251" s="23" customFormat="1" ht="19.2">
      <c r="A1087" s="22" t="s">
        <v>86</v>
      </c>
      <c r="B1087" s="22"/>
      <c r="AW1087" s="24"/>
      <c r="AX1087" s="25"/>
      <c r="AY1087" s="24"/>
    </row>
    <row r="1088" spans="1:251" s="23" customFormat="1" ht="13.2"/>
    <row r="1089" spans="1:113" s="23" customFormat="1">
      <c r="A1089" s="26"/>
      <c r="B1089" s="115" t="s">
        <v>87</v>
      </c>
      <c r="C1089" s="153"/>
      <c r="D1089" s="153"/>
      <c r="E1089" s="153"/>
      <c r="F1089" s="153"/>
      <c r="G1089" s="153"/>
      <c r="H1089" s="153"/>
      <c r="I1089" s="153"/>
      <c r="J1089" s="153"/>
      <c r="K1089" s="153"/>
      <c r="L1089" s="153"/>
      <c r="M1089" s="153"/>
      <c r="N1089" s="153"/>
      <c r="O1089" s="153"/>
      <c r="P1089" s="153"/>
      <c r="Q1089" s="153"/>
      <c r="R1089" s="153"/>
      <c r="S1089" s="153"/>
      <c r="T1089" s="153"/>
      <c r="U1089" s="153"/>
      <c r="V1089" s="153"/>
      <c r="W1089" s="153"/>
      <c r="X1089" s="153"/>
      <c r="Y1089" s="153"/>
      <c r="Z1089" s="153"/>
      <c r="AA1089" s="153"/>
      <c r="AB1089" s="153"/>
      <c r="AC1089" s="153"/>
      <c r="AD1089" s="153"/>
      <c r="AE1089" s="153"/>
      <c r="AF1089" s="153"/>
      <c r="AG1089" s="153"/>
      <c r="AH1089" s="153"/>
      <c r="AI1089" s="153"/>
      <c r="AJ1089" s="153"/>
      <c r="AK1089" s="153"/>
      <c r="AL1089" s="153"/>
      <c r="AM1089" s="153"/>
      <c r="AN1089" s="153"/>
      <c r="AO1089" s="153"/>
      <c r="AP1089" s="153"/>
      <c r="AQ1089" s="153"/>
      <c r="AR1089" s="153"/>
      <c r="AS1089" s="153"/>
      <c r="AT1089" s="153"/>
      <c r="AU1089" s="153"/>
      <c r="AV1089" s="153"/>
      <c r="AW1089" s="153"/>
      <c r="AX1089" s="153"/>
      <c r="AY1089" s="26"/>
    </row>
    <row r="1090" spans="1:113" s="23" customFormat="1" ht="13.2">
      <c r="Z1090" s="27"/>
      <c r="AD1090" s="27"/>
      <c r="AE1090" s="27"/>
      <c r="AF1090" s="27"/>
      <c r="AG1090" s="27"/>
      <c r="AH1090" s="27"/>
      <c r="AI1090" s="27"/>
      <c r="AO1090" s="27"/>
    </row>
    <row r="1091" spans="1:113" s="23" customFormat="1" ht="13.8" thickBot="1">
      <c r="Z1091" s="27"/>
      <c r="AD1091" s="27"/>
      <c r="AE1091" s="27"/>
      <c r="AF1091" s="27"/>
      <c r="AG1091" s="27"/>
      <c r="AH1091" s="27"/>
      <c r="AI1091" s="27"/>
      <c r="AO1091" s="27"/>
      <c r="DI1091" s="28"/>
    </row>
    <row r="1092" spans="1:113" s="23" customFormat="1" ht="24.6" customHeight="1" thickBot="1">
      <c r="A1092" s="116" t="s">
        <v>88</v>
      </c>
      <c r="B1092" s="117"/>
      <c r="C1092" s="117"/>
      <c r="D1092" s="117"/>
      <c r="E1092" s="117"/>
      <c r="F1092" s="117"/>
      <c r="G1092" s="117"/>
      <c r="H1092" s="117"/>
      <c r="I1092" s="117"/>
      <c r="J1092" s="117"/>
      <c r="K1092" s="118"/>
      <c r="L1092" s="154">
        <v>32</v>
      </c>
      <c r="M1092" s="154"/>
      <c r="N1092" s="154"/>
      <c r="O1092" s="155"/>
      <c r="P1092" s="223" t="s">
        <v>89</v>
      </c>
      <c r="Q1092" s="224"/>
      <c r="R1092" s="224"/>
      <c r="S1092" s="224"/>
      <c r="T1092" s="224"/>
      <c r="U1092" s="225"/>
      <c r="V1092" s="226" t="s">
        <v>193</v>
      </c>
      <c r="W1092" s="227"/>
      <c r="X1092" s="227"/>
      <c r="Y1092" s="227"/>
      <c r="Z1092" s="227"/>
      <c r="AA1092" s="227"/>
      <c r="AB1092" s="227"/>
      <c r="AC1092" s="227"/>
      <c r="AD1092" s="227"/>
      <c r="AE1092" s="227"/>
      <c r="AF1092" s="227"/>
      <c r="AG1092" s="227"/>
      <c r="AH1092" s="227"/>
      <c r="AI1092" s="227"/>
      <c r="AJ1092" s="227"/>
      <c r="AK1092" s="227"/>
      <c r="AL1092" s="227"/>
      <c r="AM1092" s="227"/>
      <c r="AN1092" s="227"/>
      <c r="AO1092" s="227"/>
      <c r="AP1092" s="227"/>
      <c r="AQ1092" s="227"/>
      <c r="AR1092" s="227"/>
      <c r="AS1092" s="227"/>
      <c r="AT1092" s="227"/>
      <c r="AU1092" s="227"/>
      <c r="AV1092" s="227"/>
      <c r="AW1092" s="227"/>
      <c r="AX1092" s="228"/>
      <c r="DI1092" s="28"/>
    </row>
    <row r="1093" spans="1:113" s="23" customFormat="1" ht="14.4">
      <c r="A1093" s="29"/>
      <c r="B1093" s="29"/>
      <c r="C1093" s="29"/>
      <c r="D1093" s="29"/>
      <c r="E1093" s="29"/>
      <c r="F1093" s="29"/>
      <c r="G1093" s="29"/>
      <c r="H1093" s="29"/>
      <c r="I1093" s="29"/>
      <c r="J1093" s="29"/>
      <c r="K1093" s="29"/>
      <c r="L1093" s="30"/>
      <c r="M1093" s="30"/>
      <c r="N1093" s="30"/>
      <c r="O1093" s="30"/>
      <c r="P1093" s="29"/>
      <c r="Q1093" s="29"/>
      <c r="R1093" s="29"/>
      <c r="S1093" s="29"/>
      <c r="T1093" s="29"/>
      <c r="U1093" s="29"/>
      <c r="V1093" s="31"/>
      <c r="W1093" s="31"/>
      <c r="X1093" s="31"/>
      <c r="Y1093" s="31"/>
      <c r="Z1093" s="31"/>
      <c r="AA1093" s="31"/>
      <c r="AB1093" s="31"/>
      <c r="AC1093" s="31"/>
      <c r="AD1093" s="31"/>
      <c r="AE1093" s="31"/>
      <c r="AF1093" s="31"/>
      <c r="AG1093" s="31"/>
      <c r="AH1093" s="31"/>
      <c r="AI1093" s="31"/>
      <c r="AJ1093" s="31"/>
      <c r="AK1093" s="31"/>
      <c r="AL1093" s="31"/>
      <c r="AM1093" s="31"/>
      <c r="AN1093" s="31"/>
      <c r="AO1093" s="31"/>
      <c r="AP1093" s="31"/>
      <c r="AQ1093" s="31"/>
      <c r="AR1093" s="31"/>
      <c r="AS1093" s="31"/>
      <c r="AT1093" s="31"/>
      <c r="AU1093" s="31"/>
      <c r="AV1093" s="31"/>
      <c r="AW1093" s="31"/>
      <c r="AX1093" s="31"/>
      <c r="DI1093" s="28"/>
    </row>
    <row r="1094" spans="1:113" s="23" customFormat="1" ht="15" thickBot="1">
      <c r="A1094" s="32"/>
      <c r="B1094" s="33" t="s">
        <v>91</v>
      </c>
      <c r="C1094" s="34"/>
      <c r="D1094" s="34"/>
      <c r="E1094" s="34"/>
      <c r="F1094" s="34"/>
      <c r="G1094" s="34"/>
      <c r="H1094" s="34"/>
      <c r="I1094" s="34"/>
      <c r="J1094" s="34"/>
      <c r="K1094" s="34"/>
      <c r="L1094" s="35"/>
      <c r="M1094" s="35"/>
      <c r="N1094" s="35"/>
      <c r="O1094" s="35"/>
      <c r="P1094" s="34"/>
      <c r="Q1094" s="34"/>
      <c r="R1094" s="34"/>
      <c r="S1094" s="34"/>
      <c r="T1094" s="34"/>
      <c r="U1094" s="34"/>
      <c r="V1094" s="33"/>
      <c r="W1094" s="33"/>
      <c r="X1094" s="33"/>
      <c r="Y1094" s="33"/>
      <c r="Z1094" s="33"/>
      <c r="AA1094" s="33"/>
      <c r="AB1094" s="33"/>
      <c r="AC1094" s="33"/>
      <c r="AD1094" s="33"/>
      <c r="AE1094" s="33"/>
      <c r="AF1094" s="33"/>
      <c r="AG1094" s="33"/>
      <c r="AH1094" s="33"/>
      <c r="AI1094" s="33"/>
      <c r="AJ1094" s="33"/>
      <c r="AK1094" s="33"/>
      <c r="AL1094" s="33"/>
      <c r="AM1094" s="33"/>
      <c r="AN1094" s="33"/>
      <c r="AO1094" s="33"/>
      <c r="AP1094" s="33"/>
      <c r="AQ1094" s="33"/>
      <c r="AR1094" s="33"/>
      <c r="AS1094" s="33"/>
      <c r="AT1094" s="33"/>
      <c r="AU1094" s="33"/>
      <c r="AV1094" s="33"/>
      <c r="AW1094" s="33"/>
      <c r="AX1094" s="33"/>
      <c r="DI1094" s="28"/>
    </row>
    <row r="1095" spans="1:113" s="23" customFormat="1" ht="14.4">
      <c r="A1095" s="34"/>
      <c r="B1095" s="36"/>
      <c r="C1095" s="29"/>
      <c r="D1095" s="29"/>
      <c r="E1095" s="29"/>
      <c r="F1095" s="29"/>
      <c r="G1095" s="29"/>
      <c r="H1095" s="29"/>
      <c r="I1095" s="29"/>
      <c r="J1095" s="29"/>
      <c r="K1095" s="29"/>
      <c r="L1095" s="30"/>
      <c r="M1095" s="30"/>
      <c r="N1095" s="30"/>
      <c r="O1095" s="30"/>
      <c r="P1095" s="29"/>
      <c r="Q1095" s="29"/>
      <c r="R1095" s="29"/>
      <c r="S1095" s="29"/>
      <c r="T1095" s="29"/>
      <c r="U1095" s="29"/>
      <c r="V1095" s="31"/>
      <c r="W1095" s="31"/>
      <c r="X1095" s="31"/>
      <c r="Y1095" s="31"/>
      <c r="Z1095" s="31"/>
      <c r="AA1095" s="31"/>
      <c r="AB1095" s="31"/>
      <c r="AC1095" s="31"/>
      <c r="AD1095" s="31"/>
      <c r="AE1095" s="31"/>
      <c r="AF1095" s="31"/>
      <c r="AG1095" s="31"/>
      <c r="AH1095" s="31"/>
      <c r="AI1095" s="31"/>
      <c r="AJ1095" s="31"/>
      <c r="AK1095" s="31"/>
      <c r="AL1095" s="31"/>
      <c r="AM1095" s="31"/>
      <c r="AN1095" s="31"/>
      <c r="AO1095" s="31"/>
      <c r="AP1095" s="31"/>
      <c r="AQ1095" s="31"/>
      <c r="AR1095" s="31"/>
      <c r="AS1095" s="31"/>
      <c r="AT1095" s="31"/>
      <c r="AU1095" s="31"/>
      <c r="AV1095" s="31"/>
      <c r="AW1095" s="31"/>
      <c r="AX1095" s="37"/>
    </row>
    <row r="1096" spans="1:113" s="23" customFormat="1" ht="10.8" customHeight="1">
      <c r="A1096" s="34"/>
      <c r="B1096" s="127" t="s">
        <v>194</v>
      </c>
      <c r="C1096" s="128"/>
      <c r="D1096" s="128"/>
      <c r="E1096" s="128"/>
      <c r="F1096" s="128"/>
      <c r="G1096" s="128"/>
      <c r="H1096" s="128"/>
      <c r="I1096" s="128"/>
      <c r="J1096" s="128"/>
      <c r="K1096" s="128"/>
      <c r="L1096" s="128"/>
      <c r="M1096" s="128"/>
      <c r="N1096" s="128"/>
      <c r="O1096" s="128"/>
      <c r="P1096" s="128"/>
      <c r="Q1096" s="128"/>
      <c r="R1096" s="128"/>
      <c r="S1096" s="128"/>
      <c r="T1096" s="128"/>
      <c r="U1096" s="128"/>
      <c r="V1096" s="128"/>
      <c r="W1096" s="128"/>
      <c r="X1096" s="128"/>
      <c r="Y1096" s="128"/>
      <c r="Z1096" s="128"/>
      <c r="AA1096" s="128"/>
      <c r="AB1096" s="128"/>
      <c r="AC1096" s="128"/>
      <c r="AD1096" s="128"/>
      <c r="AE1096" s="128"/>
      <c r="AF1096" s="128"/>
      <c r="AG1096" s="128"/>
      <c r="AH1096" s="128"/>
      <c r="AI1096" s="128"/>
      <c r="AJ1096" s="128"/>
      <c r="AK1096" s="128"/>
      <c r="AL1096" s="128"/>
      <c r="AM1096" s="128"/>
      <c r="AN1096" s="128"/>
      <c r="AO1096" s="128"/>
      <c r="AP1096" s="128"/>
      <c r="AQ1096" s="128"/>
      <c r="AR1096" s="128"/>
      <c r="AS1096" s="128"/>
      <c r="AT1096" s="128"/>
      <c r="AU1096" s="128"/>
      <c r="AV1096" s="128"/>
      <c r="AW1096" s="128"/>
      <c r="AX1096" s="129"/>
    </row>
    <row r="1097" spans="1:113" s="23" customFormat="1" ht="10.8" customHeight="1">
      <c r="A1097" s="34"/>
      <c r="B1097" s="127"/>
      <c r="C1097" s="128"/>
      <c r="D1097" s="128"/>
      <c r="E1097" s="128"/>
      <c r="F1097" s="128"/>
      <c r="G1097" s="128"/>
      <c r="H1097" s="128"/>
      <c r="I1097" s="128"/>
      <c r="J1097" s="128"/>
      <c r="K1097" s="128"/>
      <c r="L1097" s="128"/>
      <c r="M1097" s="128"/>
      <c r="N1097" s="128"/>
      <c r="O1097" s="128"/>
      <c r="P1097" s="128"/>
      <c r="Q1097" s="128"/>
      <c r="R1097" s="128"/>
      <c r="S1097" s="128"/>
      <c r="T1097" s="128"/>
      <c r="U1097" s="128"/>
      <c r="V1097" s="128"/>
      <c r="W1097" s="128"/>
      <c r="X1097" s="128"/>
      <c r="Y1097" s="128"/>
      <c r="Z1097" s="128"/>
      <c r="AA1097" s="128"/>
      <c r="AB1097" s="128"/>
      <c r="AC1097" s="128"/>
      <c r="AD1097" s="128"/>
      <c r="AE1097" s="128"/>
      <c r="AF1097" s="128"/>
      <c r="AG1097" s="128"/>
      <c r="AH1097" s="128"/>
      <c r="AI1097" s="128"/>
      <c r="AJ1097" s="128"/>
      <c r="AK1097" s="128"/>
      <c r="AL1097" s="128"/>
      <c r="AM1097" s="128"/>
      <c r="AN1097" s="128"/>
      <c r="AO1097" s="128"/>
      <c r="AP1097" s="128"/>
      <c r="AQ1097" s="128"/>
      <c r="AR1097" s="128"/>
      <c r="AS1097" s="128"/>
      <c r="AT1097" s="128"/>
      <c r="AU1097" s="128"/>
      <c r="AV1097" s="128"/>
      <c r="AW1097" s="128"/>
      <c r="AX1097" s="129"/>
      <c r="BC1097" s="17"/>
    </row>
    <row r="1098" spans="1:113" s="23" customFormat="1" ht="10.8" customHeight="1">
      <c r="A1098" s="34"/>
      <c r="B1098" s="127"/>
      <c r="C1098" s="128"/>
      <c r="D1098" s="128"/>
      <c r="E1098" s="128"/>
      <c r="F1098" s="128"/>
      <c r="G1098" s="128"/>
      <c r="H1098" s="128"/>
      <c r="I1098" s="128"/>
      <c r="J1098" s="128"/>
      <c r="K1098" s="128"/>
      <c r="L1098" s="128"/>
      <c r="M1098" s="128"/>
      <c r="N1098" s="128"/>
      <c r="O1098" s="128"/>
      <c r="P1098" s="128"/>
      <c r="Q1098" s="128"/>
      <c r="R1098" s="128"/>
      <c r="S1098" s="128"/>
      <c r="T1098" s="128"/>
      <c r="U1098" s="128"/>
      <c r="V1098" s="128"/>
      <c r="W1098" s="128"/>
      <c r="X1098" s="128"/>
      <c r="Y1098" s="128"/>
      <c r="Z1098" s="128"/>
      <c r="AA1098" s="128"/>
      <c r="AB1098" s="128"/>
      <c r="AC1098" s="128"/>
      <c r="AD1098" s="128"/>
      <c r="AE1098" s="128"/>
      <c r="AF1098" s="128"/>
      <c r="AG1098" s="128"/>
      <c r="AH1098" s="128"/>
      <c r="AI1098" s="128"/>
      <c r="AJ1098" s="128"/>
      <c r="AK1098" s="128"/>
      <c r="AL1098" s="128"/>
      <c r="AM1098" s="128"/>
      <c r="AN1098" s="128"/>
      <c r="AO1098" s="128"/>
      <c r="AP1098" s="128"/>
      <c r="AQ1098" s="128"/>
      <c r="AR1098" s="128"/>
      <c r="AS1098" s="128"/>
      <c r="AT1098" s="128"/>
      <c r="AU1098" s="128"/>
      <c r="AV1098" s="128"/>
      <c r="AW1098" s="128"/>
      <c r="AX1098" s="129"/>
    </row>
    <row r="1099" spans="1:113" s="23" customFormat="1" ht="10.8" customHeight="1">
      <c r="A1099" s="34"/>
      <c r="B1099" s="127"/>
      <c r="C1099" s="128"/>
      <c r="D1099" s="128"/>
      <c r="E1099" s="128"/>
      <c r="F1099" s="128"/>
      <c r="G1099" s="128"/>
      <c r="H1099" s="128"/>
      <c r="I1099" s="128"/>
      <c r="J1099" s="128"/>
      <c r="K1099" s="128"/>
      <c r="L1099" s="128"/>
      <c r="M1099" s="128"/>
      <c r="N1099" s="128"/>
      <c r="O1099" s="128"/>
      <c r="P1099" s="128"/>
      <c r="Q1099" s="128"/>
      <c r="R1099" s="128"/>
      <c r="S1099" s="128"/>
      <c r="T1099" s="128"/>
      <c r="U1099" s="128"/>
      <c r="V1099" s="128"/>
      <c r="W1099" s="128"/>
      <c r="X1099" s="128"/>
      <c r="Y1099" s="128"/>
      <c r="Z1099" s="128"/>
      <c r="AA1099" s="128"/>
      <c r="AB1099" s="128"/>
      <c r="AC1099" s="128"/>
      <c r="AD1099" s="128"/>
      <c r="AE1099" s="128"/>
      <c r="AF1099" s="128"/>
      <c r="AG1099" s="128"/>
      <c r="AH1099" s="128"/>
      <c r="AI1099" s="128"/>
      <c r="AJ1099" s="128"/>
      <c r="AK1099" s="128"/>
      <c r="AL1099" s="128"/>
      <c r="AM1099" s="128"/>
      <c r="AN1099" s="128"/>
      <c r="AO1099" s="128"/>
      <c r="AP1099" s="128"/>
      <c r="AQ1099" s="128"/>
      <c r="AR1099" s="128"/>
      <c r="AS1099" s="128"/>
      <c r="AT1099" s="128"/>
      <c r="AU1099" s="128"/>
      <c r="AV1099" s="128"/>
      <c r="AW1099" s="128"/>
      <c r="AX1099" s="129"/>
    </row>
    <row r="1100" spans="1:113" s="23" customFormat="1" ht="10.8" customHeight="1">
      <c r="A1100" s="34"/>
      <c r="B1100" s="127"/>
      <c r="C1100" s="128"/>
      <c r="D1100" s="128"/>
      <c r="E1100" s="128"/>
      <c r="F1100" s="128"/>
      <c r="G1100" s="128"/>
      <c r="H1100" s="128"/>
      <c r="I1100" s="128"/>
      <c r="J1100" s="128"/>
      <c r="K1100" s="128"/>
      <c r="L1100" s="128"/>
      <c r="M1100" s="128"/>
      <c r="N1100" s="128"/>
      <c r="O1100" s="128"/>
      <c r="P1100" s="128"/>
      <c r="Q1100" s="128"/>
      <c r="R1100" s="128"/>
      <c r="S1100" s="128"/>
      <c r="T1100" s="128"/>
      <c r="U1100" s="128"/>
      <c r="V1100" s="128"/>
      <c r="W1100" s="128"/>
      <c r="X1100" s="128"/>
      <c r="Y1100" s="128"/>
      <c r="Z1100" s="128"/>
      <c r="AA1100" s="128"/>
      <c r="AB1100" s="128"/>
      <c r="AC1100" s="128"/>
      <c r="AD1100" s="128"/>
      <c r="AE1100" s="128"/>
      <c r="AF1100" s="128"/>
      <c r="AG1100" s="128"/>
      <c r="AH1100" s="128"/>
      <c r="AI1100" s="128"/>
      <c r="AJ1100" s="128"/>
      <c r="AK1100" s="128"/>
      <c r="AL1100" s="128"/>
      <c r="AM1100" s="128"/>
      <c r="AN1100" s="128"/>
      <c r="AO1100" s="128"/>
      <c r="AP1100" s="128"/>
      <c r="AQ1100" s="128"/>
      <c r="AR1100" s="128"/>
      <c r="AS1100" s="128"/>
      <c r="AT1100" s="128"/>
      <c r="AU1100" s="128"/>
      <c r="AV1100" s="128"/>
      <c r="AW1100" s="128"/>
      <c r="AX1100" s="129"/>
    </row>
    <row r="1101" spans="1:113" s="23" customFormat="1" ht="10.8" customHeight="1">
      <c r="A1101" s="34"/>
      <c r="B1101" s="127"/>
      <c r="C1101" s="128"/>
      <c r="D1101" s="128"/>
      <c r="E1101" s="128"/>
      <c r="F1101" s="128"/>
      <c r="G1101" s="128"/>
      <c r="H1101" s="128"/>
      <c r="I1101" s="128"/>
      <c r="J1101" s="128"/>
      <c r="K1101" s="128"/>
      <c r="L1101" s="128"/>
      <c r="M1101" s="128"/>
      <c r="N1101" s="128"/>
      <c r="O1101" s="128"/>
      <c r="P1101" s="128"/>
      <c r="Q1101" s="128"/>
      <c r="R1101" s="128"/>
      <c r="S1101" s="128"/>
      <c r="T1101" s="128"/>
      <c r="U1101" s="128"/>
      <c r="V1101" s="128"/>
      <c r="W1101" s="128"/>
      <c r="X1101" s="128"/>
      <c r="Y1101" s="128"/>
      <c r="Z1101" s="128"/>
      <c r="AA1101" s="128"/>
      <c r="AB1101" s="128"/>
      <c r="AC1101" s="128"/>
      <c r="AD1101" s="128"/>
      <c r="AE1101" s="128"/>
      <c r="AF1101" s="128"/>
      <c r="AG1101" s="128"/>
      <c r="AH1101" s="128"/>
      <c r="AI1101" s="128"/>
      <c r="AJ1101" s="128"/>
      <c r="AK1101" s="128"/>
      <c r="AL1101" s="128"/>
      <c r="AM1101" s="128"/>
      <c r="AN1101" s="128"/>
      <c r="AO1101" s="128"/>
      <c r="AP1101" s="128"/>
      <c r="AQ1101" s="128"/>
      <c r="AR1101" s="128"/>
      <c r="AS1101" s="128"/>
      <c r="AT1101" s="128"/>
      <c r="AU1101" s="128"/>
      <c r="AV1101" s="128"/>
      <c r="AW1101" s="128"/>
      <c r="AX1101" s="129"/>
    </row>
    <row r="1102" spans="1:113" s="23" customFormat="1" ht="10.8" customHeight="1">
      <c r="A1102" s="34"/>
      <c r="B1102" s="127"/>
      <c r="C1102" s="128"/>
      <c r="D1102" s="128"/>
      <c r="E1102" s="128"/>
      <c r="F1102" s="128"/>
      <c r="G1102" s="128"/>
      <c r="H1102" s="128"/>
      <c r="I1102" s="128"/>
      <c r="J1102" s="128"/>
      <c r="K1102" s="128"/>
      <c r="L1102" s="128"/>
      <c r="M1102" s="128"/>
      <c r="N1102" s="128"/>
      <c r="O1102" s="128"/>
      <c r="P1102" s="128"/>
      <c r="Q1102" s="128"/>
      <c r="R1102" s="128"/>
      <c r="S1102" s="128"/>
      <c r="T1102" s="128"/>
      <c r="U1102" s="128"/>
      <c r="V1102" s="128"/>
      <c r="W1102" s="128"/>
      <c r="X1102" s="128"/>
      <c r="Y1102" s="128"/>
      <c r="Z1102" s="128"/>
      <c r="AA1102" s="128"/>
      <c r="AB1102" s="128"/>
      <c r="AC1102" s="128"/>
      <c r="AD1102" s="128"/>
      <c r="AE1102" s="128"/>
      <c r="AF1102" s="128"/>
      <c r="AG1102" s="128"/>
      <c r="AH1102" s="128"/>
      <c r="AI1102" s="128"/>
      <c r="AJ1102" s="128"/>
      <c r="AK1102" s="128"/>
      <c r="AL1102" s="128"/>
      <c r="AM1102" s="128"/>
      <c r="AN1102" s="128"/>
      <c r="AO1102" s="128"/>
      <c r="AP1102" s="128"/>
      <c r="AQ1102" s="128"/>
      <c r="AR1102" s="128"/>
      <c r="AS1102" s="128"/>
      <c r="AT1102" s="128"/>
      <c r="AU1102" s="128"/>
      <c r="AV1102" s="128"/>
      <c r="AW1102" s="128"/>
      <c r="AX1102" s="129"/>
    </row>
    <row r="1103" spans="1:113" s="23" customFormat="1" ht="10.8" customHeight="1">
      <c r="A1103" s="34"/>
      <c r="B1103" s="127"/>
      <c r="C1103" s="128"/>
      <c r="D1103" s="128"/>
      <c r="E1103" s="128"/>
      <c r="F1103" s="128"/>
      <c r="G1103" s="128"/>
      <c r="H1103" s="128"/>
      <c r="I1103" s="128"/>
      <c r="J1103" s="128"/>
      <c r="K1103" s="128"/>
      <c r="L1103" s="128"/>
      <c r="M1103" s="128"/>
      <c r="N1103" s="128"/>
      <c r="O1103" s="128"/>
      <c r="P1103" s="128"/>
      <c r="Q1103" s="128"/>
      <c r="R1103" s="128"/>
      <c r="S1103" s="128"/>
      <c r="T1103" s="128"/>
      <c r="U1103" s="128"/>
      <c r="V1103" s="128"/>
      <c r="W1103" s="128"/>
      <c r="X1103" s="128"/>
      <c r="Y1103" s="128"/>
      <c r="Z1103" s="128"/>
      <c r="AA1103" s="128"/>
      <c r="AB1103" s="128"/>
      <c r="AC1103" s="128"/>
      <c r="AD1103" s="128"/>
      <c r="AE1103" s="128"/>
      <c r="AF1103" s="128"/>
      <c r="AG1103" s="128"/>
      <c r="AH1103" s="128"/>
      <c r="AI1103" s="128"/>
      <c r="AJ1103" s="128"/>
      <c r="AK1103" s="128"/>
      <c r="AL1103" s="128"/>
      <c r="AM1103" s="128"/>
      <c r="AN1103" s="128"/>
      <c r="AO1103" s="128"/>
      <c r="AP1103" s="128"/>
      <c r="AQ1103" s="128"/>
      <c r="AR1103" s="128"/>
      <c r="AS1103" s="128"/>
      <c r="AT1103" s="128"/>
      <c r="AU1103" s="128"/>
      <c r="AV1103" s="128"/>
      <c r="AW1103" s="128"/>
      <c r="AX1103" s="129"/>
    </row>
    <row r="1104" spans="1:113" s="23" customFormat="1" ht="10.8" customHeight="1">
      <c r="A1104" s="34"/>
      <c r="B1104" s="127"/>
      <c r="C1104" s="128"/>
      <c r="D1104" s="128"/>
      <c r="E1104" s="128"/>
      <c r="F1104" s="128"/>
      <c r="G1104" s="128"/>
      <c r="H1104" s="128"/>
      <c r="I1104" s="128"/>
      <c r="J1104" s="128"/>
      <c r="K1104" s="128"/>
      <c r="L1104" s="128"/>
      <c r="M1104" s="128"/>
      <c r="N1104" s="128"/>
      <c r="O1104" s="128"/>
      <c r="P1104" s="128"/>
      <c r="Q1104" s="128"/>
      <c r="R1104" s="128"/>
      <c r="S1104" s="128"/>
      <c r="T1104" s="128"/>
      <c r="U1104" s="128"/>
      <c r="V1104" s="128"/>
      <c r="W1104" s="128"/>
      <c r="X1104" s="128"/>
      <c r="Y1104" s="128"/>
      <c r="Z1104" s="128"/>
      <c r="AA1104" s="128"/>
      <c r="AB1104" s="128"/>
      <c r="AC1104" s="128"/>
      <c r="AD1104" s="128"/>
      <c r="AE1104" s="128"/>
      <c r="AF1104" s="128"/>
      <c r="AG1104" s="128"/>
      <c r="AH1104" s="128"/>
      <c r="AI1104" s="128"/>
      <c r="AJ1104" s="128"/>
      <c r="AK1104" s="128"/>
      <c r="AL1104" s="128"/>
      <c r="AM1104" s="128"/>
      <c r="AN1104" s="128"/>
      <c r="AO1104" s="128"/>
      <c r="AP1104" s="128"/>
      <c r="AQ1104" s="128"/>
      <c r="AR1104" s="128"/>
      <c r="AS1104" s="128"/>
      <c r="AT1104" s="128"/>
      <c r="AU1104" s="128"/>
      <c r="AV1104" s="128"/>
      <c r="AW1104" s="128"/>
      <c r="AX1104" s="129"/>
    </row>
    <row r="1105" spans="1:251" s="23" customFormat="1" ht="10.8" customHeight="1">
      <c r="A1105" s="34"/>
      <c r="B1105" s="127"/>
      <c r="C1105" s="128"/>
      <c r="D1105" s="128"/>
      <c r="E1105" s="128"/>
      <c r="F1105" s="128"/>
      <c r="G1105" s="128"/>
      <c r="H1105" s="128"/>
      <c r="I1105" s="128"/>
      <c r="J1105" s="128"/>
      <c r="K1105" s="128"/>
      <c r="L1105" s="128"/>
      <c r="M1105" s="128"/>
      <c r="N1105" s="128"/>
      <c r="O1105" s="128"/>
      <c r="P1105" s="128"/>
      <c r="Q1105" s="128"/>
      <c r="R1105" s="128"/>
      <c r="S1105" s="128"/>
      <c r="T1105" s="128"/>
      <c r="U1105" s="128"/>
      <c r="V1105" s="128"/>
      <c r="W1105" s="128"/>
      <c r="X1105" s="128"/>
      <c r="Y1105" s="128"/>
      <c r="Z1105" s="128"/>
      <c r="AA1105" s="128"/>
      <c r="AB1105" s="128"/>
      <c r="AC1105" s="128"/>
      <c r="AD1105" s="128"/>
      <c r="AE1105" s="128"/>
      <c r="AF1105" s="128"/>
      <c r="AG1105" s="128"/>
      <c r="AH1105" s="128"/>
      <c r="AI1105" s="128"/>
      <c r="AJ1105" s="128"/>
      <c r="AK1105" s="128"/>
      <c r="AL1105" s="128"/>
      <c r="AM1105" s="128"/>
      <c r="AN1105" s="128"/>
      <c r="AO1105" s="128"/>
      <c r="AP1105" s="128"/>
      <c r="AQ1105" s="128"/>
      <c r="AR1105" s="128"/>
      <c r="AS1105" s="128"/>
      <c r="AT1105" s="128"/>
      <c r="AU1105" s="128"/>
      <c r="AV1105" s="128"/>
      <c r="AW1105" s="128"/>
      <c r="AX1105" s="129"/>
    </row>
    <row r="1106" spans="1:251" s="23" customFormat="1" ht="15" thickBot="1">
      <c r="A1106" s="38"/>
      <c r="B1106" s="39"/>
      <c r="C1106" s="40"/>
      <c r="D1106" s="40"/>
      <c r="E1106" s="40"/>
      <c r="F1106" s="40"/>
      <c r="G1106" s="40"/>
      <c r="H1106" s="40"/>
      <c r="I1106" s="40"/>
      <c r="J1106" s="40"/>
      <c r="K1106" s="40"/>
      <c r="L1106" s="40"/>
      <c r="M1106" s="40"/>
      <c r="N1106" s="40"/>
      <c r="O1106" s="40"/>
      <c r="P1106" s="40"/>
      <c r="Q1106" s="40"/>
      <c r="R1106" s="40"/>
      <c r="S1106" s="40"/>
      <c r="T1106" s="40"/>
      <c r="U1106" s="40"/>
      <c r="V1106" s="40"/>
      <c r="W1106" s="40"/>
      <c r="X1106" s="40"/>
      <c r="Y1106" s="40"/>
      <c r="Z1106" s="40"/>
      <c r="AA1106" s="40"/>
      <c r="AB1106" s="40"/>
      <c r="AC1106" s="40"/>
      <c r="AD1106" s="40"/>
      <c r="AE1106" s="40"/>
      <c r="AF1106" s="40"/>
      <c r="AG1106" s="40"/>
      <c r="AH1106" s="40"/>
      <c r="AI1106" s="40"/>
      <c r="AJ1106" s="40"/>
      <c r="AK1106" s="40"/>
      <c r="AL1106" s="40"/>
      <c r="AM1106" s="40"/>
      <c r="AN1106" s="40"/>
      <c r="AO1106" s="40"/>
      <c r="AP1106" s="40"/>
      <c r="AQ1106" s="40"/>
      <c r="AR1106" s="40"/>
      <c r="AS1106" s="40"/>
      <c r="AT1106" s="40"/>
      <c r="AU1106" s="40"/>
      <c r="AV1106" s="40"/>
      <c r="AW1106" s="40"/>
      <c r="AX1106" s="41"/>
    </row>
    <row r="1107" spans="1:251" s="23" customFormat="1" ht="13.2">
      <c r="B1107" s="42"/>
    </row>
    <row r="1108" spans="1:251" s="23" customFormat="1" ht="14.4">
      <c r="B1108" s="33" t="s">
        <v>93</v>
      </c>
      <c r="C1108" s="34"/>
      <c r="D1108" s="34"/>
      <c r="E1108" s="34"/>
      <c r="F1108" s="34"/>
      <c r="G1108" s="34"/>
      <c r="H1108" s="34"/>
      <c r="I1108" s="34"/>
      <c r="J1108" s="34"/>
      <c r="K1108" s="34"/>
      <c r="L1108" s="35"/>
      <c r="M1108" s="35"/>
      <c r="N1108" s="35"/>
      <c r="O1108" s="35"/>
      <c r="P1108" s="34"/>
      <c r="Q1108" s="34"/>
      <c r="R1108" s="34"/>
      <c r="S1108" s="34"/>
      <c r="T1108" s="34"/>
      <c r="U1108" s="34"/>
      <c r="V1108" s="33"/>
      <c r="W1108" s="33"/>
      <c r="X1108" s="33"/>
      <c r="Y1108" s="33"/>
      <c r="Z1108" s="33"/>
      <c r="AA1108" s="33"/>
      <c r="AB1108" s="33"/>
      <c r="AC1108" s="33"/>
      <c r="AD1108" s="33"/>
      <c r="AE1108" s="33"/>
      <c r="AF1108" s="33"/>
      <c r="AG1108" s="33"/>
      <c r="AH1108" s="33"/>
      <c r="AI1108" s="33"/>
      <c r="AJ1108" s="33"/>
      <c r="AK1108" s="33"/>
      <c r="AL1108" s="33"/>
      <c r="AM1108" s="33"/>
      <c r="AN1108" s="33"/>
      <c r="AO1108" s="33"/>
      <c r="AP1108" s="33"/>
      <c r="AQ1108" s="33"/>
      <c r="AR1108" s="33"/>
      <c r="AS1108" s="33"/>
      <c r="AT1108" s="33"/>
      <c r="AU1108" s="33"/>
      <c r="AV1108" s="33"/>
      <c r="AW1108" s="33"/>
      <c r="AX1108" s="33"/>
    </row>
    <row r="1109" spans="1:251" s="23" customFormat="1" ht="15" thickBot="1">
      <c r="B1109" s="33"/>
      <c r="C1109" s="34"/>
      <c r="D1109" s="34"/>
      <c r="E1109" s="34"/>
      <c r="F1109" s="34"/>
      <c r="G1109" s="34"/>
      <c r="H1109" s="34"/>
      <c r="I1109" s="34"/>
      <c r="J1109" s="34"/>
      <c r="K1109" s="34"/>
      <c r="L1109" s="35"/>
      <c r="M1109" s="35"/>
      <c r="N1109" s="35"/>
      <c r="O1109" s="35"/>
      <c r="P1109" s="34"/>
      <c r="Q1109" s="34"/>
      <c r="R1109" s="34"/>
      <c r="S1109" s="34"/>
      <c r="T1109" s="34"/>
      <c r="U1109" s="34"/>
      <c r="V1109" s="33"/>
      <c r="W1109" s="33"/>
      <c r="X1109" s="33"/>
      <c r="Y1109" s="33"/>
      <c r="Z1109" s="33"/>
      <c r="AA1109" s="33"/>
      <c r="AB1109" s="33"/>
      <c r="AC1109" s="33"/>
      <c r="AD1109" s="33"/>
      <c r="AE1109" s="33"/>
      <c r="AF1109" s="33"/>
      <c r="AG1109" s="33"/>
      <c r="AH1109" s="33"/>
      <c r="AI1109" s="33"/>
      <c r="AJ1109" s="33"/>
      <c r="AK1109" s="33"/>
      <c r="AL1109" s="33"/>
      <c r="AM1109" s="33"/>
      <c r="AN1109" s="33"/>
      <c r="AO1109" s="33"/>
      <c r="AP1109" s="33"/>
      <c r="AQ1109" s="33"/>
      <c r="AR1109" s="33"/>
      <c r="AS1109" s="33"/>
      <c r="AT1109" s="33"/>
      <c r="AU1109" s="33"/>
      <c r="AV1109" s="33"/>
      <c r="AW1109" s="33"/>
      <c r="AX1109" s="43" t="s">
        <v>94</v>
      </c>
    </row>
    <row r="1110" spans="1:251" s="50" customFormat="1" ht="13.5" customHeight="1">
      <c r="A1110" s="34"/>
      <c r="B1110" s="139" t="s">
        <v>95</v>
      </c>
      <c r="C1110" s="203"/>
      <c r="D1110" s="203"/>
      <c r="E1110" s="203"/>
      <c r="F1110" s="203"/>
      <c r="G1110" s="203"/>
      <c r="H1110" s="203"/>
      <c r="I1110" s="203"/>
      <c r="J1110" s="203"/>
      <c r="K1110" s="203"/>
      <c r="L1110" s="203"/>
      <c r="M1110" s="203"/>
      <c r="N1110" s="203"/>
      <c r="O1110" s="203"/>
      <c r="P1110" s="203"/>
      <c r="Q1110" s="203"/>
      <c r="R1110" s="203"/>
      <c r="S1110" s="203"/>
      <c r="T1110" s="203"/>
      <c r="U1110" s="203"/>
      <c r="V1110" s="203"/>
      <c r="W1110" s="203"/>
      <c r="X1110" s="203"/>
      <c r="Y1110" s="203"/>
      <c r="Z1110" s="204"/>
      <c r="AA1110" s="145" t="s">
        <v>116</v>
      </c>
      <c r="AB1110" s="203"/>
      <c r="AC1110" s="203"/>
      <c r="AD1110" s="203"/>
      <c r="AE1110" s="203"/>
      <c r="AF1110" s="203"/>
      <c r="AG1110" s="203"/>
      <c r="AH1110" s="203"/>
      <c r="AI1110" s="204"/>
      <c r="AJ1110" s="145" t="s">
        <v>117</v>
      </c>
      <c r="AK1110" s="203"/>
      <c r="AL1110" s="203"/>
      <c r="AM1110" s="203"/>
      <c r="AN1110" s="203"/>
      <c r="AO1110" s="203"/>
      <c r="AP1110" s="203"/>
      <c r="AQ1110" s="203"/>
      <c r="AR1110" s="204"/>
      <c r="AS1110" s="145" t="s">
        <v>98</v>
      </c>
      <c r="AT1110" s="203"/>
      <c r="AU1110" s="203"/>
      <c r="AV1110" s="203"/>
      <c r="AW1110" s="203"/>
      <c r="AX1110" s="209"/>
      <c r="AY1110" s="23"/>
      <c r="AZ1110" s="23"/>
      <c r="BA1110" s="23"/>
      <c r="BB1110" s="23"/>
      <c r="BC1110" s="23"/>
      <c r="BD1110" s="23"/>
      <c r="BE1110" s="23"/>
      <c r="BF1110" s="23"/>
      <c r="BG1110" s="23"/>
      <c r="BH1110" s="23"/>
      <c r="BI1110" s="23"/>
      <c r="BJ1110" s="23"/>
      <c r="BK1110" s="23"/>
      <c r="BL1110" s="23"/>
      <c r="BM1110" s="23"/>
      <c r="BN1110" s="23"/>
      <c r="BO1110" s="23"/>
      <c r="BP1110" s="23"/>
      <c r="BQ1110" s="23"/>
      <c r="BR1110" s="23"/>
      <c r="BS1110" s="23"/>
      <c r="BT1110" s="23"/>
      <c r="BU1110" s="23"/>
      <c r="BV1110" s="23"/>
      <c r="BW1110" s="23"/>
      <c r="BX1110" s="23"/>
      <c r="BY1110" s="23"/>
      <c r="BZ1110" s="23"/>
      <c r="CA1110" s="23"/>
      <c r="CB1110" s="23"/>
      <c r="CC1110" s="23"/>
      <c r="CD1110" s="23"/>
      <c r="CE1110" s="23"/>
      <c r="CF1110" s="23"/>
      <c r="CG1110" s="23"/>
      <c r="CH1110" s="23"/>
      <c r="CI1110" s="23"/>
      <c r="CJ1110" s="23"/>
      <c r="CK1110" s="23"/>
      <c r="CL1110" s="23"/>
      <c r="CM1110" s="23"/>
      <c r="CN1110" s="23"/>
      <c r="CO1110" s="23"/>
      <c r="CP1110" s="23"/>
      <c r="CQ1110" s="23"/>
      <c r="CR1110" s="23"/>
      <c r="CS1110" s="23"/>
      <c r="CT1110" s="23"/>
      <c r="CU1110" s="23"/>
      <c r="CV1110" s="23"/>
      <c r="CW1110" s="23"/>
      <c r="CX1110" s="23"/>
      <c r="CY1110" s="23"/>
      <c r="CZ1110" s="23"/>
      <c r="DA1110" s="23"/>
      <c r="DB1110" s="23"/>
      <c r="DC1110" s="23"/>
      <c r="DD1110" s="23"/>
      <c r="DE1110" s="23"/>
      <c r="DF1110" s="23"/>
      <c r="DG1110" s="23"/>
      <c r="DH1110" s="23"/>
      <c r="DI1110" s="23"/>
      <c r="DJ1110" s="23"/>
      <c r="DK1110" s="23"/>
      <c r="DL1110" s="23"/>
      <c r="DM1110" s="23"/>
      <c r="DN1110" s="23"/>
      <c r="DO1110" s="23"/>
      <c r="DP1110" s="23"/>
      <c r="DQ1110" s="23"/>
      <c r="DR1110" s="23"/>
      <c r="DS1110" s="23"/>
      <c r="DT1110" s="23"/>
      <c r="DU1110" s="23"/>
      <c r="DV1110" s="23"/>
      <c r="DW1110" s="23"/>
      <c r="DX1110" s="23"/>
      <c r="DY1110" s="23"/>
      <c r="DZ1110" s="23"/>
      <c r="EA1110" s="23"/>
      <c r="EB1110" s="23"/>
      <c r="EC1110" s="23"/>
      <c r="ED1110" s="23"/>
      <c r="EE1110" s="23"/>
      <c r="EF1110" s="23"/>
      <c r="EG1110" s="23"/>
      <c r="EH1110" s="23"/>
      <c r="EI1110" s="23"/>
      <c r="EJ1110" s="23"/>
      <c r="EK1110" s="23"/>
      <c r="EL1110" s="23"/>
      <c r="EM1110" s="23"/>
      <c r="EN1110" s="23"/>
      <c r="EO1110" s="23"/>
      <c r="EP1110" s="23"/>
      <c r="EQ1110" s="23"/>
      <c r="ER1110" s="23"/>
      <c r="ES1110" s="23"/>
      <c r="ET1110" s="23"/>
      <c r="EU1110" s="23"/>
      <c r="EV1110" s="23"/>
      <c r="EW1110" s="23"/>
      <c r="EX1110" s="23"/>
      <c r="EY1110" s="23"/>
      <c r="EZ1110" s="23"/>
      <c r="FA1110" s="23"/>
      <c r="FB1110" s="23"/>
      <c r="FC1110" s="23"/>
      <c r="FD1110" s="23"/>
      <c r="FE1110" s="23"/>
      <c r="FF1110" s="23"/>
      <c r="FG1110" s="23"/>
      <c r="FH1110" s="23"/>
      <c r="FI1110" s="23"/>
      <c r="FJ1110" s="23"/>
      <c r="FK1110" s="23"/>
      <c r="FL1110" s="23"/>
      <c r="FM1110" s="23"/>
      <c r="FN1110" s="23"/>
      <c r="FO1110" s="23"/>
      <c r="FP1110" s="23"/>
      <c r="FQ1110" s="23"/>
      <c r="FR1110" s="23"/>
      <c r="FS1110" s="23"/>
      <c r="FT1110" s="23"/>
      <c r="FU1110" s="23"/>
      <c r="FV1110" s="23"/>
      <c r="FW1110" s="23"/>
      <c r="FX1110" s="23"/>
      <c r="FY1110" s="23"/>
      <c r="FZ1110" s="23"/>
      <c r="GA1110" s="23"/>
      <c r="GB1110" s="23"/>
      <c r="GC1110" s="23"/>
      <c r="GD1110" s="23"/>
      <c r="GE1110" s="23"/>
      <c r="GF1110" s="23"/>
      <c r="GG1110" s="23"/>
      <c r="GH1110" s="23"/>
      <c r="GI1110" s="23"/>
      <c r="GJ1110" s="23"/>
      <c r="GK1110" s="23"/>
      <c r="GL1110" s="23"/>
      <c r="GM1110" s="23"/>
      <c r="GN1110" s="23"/>
      <c r="GO1110" s="23"/>
      <c r="GP1110" s="23"/>
      <c r="GQ1110" s="23"/>
      <c r="GR1110" s="23"/>
      <c r="GS1110" s="23"/>
      <c r="GT1110" s="23"/>
      <c r="GU1110" s="23"/>
      <c r="GV1110" s="23"/>
      <c r="GW1110" s="23"/>
      <c r="GX1110" s="23"/>
      <c r="GY1110" s="23"/>
      <c r="GZ1110" s="23"/>
      <c r="HA1110" s="23"/>
      <c r="HB1110" s="23"/>
      <c r="HC1110" s="23"/>
      <c r="HD1110" s="23"/>
      <c r="HE1110" s="23"/>
      <c r="HF1110" s="23"/>
      <c r="HG1110" s="23"/>
      <c r="HH1110" s="23"/>
      <c r="HI1110" s="23"/>
      <c r="HJ1110" s="23"/>
      <c r="HK1110" s="23"/>
      <c r="HL1110" s="23"/>
      <c r="HM1110" s="23"/>
      <c r="HN1110" s="23"/>
      <c r="HO1110" s="23"/>
      <c r="HP1110" s="23"/>
      <c r="HQ1110" s="23"/>
      <c r="HR1110" s="23"/>
      <c r="HS1110" s="23"/>
      <c r="HT1110" s="23"/>
      <c r="HU1110" s="23"/>
      <c r="HV1110" s="23"/>
      <c r="HW1110" s="23"/>
      <c r="HX1110" s="23"/>
      <c r="HY1110" s="23"/>
      <c r="HZ1110" s="23"/>
      <c r="IA1110" s="23"/>
      <c r="IB1110" s="23"/>
      <c r="IC1110" s="23"/>
      <c r="ID1110" s="23"/>
      <c r="IE1110" s="23"/>
      <c r="IF1110" s="23"/>
      <c r="IG1110" s="23"/>
      <c r="IH1110" s="23"/>
      <c r="II1110" s="23"/>
      <c r="IJ1110" s="23"/>
      <c r="IK1110" s="23"/>
      <c r="IL1110" s="23"/>
      <c r="IM1110" s="23"/>
      <c r="IN1110" s="23"/>
      <c r="IO1110" s="23"/>
      <c r="IP1110" s="23"/>
      <c r="IQ1110" s="23"/>
    </row>
    <row r="1111" spans="1:251" s="50" customFormat="1">
      <c r="A1111" s="34"/>
      <c r="B1111" s="205"/>
      <c r="C1111" s="206"/>
      <c r="D1111" s="206"/>
      <c r="E1111" s="206"/>
      <c r="F1111" s="206"/>
      <c r="G1111" s="206"/>
      <c r="H1111" s="206"/>
      <c r="I1111" s="206"/>
      <c r="J1111" s="206"/>
      <c r="K1111" s="206"/>
      <c r="L1111" s="206"/>
      <c r="M1111" s="206"/>
      <c r="N1111" s="206"/>
      <c r="O1111" s="206"/>
      <c r="P1111" s="206"/>
      <c r="Q1111" s="206"/>
      <c r="R1111" s="206"/>
      <c r="S1111" s="206"/>
      <c r="T1111" s="206"/>
      <c r="U1111" s="206"/>
      <c r="V1111" s="206"/>
      <c r="W1111" s="206"/>
      <c r="X1111" s="206"/>
      <c r="Y1111" s="206"/>
      <c r="Z1111" s="207"/>
      <c r="AA1111" s="208"/>
      <c r="AB1111" s="206"/>
      <c r="AC1111" s="206"/>
      <c r="AD1111" s="206"/>
      <c r="AE1111" s="206"/>
      <c r="AF1111" s="206"/>
      <c r="AG1111" s="206"/>
      <c r="AH1111" s="206"/>
      <c r="AI1111" s="207"/>
      <c r="AJ1111" s="208"/>
      <c r="AK1111" s="206"/>
      <c r="AL1111" s="206"/>
      <c r="AM1111" s="206"/>
      <c r="AN1111" s="206"/>
      <c r="AO1111" s="206"/>
      <c r="AP1111" s="206"/>
      <c r="AQ1111" s="206"/>
      <c r="AR1111" s="207"/>
      <c r="AS1111" s="208"/>
      <c r="AT1111" s="206"/>
      <c r="AU1111" s="206"/>
      <c r="AV1111" s="206"/>
      <c r="AW1111" s="206"/>
      <c r="AX1111" s="210"/>
      <c r="AY1111" s="23"/>
      <c r="AZ1111" s="23"/>
      <c r="BA1111" s="23"/>
      <c r="BB1111"/>
      <c r="BC1111" s="45"/>
      <c r="BE1111" s="23"/>
      <c r="BF1111" s="23"/>
      <c r="BG1111" s="23"/>
      <c r="BH1111" s="23"/>
      <c r="BI1111" s="23"/>
      <c r="BJ1111" s="23"/>
      <c r="BK1111" s="23"/>
      <c r="BL1111" s="23"/>
      <c r="BM1111" s="23"/>
      <c r="BN1111" s="23"/>
      <c r="BO1111" s="23"/>
      <c r="BP1111" s="23"/>
      <c r="BQ1111" s="23"/>
      <c r="BR1111" s="23"/>
      <c r="BS1111" s="23"/>
      <c r="BT1111" s="23"/>
      <c r="BU1111" s="23"/>
      <c r="BV1111" s="23"/>
      <c r="BW1111" s="23"/>
      <c r="BX1111" s="23"/>
      <c r="BY1111" s="23"/>
      <c r="BZ1111" s="23"/>
      <c r="CA1111" s="23"/>
      <c r="CB1111" s="23"/>
      <c r="CC1111" s="23"/>
      <c r="CD1111" s="23"/>
      <c r="CE1111" s="23"/>
      <c r="CF1111" s="23"/>
      <c r="CG1111" s="23"/>
      <c r="CH1111" s="23"/>
      <c r="CI1111" s="23"/>
      <c r="CJ1111" s="23"/>
      <c r="CK1111" s="23"/>
      <c r="CL1111" s="23"/>
      <c r="CM1111" s="23"/>
      <c r="CN1111" s="23"/>
      <c r="CO1111" s="23"/>
      <c r="CP1111" s="23"/>
      <c r="CQ1111" s="23"/>
      <c r="CR1111" s="23"/>
      <c r="CS1111" s="23"/>
      <c r="CT1111" s="23"/>
      <c r="CU1111" s="23"/>
      <c r="CV1111" s="23"/>
      <c r="CW1111" s="23"/>
      <c r="CX1111" s="23"/>
      <c r="CY1111" s="23"/>
      <c r="CZ1111" s="23"/>
      <c r="DA1111" s="23"/>
      <c r="DB1111" s="23"/>
      <c r="DC1111" s="23"/>
      <c r="DD1111" s="23"/>
      <c r="DE1111" s="23"/>
      <c r="DF1111" s="23"/>
      <c r="DG1111" s="23"/>
      <c r="DH1111" s="23"/>
      <c r="DI1111" s="23"/>
      <c r="DJ1111" s="23"/>
      <c r="DK1111" s="23"/>
      <c r="DL1111" s="23"/>
      <c r="DM1111" s="23"/>
      <c r="DN1111" s="23"/>
      <c r="DO1111" s="23"/>
      <c r="DP1111" s="23"/>
      <c r="DQ1111" s="23"/>
      <c r="DR1111" s="23"/>
      <c r="DS1111" s="23"/>
      <c r="DT1111" s="23"/>
      <c r="DU1111" s="23"/>
      <c r="DV1111" s="23"/>
      <c r="DW1111" s="23"/>
      <c r="DX1111" s="23"/>
      <c r="DY1111" s="23"/>
      <c r="DZ1111" s="23"/>
      <c r="EA1111" s="23"/>
      <c r="EB1111" s="23"/>
      <c r="EC1111" s="23"/>
      <c r="ED1111" s="23"/>
      <c r="EE1111" s="23"/>
      <c r="EF1111" s="23"/>
      <c r="EG1111" s="23"/>
      <c r="EH1111" s="23"/>
      <c r="EI1111" s="23"/>
      <c r="EJ1111" s="23"/>
      <c r="EK1111" s="23"/>
      <c r="EL1111" s="23"/>
      <c r="EM1111" s="23"/>
      <c r="EN1111" s="23"/>
      <c r="EO1111" s="23"/>
      <c r="EP1111" s="23"/>
      <c r="EQ1111" s="23"/>
      <c r="ER1111" s="23"/>
      <c r="ES1111" s="23"/>
      <c r="ET1111" s="23"/>
      <c r="EU1111" s="23"/>
      <c r="EV1111" s="23"/>
      <c r="EW1111" s="23"/>
      <c r="EX1111" s="23"/>
      <c r="EY1111" s="23"/>
      <c r="EZ1111" s="23"/>
      <c r="FA1111" s="23"/>
      <c r="FB1111" s="23"/>
      <c r="FC1111" s="23"/>
      <c r="FD1111" s="23"/>
      <c r="FE1111" s="23"/>
      <c r="FF1111" s="23"/>
      <c r="FG1111" s="23"/>
      <c r="FH1111" s="23"/>
      <c r="FI1111" s="23"/>
      <c r="FJ1111" s="23"/>
      <c r="FK1111" s="23"/>
      <c r="FL1111" s="23"/>
      <c r="FM1111" s="23"/>
      <c r="FN1111" s="23"/>
      <c r="FO1111" s="23"/>
      <c r="FP1111" s="23"/>
      <c r="FQ1111" s="23"/>
      <c r="FR1111" s="23"/>
      <c r="FS1111" s="23"/>
      <c r="FT1111" s="23"/>
      <c r="FU1111" s="23"/>
      <c r="FV1111" s="23"/>
      <c r="FW1111" s="23"/>
      <c r="FX1111" s="23"/>
      <c r="FY1111" s="23"/>
      <c r="FZ1111" s="23"/>
      <c r="GA1111" s="23"/>
      <c r="GB1111" s="23"/>
      <c r="GC1111" s="23"/>
      <c r="GD1111" s="23"/>
      <c r="GE1111" s="23"/>
      <c r="GF1111" s="23"/>
      <c r="GG1111" s="23"/>
      <c r="GH1111" s="23"/>
      <c r="GI1111" s="23"/>
      <c r="GJ1111" s="23"/>
      <c r="GK1111" s="23"/>
      <c r="GL1111" s="23"/>
      <c r="GM1111" s="23"/>
      <c r="GN1111" s="23"/>
      <c r="GO1111" s="23"/>
      <c r="GP1111" s="23"/>
      <c r="GQ1111" s="23"/>
      <c r="GR1111" s="23"/>
      <c r="GS1111" s="23"/>
      <c r="GT1111" s="23"/>
      <c r="GU1111" s="23"/>
      <c r="GV1111" s="23"/>
      <c r="GW1111" s="23"/>
      <c r="GX1111" s="23"/>
      <c r="GY1111" s="23"/>
      <c r="GZ1111" s="23"/>
      <c r="HA1111" s="23"/>
      <c r="HB1111" s="23"/>
      <c r="HC1111" s="23"/>
      <c r="HD1111" s="23"/>
      <c r="HE1111" s="23"/>
      <c r="HF1111" s="23"/>
      <c r="HG1111" s="23"/>
      <c r="HH1111" s="23"/>
      <c r="HI1111" s="23"/>
      <c r="HJ1111" s="23"/>
      <c r="HK1111" s="23"/>
      <c r="HL1111" s="23"/>
      <c r="HM1111" s="23"/>
      <c r="HN1111" s="23"/>
      <c r="HO1111" s="23"/>
      <c r="HP1111" s="23"/>
      <c r="HQ1111" s="23"/>
      <c r="HR1111" s="23"/>
      <c r="HS1111" s="23"/>
      <c r="HT1111" s="23"/>
      <c r="HU1111" s="23"/>
      <c r="HV1111" s="23"/>
      <c r="HW1111" s="23"/>
      <c r="HX1111" s="23"/>
      <c r="HY1111" s="23"/>
      <c r="HZ1111" s="23"/>
      <c r="IA1111" s="23"/>
      <c r="IB1111" s="23"/>
      <c r="IC1111" s="23"/>
      <c r="ID1111" s="23"/>
      <c r="IE1111" s="23"/>
      <c r="IF1111" s="23"/>
      <c r="IG1111" s="23"/>
      <c r="IH1111" s="23"/>
      <c r="II1111" s="23"/>
      <c r="IJ1111" s="23"/>
      <c r="IK1111" s="23"/>
      <c r="IL1111" s="23"/>
      <c r="IM1111" s="23"/>
      <c r="IN1111" s="23"/>
      <c r="IO1111" s="23"/>
      <c r="IP1111" s="23"/>
      <c r="IQ1111" s="23"/>
    </row>
    <row r="1112" spans="1:251" s="50" customFormat="1" ht="18.75" customHeight="1">
      <c r="A1112" s="34"/>
      <c r="B1112" s="46"/>
      <c r="C1112" s="130" t="s">
        <v>183</v>
      </c>
      <c r="D1112" s="130"/>
      <c r="E1112" s="130"/>
      <c r="F1112" s="130"/>
      <c r="G1112" s="130"/>
      <c r="H1112" s="130"/>
      <c r="I1112" s="130"/>
      <c r="J1112" s="130"/>
      <c r="K1112" s="130"/>
      <c r="L1112" s="130"/>
      <c r="M1112" s="130"/>
      <c r="N1112" s="130"/>
      <c r="O1112" s="130"/>
      <c r="P1112" s="130"/>
      <c r="Q1112" s="130"/>
      <c r="R1112" s="130"/>
      <c r="S1112" s="130"/>
      <c r="T1112" s="130"/>
      <c r="U1112" s="130"/>
      <c r="V1112" s="130"/>
      <c r="W1112" s="130"/>
      <c r="X1112" s="130"/>
      <c r="Y1112" s="130"/>
      <c r="Z1112" s="131"/>
      <c r="AA1112" s="132">
        <v>0</v>
      </c>
      <c r="AB1112" s="196"/>
      <c r="AC1112" s="196"/>
      <c r="AD1112" s="196"/>
      <c r="AE1112" s="196"/>
      <c r="AF1112" s="196"/>
      <c r="AG1112" s="196"/>
      <c r="AH1112" s="196"/>
      <c r="AI1112" s="197"/>
      <c r="AJ1112" s="132">
        <v>0</v>
      </c>
      <c r="AK1112" s="196"/>
      <c r="AL1112" s="196"/>
      <c r="AM1112" s="196"/>
      <c r="AN1112" s="196"/>
      <c r="AO1112" s="196"/>
      <c r="AP1112" s="196"/>
      <c r="AQ1112" s="196"/>
      <c r="AR1112" s="197"/>
      <c r="AS1112" s="132"/>
      <c r="AT1112" s="196"/>
      <c r="AU1112" s="196"/>
      <c r="AV1112" s="196"/>
      <c r="AW1112" s="196"/>
      <c r="AX1112" s="202"/>
      <c r="AY1112" s="23"/>
      <c r="AZ1112" s="23"/>
      <c r="BA1112" s="23"/>
      <c r="BB1112" s="23"/>
      <c r="BC1112" s="23"/>
      <c r="BD1112" s="23"/>
      <c r="BE1112" s="23"/>
      <c r="BF1112" s="23"/>
      <c r="BG1112" s="23"/>
      <c r="BH1112" s="23"/>
      <c r="BI1112" s="23"/>
      <c r="BJ1112" s="23"/>
      <c r="BK1112" s="23"/>
      <c r="BL1112" s="23"/>
      <c r="BM1112" s="23"/>
      <c r="BN1112" s="23"/>
      <c r="BO1112" s="23"/>
      <c r="BP1112" s="23"/>
      <c r="BQ1112" s="23"/>
      <c r="BR1112" s="23"/>
      <c r="BS1112" s="23"/>
      <c r="BT1112" s="23"/>
      <c r="BU1112" s="23"/>
      <c r="BV1112" s="23"/>
      <c r="BW1112" s="23"/>
      <c r="BX1112" s="23"/>
      <c r="BY1112" s="23"/>
      <c r="BZ1112" s="23"/>
      <c r="CA1112" s="23"/>
      <c r="CB1112" s="23"/>
      <c r="CC1112" s="23"/>
      <c r="CD1112" s="23"/>
      <c r="CE1112" s="23"/>
      <c r="CF1112" s="23"/>
      <c r="CG1112" s="23"/>
      <c r="CH1112" s="23"/>
      <c r="CI1112" s="23"/>
      <c r="CJ1112" s="23"/>
      <c r="CK1112" s="23"/>
      <c r="CL1112" s="23"/>
      <c r="CM1112" s="23"/>
      <c r="CN1112" s="23"/>
      <c r="CO1112" s="23"/>
      <c r="CP1112" s="23"/>
      <c r="CQ1112" s="23"/>
      <c r="CR1112" s="23"/>
      <c r="CS1112" s="23"/>
      <c r="CT1112" s="23"/>
      <c r="CU1112" s="23"/>
      <c r="CV1112" s="23"/>
      <c r="CW1112" s="23"/>
      <c r="CX1112" s="23"/>
      <c r="CY1112" s="23"/>
      <c r="CZ1112" s="23"/>
      <c r="DA1112" s="23"/>
      <c r="DB1112" s="23"/>
      <c r="DC1112" s="23"/>
      <c r="DD1112" s="23"/>
      <c r="DE1112" s="23"/>
      <c r="DF1112" s="23"/>
      <c r="DG1112" s="23"/>
      <c r="DH1112" s="23"/>
      <c r="DI1112" s="23"/>
      <c r="DJ1112" s="23"/>
      <c r="DK1112" s="23"/>
      <c r="DL1112" s="23"/>
      <c r="DM1112" s="23"/>
      <c r="DN1112" s="23"/>
      <c r="DO1112" s="23"/>
      <c r="DP1112" s="23"/>
      <c r="DQ1112" s="23"/>
      <c r="DR1112" s="23"/>
      <c r="DS1112" s="23"/>
      <c r="DT1112" s="23"/>
      <c r="DU1112" s="23"/>
      <c r="DV1112" s="23"/>
      <c r="DW1112" s="23"/>
      <c r="DX1112" s="23"/>
      <c r="DY1112" s="23"/>
      <c r="DZ1112" s="23"/>
      <c r="EA1112" s="23"/>
      <c r="EB1112" s="23"/>
      <c r="EC1112" s="23"/>
      <c r="ED1112" s="23"/>
      <c r="EE1112" s="23"/>
      <c r="EF1112" s="23"/>
      <c r="EG1112" s="23"/>
      <c r="EH1112" s="23"/>
      <c r="EI1112" s="23"/>
      <c r="EJ1112" s="23"/>
      <c r="EK1112" s="23"/>
      <c r="EL1112" s="23"/>
      <c r="EM1112" s="23"/>
      <c r="EN1112" s="23"/>
      <c r="EO1112" s="23"/>
      <c r="EP1112" s="23"/>
      <c r="EQ1112" s="23"/>
      <c r="ER1112" s="23"/>
      <c r="ES1112" s="23"/>
      <c r="ET1112" s="23"/>
      <c r="EU1112" s="23"/>
      <c r="EV1112" s="23"/>
      <c r="EW1112" s="23"/>
      <c r="EX1112" s="23"/>
      <c r="EY1112" s="23"/>
      <c r="EZ1112" s="23"/>
      <c r="FA1112" s="23"/>
      <c r="FB1112" s="23"/>
      <c r="FC1112" s="23"/>
      <c r="FD1112" s="23"/>
      <c r="FE1112" s="23"/>
      <c r="FF1112" s="23"/>
      <c r="FG1112" s="23"/>
      <c r="FH1112" s="23"/>
      <c r="FI1112" s="23"/>
      <c r="FJ1112" s="23"/>
      <c r="FK1112" s="23"/>
      <c r="FL1112" s="23"/>
      <c r="FM1112" s="23"/>
      <c r="FN1112" s="23"/>
      <c r="FO1112" s="23"/>
      <c r="FP1112" s="23"/>
      <c r="FQ1112" s="23"/>
      <c r="FR1112" s="23"/>
      <c r="FS1112" s="23"/>
      <c r="FT1112" s="23"/>
      <c r="FU1112" s="23"/>
      <c r="FV1112" s="23"/>
      <c r="FW1112" s="23"/>
      <c r="FX1112" s="23"/>
      <c r="FY1112" s="23"/>
      <c r="FZ1112" s="23"/>
      <c r="GA1112" s="23"/>
      <c r="GB1112" s="23"/>
      <c r="GC1112" s="23"/>
      <c r="GD1112" s="23"/>
      <c r="GE1112" s="23"/>
      <c r="GF1112" s="23"/>
      <c r="GG1112" s="23"/>
      <c r="GH1112" s="23"/>
      <c r="GI1112" s="23"/>
      <c r="GJ1112" s="23"/>
      <c r="GK1112" s="23"/>
      <c r="GL1112" s="23"/>
      <c r="GM1112" s="23"/>
      <c r="GN1112" s="23"/>
      <c r="GO1112" s="23"/>
      <c r="GP1112" s="23"/>
      <c r="GQ1112" s="23"/>
      <c r="GR1112" s="23"/>
      <c r="GS1112" s="23"/>
      <c r="GT1112" s="23"/>
      <c r="GU1112" s="23"/>
      <c r="GV1112" s="23"/>
      <c r="GW1112" s="23"/>
      <c r="GX1112" s="23"/>
      <c r="GY1112" s="23"/>
      <c r="GZ1112" s="23"/>
      <c r="HA1112" s="23"/>
      <c r="HB1112" s="23"/>
      <c r="HC1112" s="23"/>
      <c r="HD1112" s="23"/>
      <c r="HE1112" s="23"/>
      <c r="HF1112" s="23"/>
      <c r="HG1112" s="23"/>
      <c r="HH1112" s="23"/>
      <c r="HI1112" s="23"/>
      <c r="HJ1112" s="23"/>
      <c r="HK1112" s="23"/>
      <c r="HL1112" s="23"/>
      <c r="HM1112" s="23"/>
      <c r="HN1112" s="23"/>
      <c r="HO1112" s="23"/>
      <c r="HP1112" s="23"/>
      <c r="HQ1112" s="23"/>
      <c r="HR1112" s="23"/>
      <c r="HS1112" s="23"/>
      <c r="HT1112" s="23"/>
      <c r="HU1112" s="23"/>
      <c r="HV1112" s="23"/>
      <c r="HW1112" s="23"/>
      <c r="HX1112" s="23"/>
      <c r="HY1112" s="23"/>
      <c r="HZ1112" s="23"/>
      <c r="IA1112" s="23"/>
      <c r="IB1112" s="23"/>
      <c r="IC1112" s="23"/>
      <c r="ID1112" s="23"/>
      <c r="IE1112" s="23"/>
      <c r="IF1112" s="23"/>
      <c r="IG1112" s="23"/>
      <c r="IH1112" s="23"/>
      <c r="II1112" s="23"/>
      <c r="IJ1112" s="23"/>
      <c r="IK1112" s="23"/>
      <c r="IL1112" s="23"/>
      <c r="IM1112" s="23"/>
      <c r="IN1112" s="23"/>
      <c r="IO1112" s="23"/>
      <c r="IP1112" s="23"/>
      <c r="IQ1112" s="23"/>
    </row>
    <row r="1113" spans="1:251" s="50" customFormat="1" ht="18.75" customHeight="1">
      <c r="A1113" s="34"/>
      <c r="B1113" s="47"/>
      <c r="C1113" s="130" t="s">
        <v>185</v>
      </c>
      <c r="D1113" s="130"/>
      <c r="E1113" s="130"/>
      <c r="F1113" s="130"/>
      <c r="G1113" s="130"/>
      <c r="H1113" s="130"/>
      <c r="I1113" s="130"/>
      <c r="J1113" s="130"/>
      <c r="K1113" s="130"/>
      <c r="L1113" s="130"/>
      <c r="M1113" s="130"/>
      <c r="N1113" s="130"/>
      <c r="O1113" s="130"/>
      <c r="P1113" s="130"/>
      <c r="Q1113" s="130"/>
      <c r="R1113" s="130"/>
      <c r="S1113" s="130"/>
      <c r="T1113" s="130"/>
      <c r="U1113" s="130"/>
      <c r="V1113" s="130"/>
      <c r="W1113" s="130"/>
      <c r="X1113" s="130"/>
      <c r="Y1113" s="130"/>
      <c r="Z1113" s="131"/>
      <c r="AA1113" s="132">
        <v>0</v>
      </c>
      <c r="AB1113" s="196"/>
      <c r="AC1113" s="196"/>
      <c r="AD1113" s="196"/>
      <c r="AE1113" s="196"/>
      <c r="AF1113" s="196"/>
      <c r="AG1113" s="196"/>
      <c r="AH1113" s="196"/>
      <c r="AI1113" s="197"/>
      <c r="AJ1113" s="132">
        <v>62129</v>
      </c>
      <c r="AK1113" s="196"/>
      <c r="AL1113" s="196"/>
      <c r="AM1113" s="196"/>
      <c r="AN1113" s="196"/>
      <c r="AO1113" s="196"/>
      <c r="AP1113" s="196"/>
      <c r="AQ1113" s="196"/>
      <c r="AR1113" s="197"/>
      <c r="AS1113" s="132"/>
      <c r="AT1113" s="196"/>
      <c r="AU1113" s="196"/>
      <c r="AV1113" s="196"/>
      <c r="AW1113" s="196"/>
      <c r="AX1113" s="202"/>
      <c r="AY1113" s="23"/>
      <c r="AZ1113" s="23"/>
      <c r="BA1113" s="23"/>
      <c r="BB1113" s="23"/>
      <c r="BC1113" s="23"/>
      <c r="BD1113" s="23"/>
      <c r="BE1113" s="23"/>
      <c r="BF1113" s="23"/>
      <c r="BG1113" s="23"/>
      <c r="BH1113" s="23"/>
      <c r="BI1113" s="23"/>
      <c r="BJ1113" s="23"/>
      <c r="BK1113" s="23"/>
      <c r="BL1113" s="23"/>
      <c r="BM1113" s="23"/>
      <c r="BN1113" s="23"/>
      <c r="BO1113" s="23"/>
      <c r="BP1113" s="23"/>
      <c r="BQ1113" s="23"/>
      <c r="BR1113" s="23"/>
      <c r="BS1113" s="23"/>
      <c r="BT1113" s="23"/>
      <c r="BU1113" s="23"/>
      <c r="BV1113" s="23"/>
      <c r="BW1113" s="23"/>
      <c r="BX1113" s="23"/>
      <c r="BY1113" s="23"/>
      <c r="BZ1113" s="23"/>
      <c r="CA1113" s="23"/>
      <c r="CB1113" s="23"/>
      <c r="CC1113" s="23"/>
      <c r="CD1113" s="23"/>
      <c r="CE1113" s="23"/>
      <c r="CF1113" s="23"/>
      <c r="CG1113" s="23"/>
      <c r="CH1113" s="23"/>
      <c r="CI1113" s="23"/>
      <c r="CJ1113" s="23"/>
      <c r="CK1113" s="23"/>
      <c r="CL1113" s="23"/>
      <c r="CM1113" s="23"/>
      <c r="CN1113" s="23"/>
      <c r="CO1113" s="23"/>
      <c r="CP1113" s="23"/>
      <c r="CQ1113" s="23"/>
      <c r="CR1113" s="23"/>
      <c r="CS1113" s="23"/>
      <c r="CT1113" s="23"/>
      <c r="CU1113" s="23"/>
      <c r="CV1113" s="23"/>
      <c r="CW1113" s="23"/>
      <c r="CX1113" s="23"/>
      <c r="CY1113" s="23"/>
      <c r="CZ1113" s="23"/>
      <c r="DA1113" s="23"/>
      <c r="DB1113" s="23"/>
      <c r="DC1113" s="23"/>
      <c r="DD1113" s="23"/>
      <c r="DE1113" s="23"/>
      <c r="DF1113" s="23"/>
      <c r="DG1113" s="23"/>
      <c r="DH1113" s="23"/>
      <c r="DI1113" s="23"/>
      <c r="DJ1113" s="23"/>
      <c r="DK1113" s="23"/>
      <c r="DL1113" s="23"/>
      <c r="DM1113" s="23"/>
      <c r="DN1113" s="23"/>
      <c r="DO1113" s="23"/>
      <c r="DP1113" s="23"/>
      <c r="DQ1113" s="23"/>
      <c r="DR1113" s="23"/>
      <c r="DS1113" s="23"/>
      <c r="DT1113" s="23"/>
      <c r="DU1113" s="23"/>
      <c r="DV1113" s="23"/>
      <c r="DW1113" s="23"/>
      <c r="DX1113" s="23"/>
      <c r="DY1113" s="23"/>
      <c r="DZ1113" s="23"/>
      <c r="EA1113" s="23"/>
      <c r="EB1113" s="23"/>
      <c r="EC1113" s="23"/>
      <c r="ED1113" s="23"/>
      <c r="EE1113" s="23"/>
      <c r="EF1113" s="23"/>
      <c r="EG1113" s="23"/>
      <c r="EH1113" s="23"/>
      <c r="EI1113" s="23"/>
      <c r="EJ1113" s="23"/>
      <c r="EK1113" s="23"/>
      <c r="EL1113" s="23"/>
      <c r="EM1113" s="23"/>
      <c r="EN1113" s="23"/>
      <c r="EO1113" s="23"/>
      <c r="EP1113" s="23"/>
      <c r="EQ1113" s="23"/>
      <c r="ER1113" s="23"/>
      <c r="ES1113" s="23"/>
      <c r="ET1113" s="23"/>
      <c r="EU1113" s="23"/>
      <c r="EV1113" s="23"/>
      <c r="EW1113" s="23"/>
      <c r="EX1113" s="23"/>
      <c r="EY1113" s="23"/>
      <c r="EZ1113" s="23"/>
      <c r="FA1113" s="23"/>
      <c r="FB1113" s="23"/>
      <c r="FC1113" s="23"/>
      <c r="FD1113" s="23"/>
      <c r="FE1113" s="23"/>
      <c r="FF1113" s="23"/>
      <c r="FG1113" s="23"/>
      <c r="FH1113" s="23"/>
      <c r="FI1113" s="23"/>
      <c r="FJ1113" s="23"/>
      <c r="FK1113" s="23"/>
      <c r="FL1113" s="23"/>
      <c r="FM1113" s="23"/>
      <c r="FN1113" s="23"/>
      <c r="FO1113" s="23"/>
      <c r="FP1113" s="23"/>
      <c r="FQ1113" s="23"/>
      <c r="FR1113" s="23"/>
      <c r="FS1113" s="23"/>
      <c r="FT1113" s="23"/>
      <c r="FU1113" s="23"/>
      <c r="FV1113" s="23"/>
      <c r="FW1113" s="23"/>
      <c r="FX1113" s="23"/>
      <c r="FY1113" s="23"/>
      <c r="FZ1113" s="23"/>
      <c r="GA1113" s="23"/>
      <c r="GB1113" s="23"/>
      <c r="GC1113" s="23"/>
      <c r="GD1113" s="23"/>
      <c r="GE1113" s="23"/>
      <c r="GF1113" s="23"/>
      <c r="GG1113" s="23"/>
      <c r="GH1113" s="23"/>
      <c r="GI1113" s="23"/>
      <c r="GJ1113" s="23"/>
      <c r="GK1113" s="23"/>
      <c r="GL1113" s="23"/>
      <c r="GM1113" s="23"/>
      <c r="GN1113" s="23"/>
      <c r="GO1113" s="23"/>
      <c r="GP1113" s="23"/>
      <c r="GQ1113" s="23"/>
      <c r="GR1113" s="23"/>
      <c r="GS1113" s="23"/>
      <c r="GT1113" s="23"/>
      <c r="GU1113" s="23"/>
      <c r="GV1113" s="23"/>
      <c r="GW1113" s="23"/>
      <c r="GX1113" s="23"/>
      <c r="GY1113" s="23"/>
      <c r="GZ1113" s="23"/>
      <c r="HA1113" s="23"/>
      <c r="HB1113" s="23"/>
      <c r="HC1113" s="23"/>
      <c r="HD1113" s="23"/>
      <c r="HE1113" s="23"/>
      <c r="HF1113" s="23"/>
      <c r="HG1113" s="23"/>
      <c r="HH1113" s="23"/>
      <c r="HI1113" s="23"/>
      <c r="HJ1113" s="23"/>
      <c r="HK1113" s="23"/>
      <c r="HL1113" s="23"/>
      <c r="HM1113" s="23"/>
      <c r="HN1113" s="23"/>
      <c r="HO1113" s="23"/>
      <c r="HP1113" s="23"/>
      <c r="HQ1113" s="23"/>
      <c r="HR1113" s="23"/>
      <c r="HS1113" s="23"/>
      <c r="HT1113" s="23"/>
      <c r="HU1113" s="23"/>
      <c r="HV1113" s="23"/>
      <c r="HW1113" s="23"/>
      <c r="HX1113" s="23"/>
      <c r="HY1113" s="23"/>
      <c r="HZ1113" s="23"/>
      <c r="IA1113" s="23"/>
      <c r="IB1113" s="23"/>
      <c r="IC1113" s="23"/>
      <c r="ID1113" s="23"/>
      <c r="IE1113" s="23"/>
      <c r="IF1113" s="23"/>
      <c r="IG1113" s="23"/>
      <c r="IH1113" s="23"/>
      <c r="II1113" s="23"/>
      <c r="IJ1113" s="23"/>
      <c r="IK1113" s="23"/>
      <c r="IL1113" s="23"/>
      <c r="IM1113" s="23"/>
      <c r="IN1113" s="23"/>
      <c r="IO1113" s="23"/>
      <c r="IP1113" s="23"/>
      <c r="IQ1113" s="23"/>
    </row>
    <row r="1114" spans="1:251" s="50" customFormat="1" ht="18.75" customHeight="1">
      <c r="A1114" s="34"/>
      <c r="B1114" s="47"/>
      <c r="C1114" s="130"/>
      <c r="D1114" s="130"/>
      <c r="E1114" s="130"/>
      <c r="F1114" s="130"/>
      <c r="G1114" s="130"/>
      <c r="H1114" s="130"/>
      <c r="I1114" s="130"/>
      <c r="J1114" s="130"/>
      <c r="K1114" s="130"/>
      <c r="L1114" s="130"/>
      <c r="M1114" s="130"/>
      <c r="N1114" s="130"/>
      <c r="O1114" s="130"/>
      <c r="P1114" s="130"/>
      <c r="Q1114" s="130"/>
      <c r="R1114" s="130"/>
      <c r="S1114" s="130"/>
      <c r="T1114" s="130"/>
      <c r="U1114" s="130"/>
      <c r="V1114" s="130"/>
      <c r="W1114" s="130"/>
      <c r="X1114" s="130"/>
      <c r="Y1114" s="130"/>
      <c r="Z1114" s="131"/>
      <c r="AA1114" s="132"/>
      <c r="AB1114" s="200"/>
      <c r="AC1114" s="200"/>
      <c r="AD1114" s="200"/>
      <c r="AE1114" s="200"/>
      <c r="AF1114" s="200"/>
      <c r="AG1114" s="200"/>
      <c r="AH1114" s="200"/>
      <c r="AI1114" s="201"/>
      <c r="AJ1114" s="132"/>
      <c r="AK1114" s="196"/>
      <c r="AL1114" s="196"/>
      <c r="AM1114" s="196"/>
      <c r="AN1114" s="196"/>
      <c r="AO1114" s="196"/>
      <c r="AP1114" s="196"/>
      <c r="AQ1114" s="196"/>
      <c r="AR1114" s="197"/>
      <c r="AS1114" s="132"/>
      <c r="AT1114" s="196"/>
      <c r="AU1114" s="196"/>
      <c r="AV1114" s="196"/>
      <c r="AW1114" s="196"/>
      <c r="AX1114" s="202"/>
      <c r="AY1114" s="23"/>
      <c r="AZ1114" s="23"/>
      <c r="BA1114" s="23"/>
      <c r="BB1114" s="23"/>
      <c r="BC1114" s="23"/>
      <c r="BD1114" s="23"/>
      <c r="BE1114" s="23"/>
      <c r="BF1114" s="23"/>
      <c r="BG1114" s="23"/>
      <c r="BH1114" s="23"/>
      <c r="BI1114" s="23"/>
      <c r="BJ1114" s="23"/>
      <c r="BK1114" s="23"/>
      <c r="BL1114" s="23"/>
      <c r="BM1114" s="23"/>
      <c r="BN1114" s="23"/>
      <c r="BO1114" s="23"/>
      <c r="BP1114" s="23"/>
      <c r="BQ1114" s="23"/>
      <c r="BR1114" s="23"/>
      <c r="BS1114" s="23"/>
      <c r="BT1114" s="23"/>
      <c r="BU1114" s="23"/>
      <c r="BV1114" s="23"/>
      <c r="BW1114" s="23"/>
      <c r="BX1114" s="23"/>
      <c r="BY1114" s="23"/>
      <c r="BZ1114" s="23"/>
      <c r="CA1114" s="23"/>
      <c r="CB1114" s="23"/>
      <c r="CC1114" s="23"/>
      <c r="CD1114" s="23"/>
      <c r="CE1114" s="23"/>
      <c r="CF1114" s="23"/>
      <c r="CG1114" s="23"/>
      <c r="CH1114" s="23"/>
      <c r="CI1114" s="23"/>
      <c r="CJ1114" s="23"/>
      <c r="CK1114" s="23"/>
      <c r="CL1114" s="23"/>
      <c r="CM1114" s="23"/>
      <c r="CN1114" s="23"/>
      <c r="CO1114" s="23"/>
      <c r="CP1114" s="23"/>
      <c r="CQ1114" s="23"/>
      <c r="CR1114" s="23"/>
      <c r="CS1114" s="23"/>
      <c r="CT1114" s="23"/>
      <c r="CU1114" s="23"/>
      <c r="CV1114" s="23"/>
      <c r="CW1114" s="23"/>
      <c r="CX1114" s="23"/>
      <c r="CY1114" s="23"/>
      <c r="CZ1114" s="23"/>
      <c r="DA1114" s="23"/>
      <c r="DB1114" s="23"/>
      <c r="DC1114" s="23"/>
      <c r="DD1114" s="23"/>
      <c r="DE1114" s="23"/>
      <c r="DF1114" s="23"/>
      <c r="DG1114" s="23"/>
      <c r="DH1114" s="23"/>
      <c r="DI1114" s="23"/>
      <c r="DJ1114" s="23"/>
      <c r="DK1114" s="23"/>
      <c r="DL1114" s="23"/>
      <c r="DM1114" s="23"/>
      <c r="DN1114" s="23"/>
      <c r="DO1114" s="23"/>
      <c r="DP1114" s="23"/>
      <c r="DQ1114" s="23"/>
      <c r="DR1114" s="23"/>
      <c r="DS1114" s="23"/>
      <c r="DT1114" s="23"/>
      <c r="DU1114" s="23"/>
      <c r="DV1114" s="23"/>
      <c r="DW1114" s="23"/>
      <c r="DX1114" s="23"/>
      <c r="DY1114" s="23"/>
      <c r="DZ1114" s="23"/>
      <c r="EA1114" s="23"/>
      <c r="EB1114" s="23"/>
      <c r="EC1114" s="23"/>
      <c r="ED1114" s="23"/>
      <c r="EE1114" s="23"/>
      <c r="EF1114" s="23"/>
      <c r="EG1114" s="23"/>
      <c r="EH1114" s="23"/>
      <c r="EI1114" s="23"/>
      <c r="EJ1114" s="23"/>
      <c r="EK1114" s="23"/>
      <c r="EL1114" s="23"/>
      <c r="EM1114" s="23"/>
      <c r="EN1114" s="23"/>
      <c r="EO1114" s="23"/>
      <c r="EP1114" s="23"/>
      <c r="EQ1114" s="23"/>
      <c r="ER1114" s="23"/>
      <c r="ES1114" s="23"/>
      <c r="ET1114" s="23"/>
      <c r="EU1114" s="23"/>
      <c r="EV1114" s="23"/>
      <c r="EW1114" s="23"/>
      <c r="EX1114" s="23"/>
      <c r="EY1114" s="23"/>
      <c r="EZ1114" s="23"/>
      <c r="FA1114" s="23"/>
      <c r="FB1114" s="23"/>
      <c r="FC1114" s="23"/>
      <c r="FD1114" s="23"/>
      <c r="FE1114" s="23"/>
      <c r="FF1114" s="23"/>
      <c r="FG1114" s="23"/>
      <c r="FH1114" s="23"/>
      <c r="FI1114" s="23"/>
      <c r="FJ1114" s="23"/>
      <c r="FK1114" s="23"/>
      <c r="FL1114" s="23"/>
      <c r="FM1114" s="23"/>
      <c r="FN1114" s="23"/>
      <c r="FO1114" s="23"/>
      <c r="FP1114" s="23"/>
      <c r="FQ1114" s="23"/>
      <c r="FR1114" s="23"/>
      <c r="FS1114" s="23"/>
      <c r="FT1114" s="23"/>
      <c r="FU1114" s="23"/>
      <c r="FV1114" s="23"/>
      <c r="FW1114" s="23"/>
      <c r="FX1114" s="23"/>
      <c r="FY1114" s="23"/>
      <c r="FZ1114" s="23"/>
      <c r="GA1114" s="23"/>
      <c r="GB1114" s="23"/>
      <c r="GC1114" s="23"/>
      <c r="GD1114" s="23"/>
      <c r="GE1114" s="23"/>
      <c r="GF1114" s="23"/>
      <c r="GG1114" s="23"/>
      <c r="GH1114" s="23"/>
      <c r="GI1114" s="23"/>
      <c r="GJ1114" s="23"/>
      <c r="GK1114" s="23"/>
      <c r="GL1114" s="23"/>
      <c r="GM1114" s="23"/>
      <c r="GN1114" s="23"/>
      <c r="GO1114" s="23"/>
      <c r="GP1114" s="23"/>
      <c r="GQ1114" s="23"/>
      <c r="GR1114" s="23"/>
      <c r="GS1114" s="23"/>
      <c r="GT1114" s="23"/>
      <c r="GU1114" s="23"/>
      <c r="GV1114" s="23"/>
      <c r="GW1114" s="23"/>
      <c r="GX1114" s="23"/>
      <c r="GY1114" s="23"/>
      <c r="GZ1114" s="23"/>
      <c r="HA1114" s="23"/>
      <c r="HB1114" s="23"/>
      <c r="HC1114" s="23"/>
      <c r="HD1114" s="23"/>
      <c r="HE1114" s="23"/>
      <c r="HF1114" s="23"/>
      <c r="HG1114" s="23"/>
      <c r="HH1114" s="23"/>
      <c r="HI1114" s="23"/>
      <c r="HJ1114" s="23"/>
      <c r="HK1114" s="23"/>
      <c r="HL1114" s="23"/>
      <c r="HM1114" s="23"/>
      <c r="HN1114" s="23"/>
      <c r="HO1114" s="23"/>
      <c r="HP1114" s="23"/>
      <c r="HQ1114" s="23"/>
      <c r="HR1114" s="23"/>
      <c r="HS1114" s="23"/>
      <c r="HT1114" s="23"/>
      <c r="HU1114" s="23"/>
      <c r="HV1114" s="23"/>
      <c r="HW1114" s="23"/>
      <c r="HX1114" s="23"/>
      <c r="HY1114" s="23"/>
      <c r="HZ1114" s="23"/>
      <c r="IA1114" s="23"/>
      <c r="IB1114" s="23"/>
      <c r="IC1114" s="23"/>
      <c r="ID1114" s="23"/>
      <c r="IE1114" s="23"/>
      <c r="IF1114" s="23"/>
      <c r="IG1114" s="23"/>
      <c r="IH1114" s="23"/>
      <c r="II1114" s="23"/>
      <c r="IJ1114" s="23"/>
      <c r="IK1114" s="23"/>
      <c r="IL1114" s="23"/>
      <c r="IM1114" s="23"/>
      <c r="IN1114" s="23"/>
      <c r="IO1114" s="23"/>
      <c r="IP1114" s="23"/>
      <c r="IQ1114" s="23"/>
    </row>
    <row r="1115" spans="1:251" s="50" customFormat="1" ht="18.75" customHeight="1">
      <c r="A1115" s="34"/>
      <c r="B1115" s="47"/>
      <c r="C1115" s="130"/>
      <c r="D1115" s="130"/>
      <c r="E1115" s="130"/>
      <c r="F1115" s="130"/>
      <c r="G1115" s="130"/>
      <c r="H1115" s="130"/>
      <c r="I1115" s="130"/>
      <c r="J1115" s="130"/>
      <c r="K1115" s="130"/>
      <c r="L1115" s="130"/>
      <c r="M1115" s="130"/>
      <c r="N1115" s="130"/>
      <c r="O1115" s="130"/>
      <c r="P1115" s="130"/>
      <c r="Q1115" s="130"/>
      <c r="R1115" s="130"/>
      <c r="S1115" s="130"/>
      <c r="T1115" s="130"/>
      <c r="U1115" s="130"/>
      <c r="V1115" s="130"/>
      <c r="W1115" s="130"/>
      <c r="X1115" s="130"/>
      <c r="Y1115" s="130"/>
      <c r="Z1115" s="131"/>
      <c r="AA1115" s="132"/>
      <c r="AB1115" s="200"/>
      <c r="AC1115" s="200"/>
      <c r="AD1115" s="200"/>
      <c r="AE1115" s="200"/>
      <c r="AF1115" s="200"/>
      <c r="AG1115" s="200"/>
      <c r="AH1115" s="200"/>
      <c r="AI1115" s="201"/>
      <c r="AJ1115" s="132"/>
      <c r="AK1115" s="196"/>
      <c r="AL1115" s="196"/>
      <c r="AM1115" s="196"/>
      <c r="AN1115" s="196"/>
      <c r="AO1115" s="196"/>
      <c r="AP1115" s="196"/>
      <c r="AQ1115" s="196"/>
      <c r="AR1115" s="197"/>
      <c r="AS1115" s="132"/>
      <c r="AT1115" s="196"/>
      <c r="AU1115" s="196"/>
      <c r="AV1115" s="196"/>
      <c r="AW1115" s="196"/>
      <c r="AX1115" s="202"/>
      <c r="AY1115" s="23"/>
      <c r="AZ1115" s="23"/>
      <c r="BA1115" s="23"/>
      <c r="BB1115" s="23"/>
      <c r="BC1115" s="23"/>
      <c r="BD1115" s="23"/>
      <c r="BE1115" s="23"/>
      <c r="BF1115" s="23"/>
      <c r="BG1115" s="23"/>
      <c r="BH1115" s="23"/>
      <c r="BI1115" s="23"/>
      <c r="BJ1115" s="23"/>
      <c r="BK1115" s="23"/>
      <c r="BL1115" s="23"/>
      <c r="BM1115" s="23"/>
      <c r="BN1115" s="23"/>
      <c r="BO1115" s="23"/>
      <c r="BP1115" s="23"/>
      <c r="BQ1115" s="23"/>
      <c r="BR1115" s="23"/>
      <c r="BS1115" s="23"/>
      <c r="BT1115" s="23"/>
      <c r="BU1115" s="23"/>
      <c r="BV1115" s="23"/>
      <c r="BW1115" s="23"/>
      <c r="BX1115" s="23"/>
      <c r="BY1115" s="23"/>
      <c r="BZ1115" s="23"/>
      <c r="CA1115" s="23"/>
      <c r="CB1115" s="23"/>
      <c r="CC1115" s="23"/>
      <c r="CD1115" s="23"/>
      <c r="CE1115" s="23"/>
      <c r="CF1115" s="23"/>
      <c r="CG1115" s="23"/>
      <c r="CH1115" s="23"/>
      <c r="CI1115" s="23"/>
      <c r="CJ1115" s="23"/>
      <c r="CK1115" s="23"/>
      <c r="CL1115" s="23"/>
      <c r="CM1115" s="23"/>
      <c r="CN1115" s="23"/>
      <c r="CO1115" s="23"/>
      <c r="CP1115" s="23"/>
      <c r="CQ1115" s="23"/>
      <c r="CR1115" s="23"/>
      <c r="CS1115" s="23"/>
      <c r="CT1115" s="23"/>
      <c r="CU1115" s="23"/>
      <c r="CV1115" s="23"/>
      <c r="CW1115" s="23"/>
      <c r="CX1115" s="23"/>
      <c r="CY1115" s="23"/>
      <c r="CZ1115" s="23"/>
      <c r="DA1115" s="23"/>
      <c r="DB1115" s="23"/>
      <c r="DC1115" s="23"/>
      <c r="DD1115" s="23"/>
      <c r="DE1115" s="23"/>
      <c r="DF1115" s="23"/>
      <c r="DG1115" s="23"/>
      <c r="DH1115" s="23"/>
      <c r="DI1115" s="23"/>
      <c r="DJ1115" s="23"/>
      <c r="DK1115" s="23"/>
      <c r="DL1115" s="23"/>
      <c r="DM1115" s="23"/>
      <c r="DN1115" s="23"/>
      <c r="DO1115" s="23"/>
      <c r="DP1115" s="23"/>
      <c r="DQ1115" s="23"/>
      <c r="DR1115" s="23"/>
      <c r="DS1115" s="23"/>
      <c r="DT1115" s="23"/>
      <c r="DU1115" s="23"/>
      <c r="DV1115" s="23"/>
      <c r="DW1115" s="23"/>
      <c r="DX1115" s="23"/>
      <c r="DY1115" s="23"/>
      <c r="DZ1115" s="23"/>
      <c r="EA1115" s="23"/>
      <c r="EB1115" s="23"/>
      <c r="EC1115" s="23"/>
      <c r="ED1115" s="23"/>
      <c r="EE1115" s="23"/>
      <c r="EF1115" s="23"/>
      <c r="EG1115" s="23"/>
      <c r="EH1115" s="23"/>
      <c r="EI1115" s="23"/>
      <c r="EJ1115" s="23"/>
      <c r="EK1115" s="23"/>
      <c r="EL1115" s="23"/>
      <c r="EM1115" s="23"/>
      <c r="EN1115" s="23"/>
      <c r="EO1115" s="23"/>
      <c r="EP1115" s="23"/>
      <c r="EQ1115" s="23"/>
      <c r="ER1115" s="23"/>
      <c r="ES1115" s="23"/>
      <c r="ET1115" s="23"/>
      <c r="EU1115" s="23"/>
      <c r="EV1115" s="23"/>
      <c r="EW1115" s="23"/>
      <c r="EX1115" s="23"/>
      <c r="EY1115" s="23"/>
      <c r="EZ1115" s="23"/>
      <c r="FA1115" s="23"/>
      <c r="FB1115" s="23"/>
      <c r="FC1115" s="23"/>
      <c r="FD1115" s="23"/>
      <c r="FE1115" s="23"/>
      <c r="FF1115" s="23"/>
      <c r="FG1115" s="23"/>
      <c r="FH1115" s="23"/>
      <c r="FI1115" s="23"/>
      <c r="FJ1115" s="23"/>
      <c r="FK1115" s="23"/>
      <c r="FL1115" s="23"/>
      <c r="FM1115" s="23"/>
      <c r="FN1115" s="23"/>
      <c r="FO1115" s="23"/>
      <c r="FP1115" s="23"/>
      <c r="FQ1115" s="23"/>
      <c r="FR1115" s="23"/>
      <c r="FS1115" s="23"/>
      <c r="FT1115" s="23"/>
      <c r="FU1115" s="23"/>
      <c r="FV1115" s="23"/>
      <c r="FW1115" s="23"/>
      <c r="FX1115" s="23"/>
      <c r="FY1115" s="23"/>
      <c r="FZ1115" s="23"/>
      <c r="GA1115" s="23"/>
      <c r="GB1115" s="23"/>
      <c r="GC1115" s="23"/>
      <c r="GD1115" s="23"/>
      <c r="GE1115" s="23"/>
      <c r="GF1115" s="23"/>
      <c r="GG1115" s="23"/>
      <c r="GH1115" s="23"/>
      <c r="GI1115" s="23"/>
      <c r="GJ1115" s="23"/>
      <c r="GK1115" s="23"/>
      <c r="GL1115" s="23"/>
      <c r="GM1115" s="23"/>
      <c r="GN1115" s="23"/>
      <c r="GO1115" s="23"/>
      <c r="GP1115" s="23"/>
      <c r="GQ1115" s="23"/>
      <c r="GR1115" s="23"/>
      <c r="GS1115" s="23"/>
      <c r="GT1115" s="23"/>
      <c r="GU1115" s="23"/>
      <c r="GV1115" s="23"/>
      <c r="GW1115" s="23"/>
      <c r="GX1115" s="23"/>
      <c r="GY1115" s="23"/>
      <c r="GZ1115" s="23"/>
      <c r="HA1115" s="23"/>
      <c r="HB1115" s="23"/>
      <c r="HC1115" s="23"/>
      <c r="HD1115" s="23"/>
      <c r="HE1115" s="23"/>
      <c r="HF1115" s="23"/>
      <c r="HG1115" s="23"/>
      <c r="HH1115" s="23"/>
      <c r="HI1115" s="23"/>
      <c r="HJ1115" s="23"/>
      <c r="HK1115" s="23"/>
      <c r="HL1115" s="23"/>
      <c r="HM1115" s="23"/>
      <c r="HN1115" s="23"/>
      <c r="HO1115" s="23"/>
      <c r="HP1115" s="23"/>
      <c r="HQ1115" s="23"/>
      <c r="HR1115" s="23"/>
      <c r="HS1115" s="23"/>
      <c r="HT1115" s="23"/>
      <c r="HU1115" s="23"/>
      <c r="HV1115" s="23"/>
      <c r="HW1115" s="23"/>
      <c r="HX1115" s="23"/>
      <c r="HY1115" s="23"/>
      <c r="HZ1115" s="23"/>
      <c r="IA1115" s="23"/>
      <c r="IB1115" s="23"/>
      <c r="IC1115" s="23"/>
      <c r="ID1115" s="23"/>
      <c r="IE1115" s="23"/>
      <c r="IF1115" s="23"/>
      <c r="IG1115" s="23"/>
      <c r="IH1115" s="23"/>
      <c r="II1115" s="23"/>
      <c r="IJ1115" s="23"/>
      <c r="IK1115" s="23"/>
      <c r="IL1115" s="23"/>
      <c r="IM1115" s="23"/>
      <c r="IN1115" s="23"/>
      <c r="IO1115" s="23"/>
      <c r="IP1115" s="23"/>
      <c r="IQ1115" s="23"/>
    </row>
    <row r="1116" spans="1:251" s="50" customFormat="1" ht="18.75" customHeight="1">
      <c r="A1116" s="34"/>
      <c r="B1116" s="48"/>
      <c r="C1116" s="130"/>
      <c r="D1116" s="130"/>
      <c r="E1116" s="130"/>
      <c r="F1116" s="130"/>
      <c r="G1116" s="130"/>
      <c r="H1116" s="130"/>
      <c r="I1116" s="130"/>
      <c r="J1116" s="130"/>
      <c r="K1116" s="130"/>
      <c r="L1116" s="130"/>
      <c r="M1116" s="130"/>
      <c r="N1116" s="130"/>
      <c r="O1116" s="130"/>
      <c r="P1116" s="130"/>
      <c r="Q1116" s="130"/>
      <c r="R1116" s="130"/>
      <c r="S1116" s="130"/>
      <c r="T1116" s="130"/>
      <c r="U1116" s="130"/>
      <c r="V1116" s="130"/>
      <c r="W1116" s="130"/>
      <c r="X1116" s="130"/>
      <c r="Y1116" s="130"/>
      <c r="Z1116" s="131"/>
      <c r="AA1116" s="132"/>
      <c r="AB1116" s="200"/>
      <c r="AC1116" s="200"/>
      <c r="AD1116" s="200"/>
      <c r="AE1116" s="200"/>
      <c r="AF1116" s="200"/>
      <c r="AG1116" s="200"/>
      <c r="AH1116" s="200"/>
      <c r="AI1116" s="201"/>
      <c r="AJ1116" s="132"/>
      <c r="AK1116" s="196"/>
      <c r="AL1116" s="196"/>
      <c r="AM1116" s="196"/>
      <c r="AN1116" s="196"/>
      <c r="AO1116" s="196"/>
      <c r="AP1116" s="196"/>
      <c r="AQ1116" s="196"/>
      <c r="AR1116" s="197"/>
      <c r="AS1116" s="136"/>
      <c r="AT1116" s="198"/>
      <c r="AU1116" s="198"/>
      <c r="AV1116" s="198"/>
      <c r="AW1116" s="198"/>
      <c r="AX1116" s="199"/>
      <c r="AY1116" s="23"/>
      <c r="AZ1116" s="23"/>
      <c r="BA1116" s="23"/>
      <c r="BB1116" s="23"/>
      <c r="BC1116" s="23"/>
      <c r="BD1116" s="23"/>
      <c r="BE1116" s="23"/>
      <c r="BF1116" s="23"/>
      <c r="BG1116" s="23"/>
      <c r="BH1116" s="23"/>
      <c r="BI1116" s="23"/>
      <c r="BJ1116" s="23"/>
      <c r="BK1116" s="23"/>
      <c r="BL1116" s="23"/>
      <c r="BM1116" s="23"/>
      <c r="BN1116" s="23"/>
      <c r="BO1116" s="23"/>
      <c r="BP1116" s="23"/>
      <c r="BQ1116" s="23"/>
      <c r="BR1116" s="23"/>
      <c r="BS1116" s="23"/>
      <c r="BT1116" s="23"/>
      <c r="BU1116" s="23"/>
      <c r="BV1116" s="23"/>
      <c r="BW1116" s="23"/>
      <c r="BX1116" s="23"/>
      <c r="BY1116" s="23"/>
      <c r="BZ1116" s="23"/>
      <c r="CA1116" s="23"/>
      <c r="CB1116" s="23"/>
      <c r="CC1116" s="23"/>
      <c r="CD1116" s="23"/>
      <c r="CE1116" s="23"/>
      <c r="CF1116" s="23"/>
      <c r="CG1116" s="23"/>
      <c r="CH1116" s="23"/>
      <c r="CI1116" s="23"/>
      <c r="CJ1116" s="23"/>
      <c r="CK1116" s="23"/>
      <c r="CL1116" s="23"/>
      <c r="CM1116" s="23"/>
      <c r="CN1116" s="23"/>
      <c r="CO1116" s="23"/>
      <c r="CP1116" s="23"/>
      <c r="CQ1116" s="23"/>
      <c r="CR1116" s="23"/>
      <c r="CS1116" s="23"/>
      <c r="CT1116" s="23"/>
      <c r="CU1116" s="23"/>
      <c r="CV1116" s="23"/>
      <c r="CW1116" s="23"/>
      <c r="CX1116" s="23"/>
      <c r="CY1116" s="23"/>
      <c r="CZ1116" s="23"/>
      <c r="DA1116" s="23"/>
      <c r="DB1116" s="23"/>
      <c r="DC1116" s="23"/>
      <c r="DD1116" s="23"/>
      <c r="DE1116" s="23"/>
      <c r="DF1116" s="23"/>
      <c r="DG1116" s="23"/>
      <c r="DH1116" s="23"/>
      <c r="DI1116" s="23"/>
      <c r="DJ1116" s="23"/>
      <c r="DK1116" s="23"/>
      <c r="DL1116" s="23"/>
      <c r="DM1116" s="23"/>
      <c r="DN1116" s="23"/>
      <c r="DO1116" s="23"/>
      <c r="DP1116" s="23"/>
      <c r="DQ1116" s="23"/>
      <c r="DR1116" s="23"/>
      <c r="DS1116" s="23"/>
      <c r="DT1116" s="23"/>
      <c r="DU1116" s="23"/>
      <c r="DV1116" s="23"/>
      <c r="DW1116" s="23"/>
      <c r="DX1116" s="23"/>
      <c r="DY1116" s="23"/>
      <c r="DZ1116" s="23"/>
      <c r="EA1116" s="23"/>
      <c r="EB1116" s="23"/>
      <c r="EC1116" s="23"/>
      <c r="ED1116" s="23"/>
      <c r="EE1116" s="23"/>
      <c r="EF1116" s="23"/>
      <c r="EG1116" s="23"/>
      <c r="EH1116" s="23"/>
      <c r="EI1116" s="23"/>
      <c r="EJ1116" s="23"/>
      <c r="EK1116" s="23"/>
      <c r="EL1116" s="23"/>
      <c r="EM1116" s="23"/>
      <c r="EN1116" s="23"/>
      <c r="EO1116" s="23"/>
      <c r="EP1116" s="23"/>
      <c r="EQ1116" s="23"/>
      <c r="ER1116" s="23"/>
      <c r="ES1116" s="23"/>
      <c r="ET1116" s="23"/>
      <c r="EU1116" s="23"/>
      <c r="EV1116" s="23"/>
      <c r="EW1116" s="23"/>
      <c r="EX1116" s="23"/>
      <c r="EY1116" s="23"/>
      <c r="EZ1116" s="23"/>
      <c r="FA1116" s="23"/>
      <c r="FB1116" s="23"/>
      <c r="FC1116" s="23"/>
      <c r="FD1116" s="23"/>
      <c r="FE1116" s="23"/>
      <c r="FF1116" s="23"/>
      <c r="FG1116" s="23"/>
      <c r="FH1116" s="23"/>
      <c r="FI1116" s="23"/>
      <c r="FJ1116" s="23"/>
      <c r="FK1116" s="23"/>
      <c r="FL1116" s="23"/>
      <c r="FM1116" s="23"/>
      <c r="FN1116" s="23"/>
      <c r="FO1116" s="23"/>
      <c r="FP1116" s="23"/>
      <c r="FQ1116" s="23"/>
      <c r="FR1116" s="23"/>
      <c r="FS1116" s="23"/>
      <c r="FT1116" s="23"/>
      <c r="FU1116" s="23"/>
      <c r="FV1116" s="23"/>
      <c r="FW1116" s="23"/>
      <c r="FX1116" s="23"/>
      <c r="FY1116" s="23"/>
      <c r="FZ1116" s="23"/>
      <c r="GA1116" s="23"/>
      <c r="GB1116" s="23"/>
      <c r="GC1116" s="23"/>
      <c r="GD1116" s="23"/>
      <c r="GE1116" s="23"/>
      <c r="GF1116" s="23"/>
      <c r="GG1116" s="23"/>
      <c r="GH1116" s="23"/>
      <c r="GI1116" s="23"/>
      <c r="GJ1116" s="23"/>
      <c r="GK1116" s="23"/>
      <c r="GL1116" s="23"/>
      <c r="GM1116" s="23"/>
      <c r="GN1116" s="23"/>
      <c r="GO1116" s="23"/>
      <c r="GP1116" s="23"/>
      <c r="GQ1116" s="23"/>
      <c r="GR1116" s="23"/>
      <c r="GS1116" s="23"/>
      <c r="GT1116" s="23"/>
      <c r="GU1116" s="23"/>
      <c r="GV1116" s="23"/>
      <c r="GW1116" s="23"/>
      <c r="GX1116" s="23"/>
      <c r="GY1116" s="23"/>
      <c r="GZ1116" s="23"/>
      <c r="HA1116" s="23"/>
      <c r="HB1116" s="23"/>
      <c r="HC1116" s="23"/>
      <c r="HD1116" s="23"/>
      <c r="HE1116" s="23"/>
      <c r="HF1116" s="23"/>
      <c r="HG1116" s="23"/>
      <c r="HH1116" s="23"/>
      <c r="HI1116" s="23"/>
      <c r="HJ1116" s="23"/>
      <c r="HK1116" s="23"/>
      <c r="HL1116" s="23"/>
      <c r="HM1116" s="23"/>
      <c r="HN1116" s="23"/>
      <c r="HO1116" s="23"/>
      <c r="HP1116" s="23"/>
      <c r="HQ1116" s="23"/>
      <c r="HR1116" s="23"/>
      <c r="HS1116" s="23"/>
      <c r="HT1116" s="23"/>
      <c r="HU1116" s="23"/>
      <c r="HV1116" s="23"/>
      <c r="HW1116" s="23"/>
      <c r="HX1116" s="23"/>
      <c r="HY1116" s="23"/>
      <c r="HZ1116" s="23"/>
      <c r="IA1116" s="23"/>
      <c r="IB1116" s="23"/>
      <c r="IC1116" s="23"/>
      <c r="ID1116" s="23"/>
      <c r="IE1116" s="23"/>
      <c r="IF1116" s="23"/>
      <c r="IG1116" s="23"/>
      <c r="IH1116" s="23"/>
      <c r="II1116" s="23"/>
      <c r="IJ1116" s="23"/>
      <c r="IK1116" s="23"/>
      <c r="IL1116" s="23"/>
      <c r="IM1116" s="23"/>
      <c r="IN1116" s="23"/>
      <c r="IO1116" s="23"/>
      <c r="IP1116" s="23"/>
      <c r="IQ1116" s="23"/>
    </row>
    <row r="1117" spans="1:251" s="50" customFormat="1" ht="18.75" customHeight="1">
      <c r="A1117" s="34"/>
      <c r="B1117" s="47"/>
      <c r="C1117" s="130"/>
      <c r="D1117" s="130"/>
      <c r="E1117" s="130"/>
      <c r="F1117" s="130"/>
      <c r="G1117" s="130"/>
      <c r="H1117" s="130"/>
      <c r="I1117" s="130"/>
      <c r="J1117" s="130"/>
      <c r="K1117" s="130"/>
      <c r="L1117" s="130"/>
      <c r="M1117" s="130"/>
      <c r="N1117" s="130"/>
      <c r="O1117" s="130"/>
      <c r="P1117" s="130"/>
      <c r="Q1117" s="130"/>
      <c r="R1117" s="130"/>
      <c r="S1117" s="130"/>
      <c r="T1117" s="130"/>
      <c r="U1117" s="130"/>
      <c r="V1117" s="130"/>
      <c r="W1117" s="130"/>
      <c r="X1117" s="130"/>
      <c r="Y1117" s="130"/>
      <c r="Z1117" s="131"/>
      <c r="AA1117" s="132"/>
      <c r="AB1117" s="200"/>
      <c r="AC1117" s="200"/>
      <c r="AD1117" s="200"/>
      <c r="AE1117" s="200"/>
      <c r="AF1117" s="200"/>
      <c r="AG1117" s="200"/>
      <c r="AH1117" s="200"/>
      <c r="AI1117" s="201"/>
      <c r="AJ1117" s="132"/>
      <c r="AK1117" s="196"/>
      <c r="AL1117" s="196"/>
      <c r="AM1117" s="196"/>
      <c r="AN1117" s="196"/>
      <c r="AO1117" s="196"/>
      <c r="AP1117" s="196"/>
      <c r="AQ1117" s="196"/>
      <c r="AR1117" s="197"/>
      <c r="AS1117" s="132"/>
      <c r="AT1117" s="196"/>
      <c r="AU1117" s="196"/>
      <c r="AV1117" s="196"/>
      <c r="AW1117" s="196"/>
      <c r="AX1117" s="202"/>
      <c r="AY1117" s="23"/>
      <c r="AZ1117" s="23"/>
      <c r="BA1117" s="23"/>
      <c r="BB1117" s="23"/>
      <c r="BC1117" s="23"/>
      <c r="BD1117" s="23"/>
      <c r="BE1117" s="23"/>
      <c r="BF1117" s="23"/>
      <c r="BG1117" s="23"/>
      <c r="BH1117" s="23"/>
      <c r="BI1117" s="23"/>
      <c r="BJ1117" s="23"/>
      <c r="BK1117" s="23"/>
      <c r="BL1117" s="23"/>
      <c r="BM1117" s="23"/>
      <c r="BN1117" s="23"/>
      <c r="BO1117" s="23"/>
      <c r="BP1117" s="23"/>
      <c r="BQ1117" s="23"/>
      <c r="BR1117" s="23"/>
      <c r="BS1117" s="23"/>
      <c r="BT1117" s="23"/>
      <c r="BU1117" s="23"/>
      <c r="BV1117" s="23"/>
      <c r="BW1117" s="23"/>
      <c r="BX1117" s="23"/>
      <c r="BY1117" s="23"/>
      <c r="BZ1117" s="23"/>
      <c r="CA1117" s="23"/>
      <c r="CB1117" s="23"/>
      <c r="CC1117" s="23"/>
      <c r="CD1117" s="23"/>
      <c r="CE1117" s="23"/>
      <c r="CF1117" s="23"/>
      <c r="CG1117" s="23"/>
      <c r="CH1117" s="23"/>
      <c r="CI1117" s="23"/>
      <c r="CJ1117" s="23"/>
      <c r="CK1117" s="23"/>
      <c r="CL1117" s="23"/>
      <c r="CM1117" s="23"/>
      <c r="CN1117" s="23"/>
      <c r="CO1117" s="23"/>
      <c r="CP1117" s="23"/>
      <c r="CQ1117" s="23"/>
      <c r="CR1117" s="23"/>
      <c r="CS1117" s="23"/>
      <c r="CT1117" s="23"/>
      <c r="CU1117" s="23"/>
      <c r="CV1117" s="23"/>
      <c r="CW1117" s="23"/>
      <c r="CX1117" s="23"/>
      <c r="CY1117" s="23"/>
      <c r="CZ1117" s="23"/>
      <c r="DA1117" s="23"/>
      <c r="DB1117" s="23"/>
      <c r="DC1117" s="23"/>
      <c r="DD1117" s="23"/>
      <c r="DE1117" s="23"/>
      <c r="DF1117" s="23"/>
      <c r="DG1117" s="23"/>
      <c r="DH1117" s="23"/>
      <c r="DI1117" s="23"/>
      <c r="DJ1117" s="23"/>
      <c r="DK1117" s="23"/>
      <c r="DL1117" s="23"/>
      <c r="DM1117" s="23"/>
      <c r="DN1117" s="23"/>
      <c r="DO1117" s="23"/>
      <c r="DP1117" s="23"/>
      <c r="DQ1117" s="23"/>
      <c r="DR1117" s="23"/>
      <c r="DS1117" s="23"/>
      <c r="DT1117" s="23"/>
      <c r="DU1117" s="23"/>
      <c r="DV1117" s="23"/>
      <c r="DW1117" s="23"/>
      <c r="DX1117" s="23"/>
      <c r="DY1117" s="23"/>
      <c r="DZ1117" s="23"/>
      <c r="EA1117" s="23"/>
      <c r="EB1117" s="23"/>
      <c r="EC1117" s="23"/>
      <c r="ED1117" s="23"/>
      <c r="EE1117" s="23"/>
      <c r="EF1117" s="23"/>
      <c r="EG1117" s="23"/>
      <c r="EH1117" s="23"/>
      <c r="EI1117" s="23"/>
      <c r="EJ1117" s="23"/>
      <c r="EK1117" s="23"/>
      <c r="EL1117" s="23"/>
      <c r="EM1117" s="23"/>
      <c r="EN1117" s="23"/>
      <c r="EO1117" s="23"/>
      <c r="EP1117" s="23"/>
      <c r="EQ1117" s="23"/>
      <c r="ER1117" s="23"/>
      <c r="ES1117" s="23"/>
      <c r="ET1117" s="23"/>
      <c r="EU1117" s="23"/>
      <c r="EV1117" s="23"/>
      <c r="EW1117" s="23"/>
      <c r="EX1117" s="23"/>
      <c r="EY1117" s="23"/>
      <c r="EZ1117" s="23"/>
      <c r="FA1117" s="23"/>
      <c r="FB1117" s="23"/>
      <c r="FC1117" s="23"/>
      <c r="FD1117" s="23"/>
      <c r="FE1117" s="23"/>
      <c r="FF1117" s="23"/>
      <c r="FG1117" s="23"/>
      <c r="FH1117" s="23"/>
      <c r="FI1117" s="23"/>
      <c r="FJ1117" s="23"/>
      <c r="FK1117" s="23"/>
      <c r="FL1117" s="23"/>
      <c r="FM1117" s="23"/>
      <c r="FN1117" s="23"/>
      <c r="FO1117" s="23"/>
      <c r="FP1117" s="23"/>
      <c r="FQ1117" s="23"/>
      <c r="FR1117" s="23"/>
      <c r="FS1117" s="23"/>
      <c r="FT1117" s="23"/>
      <c r="FU1117" s="23"/>
      <c r="FV1117" s="23"/>
      <c r="FW1117" s="23"/>
      <c r="FX1117" s="23"/>
      <c r="FY1117" s="23"/>
      <c r="FZ1117" s="23"/>
      <c r="GA1117" s="23"/>
      <c r="GB1117" s="23"/>
      <c r="GC1117" s="23"/>
      <c r="GD1117" s="23"/>
      <c r="GE1117" s="23"/>
      <c r="GF1117" s="23"/>
      <c r="GG1117" s="23"/>
      <c r="GH1117" s="23"/>
      <c r="GI1117" s="23"/>
      <c r="GJ1117" s="23"/>
      <c r="GK1117" s="23"/>
      <c r="GL1117" s="23"/>
      <c r="GM1117" s="23"/>
      <c r="GN1117" s="23"/>
      <c r="GO1117" s="23"/>
      <c r="GP1117" s="23"/>
      <c r="GQ1117" s="23"/>
      <c r="GR1117" s="23"/>
      <c r="GS1117" s="23"/>
      <c r="GT1117" s="23"/>
      <c r="GU1117" s="23"/>
      <c r="GV1117" s="23"/>
      <c r="GW1117" s="23"/>
      <c r="GX1117" s="23"/>
      <c r="GY1117" s="23"/>
      <c r="GZ1117" s="23"/>
      <c r="HA1117" s="23"/>
      <c r="HB1117" s="23"/>
      <c r="HC1117" s="23"/>
      <c r="HD1117" s="23"/>
      <c r="HE1117" s="23"/>
      <c r="HF1117" s="23"/>
      <c r="HG1117" s="23"/>
      <c r="HH1117" s="23"/>
      <c r="HI1117" s="23"/>
      <c r="HJ1117" s="23"/>
      <c r="HK1117" s="23"/>
      <c r="HL1117" s="23"/>
      <c r="HM1117" s="23"/>
      <c r="HN1117" s="23"/>
      <c r="HO1117" s="23"/>
      <c r="HP1117" s="23"/>
      <c r="HQ1117" s="23"/>
      <c r="HR1117" s="23"/>
      <c r="HS1117" s="23"/>
      <c r="HT1117" s="23"/>
      <c r="HU1117" s="23"/>
      <c r="HV1117" s="23"/>
      <c r="HW1117" s="23"/>
      <c r="HX1117" s="23"/>
      <c r="HY1117" s="23"/>
      <c r="HZ1117" s="23"/>
      <c r="IA1117" s="23"/>
      <c r="IB1117" s="23"/>
      <c r="IC1117" s="23"/>
      <c r="ID1117" s="23"/>
      <c r="IE1117" s="23"/>
      <c r="IF1117" s="23"/>
      <c r="IG1117" s="23"/>
      <c r="IH1117" s="23"/>
      <c r="II1117" s="23"/>
      <c r="IJ1117" s="23"/>
      <c r="IK1117" s="23"/>
      <c r="IL1117" s="23"/>
      <c r="IM1117" s="23"/>
      <c r="IN1117" s="23"/>
      <c r="IO1117" s="23"/>
      <c r="IP1117" s="23"/>
      <c r="IQ1117" s="23"/>
    </row>
    <row r="1118" spans="1:251" s="50" customFormat="1" ht="18.75" customHeight="1">
      <c r="A1118" s="34"/>
      <c r="B1118" s="48"/>
      <c r="C1118" s="130"/>
      <c r="D1118" s="130"/>
      <c r="E1118" s="130"/>
      <c r="F1118" s="130"/>
      <c r="G1118" s="130"/>
      <c r="H1118" s="130"/>
      <c r="I1118" s="130"/>
      <c r="J1118" s="130"/>
      <c r="K1118" s="130"/>
      <c r="L1118" s="130"/>
      <c r="M1118" s="130"/>
      <c r="N1118" s="130"/>
      <c r="O1118" s="130"/>
      <c r="P1118" s="130"/>
      <c r="Q1118" s="130"/>
      <c r="R1118" s="130"/>
      <c r="S1118" s="130"/>
      <c r="T1118" s="130"/>
      <c r="U1118" s="130"/>
      <c r="V1118" s="130"/>
      <c r="W1118" s="130"/>
      <c r="X1118" s="130"/>
      <c r="Y1118" s="130"/>
      <c r="Z1118" s="131"/>
      <c r="AA1118" s="132"/>
      <c r="AB1118" s="200"/>
      <c r="AC1118" s="200"/>
      <c r="AD1118" s="200"/>
      <c r="AE1118" s="200"/>
      <c r="AF1118" s="200"/>
      <c r="AG1118" s="200"/>
      <c r="AH1118" s="200"/>
      <c r="AI1118" s="201"/>
      <c r="AJ1118" s="132"/>
      <c r="AK1118" s="133"/>
      <c r="AL1118" s="133"/>
      <c r="AM1118" s="133"/>
      <c r="AN1118" s="133"/>
      <c r="AO1118" s="133"/>
      <c r="AP1118" s="133"/>
      <c r="AQ1118" s="133"/>
      <c r="AR1118" s="134"/>
      <c r="AS1118" s="132"/>
      <c r="AT1118" s="196"/>
      <c r="AU1118" s="196"/>
      <c r="AV1118" s="196"/>
      <c r="AW1118" s="196"/>
      <c r="AX1118" s="202"/>
      <c r="AY1118" s="23"/>
      <c r="AZ1118" s="23"/>
      <c r="BA1118" s="23"/>
      <c r="BB1118" s="23"/>
      <c r="BC1118" s="23"/>
      <c r="BD1118" s="23"/>
      <c r="BE1118" s="23"/>
      <c r="BF1118" s="23"/>
      <c r="BG1118" s="23"/>
      <c r="BH1118" s="23"/>
      <c r="BI1118" s="23"/>
      <c r="BJ1118" s="23"/>
      <c r="BK1118" s="23"/>
      <c r="BL1118" s="23"/>
      <c r="BM1118" s="23"/>
      <c r="BN1118" s="23"/>
      <c r="BO1118" s="23"/>
      <c r="BP1118" s="23"/>
      <c r="BQ1118" s="23"/>
      <c r="BR1118" s="23"/>
      <c r="BS1118" s="23"/>
      <c r="BT1118" s="23"/>
      <c r="BU1118" s="23"/>
      <c r="BV1118" s="23"/>
      <c r="BW1118" s="23"/>
      <c r="BX1118" s="23"/>
      <c r="BY1118" s="23"/>
      <c r="BZ1118" s="23"/>
      <c r="CA1118" s="23"/>
      <c r="CB1118" s="23"/>
      <c r="CC1118" s="23"/>
      <c r="CD1118" s="23"/>
      <c r="CE1118" s="23"/>
      <c r="CF1118" s="23"/>
      <c r="CG1118" s="23"/>
      <c r="CH1118" s="23"/>
      <c r="CI1118" s="23"/>
      <c r="CJ1118" s="23"/>
      <c r="CK1118" s="23"/>
      <c r="CL1118" s="23"/>
      <c r="CM1118" s="23"/>
      <c r="CN1118" s="23"/>
      <c r="CO1118" s="23"/>
      <c r="CP1118" s="23"/>
      <c r="CQ1118" s="23"/>
      <c r="CR1118" s="23"/>
      <c r="CS1118" s="23"/>
      <c r="CT1118" s="23"/>
      <c r="CU1118" s="23"/>
      <c r="CV1118" s="23"/>
      <c r="CW1118" s="23"/>
      <c r="CX1118" s="23"/>
      <c r="CY1118" s="23"/>
      <c r="CZ1118" s="23"/>
      <c r="DA1118" s="23"/>
      <c r="DB1118" s="23"/>
      <c r="DC1118" s="23"/>
      <c r="DD1118" s="23"/>
      <c r="DE1118" s="23"/>
      <c r="DF1118" s="23"/>
      <c r="DG1118" s="23"/>
      <c r="DH1118" s="23"/>
      <c r="DI1118" s="23"/>
      <c r="DJ1118" s="23"/>
      <c r="DK1118" s="23"/>
      <c r="DL1118" s="23"/>
      <c r="DM1118" s="23"/>
      <c r="DN1118" s="23"/>
      <c r="DO1118" s="23"/>
      <c r="DP1118" s="23"/>
      <c r="DQ1118" s="23"/>
      <c r="DR1118" s="23"/>
      <c r="DS1118" s="23"/>
      <c r="DT1118" s="23"/>
      <c r="DU1118" s="23"/>
      <c r="DV1118" s="23"/>
      <c r="DW1118" s="23"/>
      <c r="DX1118" s="23"/>
      <c r="DY1118" s="23"/>
      <c r="DZ1118" s="23"/>
      <c r="EA1118" s="23"/>
      <c r="EB1118" s="23"/>
      <c r="EC1118" s="23"/>
      <c r="ED1118" s="23"/>
      <c r="EE1118" s="23"/>
      <c r="EF1118" s="23"/>
      <c r="EG1118" s="23"/>
      <c r="EH1118" s="23"/>
      <c r="EI1118" s="23"/>
      <c r="EJ1118" s="23"/>
      <c r="EK1118" s="23"/>
      <c r="EL1118" s="23"/>
      <c r="EM1118" s="23"/>
      <c r="EN1118" s="23"/>
      <c r="EO1118" s="23"/>
      <c r="EP1118" s="23"/>
      <c r="EQ1118" s="23"/>
      <c r="ER1118" s="23"/>
      <c r="ES1118" s="23"/>
      <c r="ET1118" s="23"/>
      <c r="EU1118" s="23"/>
      <c r="EV1118" s="23"/>
      <c r="EW1118" s="23"/>
      <c r="EX1118" s="23"/>
      <c r="EY1118" s="23"/>
      <c r="EZ1118" s="23"/>
      <c r="FA1118" s="23"/>
      <c r="FB1118" s="23"/>
      <c r="FC1118" s="23"/>
      <c r="FD1118" s="23"/>
      <c r="FE1118" s="23"/>
      <c r="FF1118" s="23"/>
      <c r="FG1118" s="23"/>
      <c r="FH1118" s="23"/>
      <c r="FI1118" s="23"/>
      <c r="FJ1118" s="23"/>
      <c r="FK1118" s="23"/>
      <c r="FL1118" s="23"/>
      <c r="FM1118" s="23"/>
      <c r="FN1118" s="23"/>
      <c r="FO1118" s="23"/>
      <c r="FP1118" s="23"/>
      <c r="FQ1118" s="23"/>
      <c r="FR1118" s="23"/>
      <c r="FS1118" s="23"/>
      <c r="FT1118" s="23"/>
      <c r="FU1118" s="23"/>
      <c r="FV1118" s="23"/>
      <c r="FW1118" s="23"/>
      <c r="FX1118" s="23"/>
      <c r="FY1118" s="23"/>
      <c r="FZ1118" s="23"/>
      <c r="GA1118" s="23"/>
      <c r="GB1118" s="23"/>
      <c r="GC1118" s="23"/>
      <c r="GD1118" s="23"/>
      <c r="GE1118" s="23"/>
      <c r="GF1118" s="23"/>
      <c r="GG1118" s="23"/>
      <c r="GH1118" s="23"/>
      <c r="GI1118" s="23"/>
      <c r="GJ1118" s="23"/>
      <c r="GK1118" s="23"/>
      <c r="GL1118" s="23"/>
      <c r="GM1118" s="23"/>
      <c r="GN1118" s="23"/>
      <c r="GO1118" s="23"/>
      <c r="GP1118" s="23"/>
      <c r="GQ1118" s="23"/>
      <c r="GR1118" s="23"/>
      <c r="GS1118" s="23"/>
      <c r="GT1118" s="23"/>
      <c r="GU1118" s="23"/>
      <c r="GV1118" s="23"/>
      <c r="GW1118" s="23"/>
      <c r="GX1118" s="23"/>
      <c r="GY1118" s="23"/>
      <c r="GZ1118" s="23"/>
      <c r="HA1118" s="23"/>
      <c r="HB1118" s="23"/>
      <c r="HC1118" s="23"/>
      <c r="HD1118" s="23"/>
      <c r="HE1118" s="23"/>
      <c r="HF1118" s="23"/>
      <c r="HG1118" s="23"/>
      <c r="HH1118" s="23"/>
      <c r="HI1118" s="23"/>
      <c r="HJ1118" s="23"/>
      <c r="HK1118" s="23"/>
      <c r="HL1118" s="23"/>
      <c r="HM1118" s="23"/>
      <c r="HN1118" s="23"/>
      <c r="HO1118" s="23"/>
      <c r="HP1118" s="23"/>
      <c r="HQ1118" s="23"/>
      <c r="HR1118" s="23"/>
      <c r="HS1118" s="23"/>
      <c r="HT1118" s="23"/>
      <c r="HU1118" s="23"/>
      <c r="HV1118" s="23"/>
      <c r="HW1118" s="23"/>
      <c r="HX1118" s="23"/>
      <c r="HY1118" s="23"/>
      <c r="HZ1118" s="23"/>
      <c r="IA1118" s="23"/>
      <c r="IB1118" s="23"/>
      <c r="IC1118" s="23"/>
      <c r="ID1118" s="23"/>
      <c r="IE1118" s="23"/>
      <c r="IF1118" s="23"/>
      <c r="IG1118" s="23"/>
      <c r="IH1118" s="23"/>
      <c r="II1118" s="23"/>
      <c r="IJ1118" s="23"/>
      <c r="IK1118" s="23"/>
      <c r="IL1118" s="23"/>
      <c r="IM1118" s="23"/>
      <c r="IN1118" s="23"/>
      <c r="IO1118" s="23"/>
      <c r="IP1118" s="23"/>
      <c r="IQ1118" s="23"/>
    </row>
    <row r="1119" spans="1:251" s="50" customFormat="1" ht="18.75" customHeight="1" thickBot="1">
      <c r="A1119" s="34"/>
      <c r="B1119" s="49"/>
      <c r="C1119" s="158"/>
      <c r="D1119" s="158"/>
      <c r="E1119" s="158"/>
      <c r="F1119" s="158"/>
      <c r="G1119" s="158"/>
      <c r="H1119" s="158"/>
      <c r="I1119" s="158"/>
      <c r="J1119" s="158"/>
      <c r="K1119" s="158"/>
      <c r="L1119" s="158"/>
      <c r="M1119" s="158"/>
      <c r="N1119" s="158"/>
      <c r="O1119" s="158"/>
      <c r="P1119" s="158"/>
      <c r="Q1119" s="158"/>
      <c r="R1119" s="158"/>
      <c r="S1119" s="158"/>
      <c r="T1119" s="158"/>
      <c r="U1119" s="158"/>
      <c r="V1119" s="158"/>
      <c r="W1119" s="158"/>
      <c r="X1119" s="158"/>
      <c r="Y1119" s="158"/>
      <c r="Z1119" s="159"/>
      <c r="AA1119" s="160"/>
      <c r="AB1119" s="211"/>
      <c r="AC1119" s="211"/>
      <c r="AD1119" s="211"/>
      <c r="AE1119" s="211"/>
      <c r="AF1119" s="211"/>
      <c r="AG1119" s="211"/>
      <c r="AH1119" s="211"/>
      <c r="AI1119" s="212"/>
      <c r="AJ1119" s="160"/>
      <c r="AK1119" s="161"/>
      <c r="AL1119" s="161"/>
      <c r="AM1119" s="161"/>
      <c r="AN1119" s="161"/>
      <c r="AO1119" s="161"/>
      <c r="AP1119" s="161"/>
      <c r="AQ1119" s="161"/>
      <c r="AR1119" s="162"/>
      <c r="AS1119" s="188"/>
      <c r="AT1119" s="213"/>
      <c r="AU1119" s="213"/>
      <c r="AV1119" s="213"/>
      <c r="AW1119" s="213"/>
      <c r="AX1119" s="214"/>
      <c r="AY1119" s="23"/>
      <c r="AZ1119" s="23"/>
      <c r="BA1119" s="23"/>
      <c r="BB1119" s="23"/>
      <c r="BC1119" s="23"/>
      <c r="BD1119" s="23"/>
      <c r="BE1119" s="23"/>
      <c r="BF1119" s="23"/>
      <c r="BG1119" s="23"/>
      <c r="BH1119" s="23"/>
      <c r="BI1119" s="23"/>
      <c r="BJ1119" s="23"/>
      <c r="BK1119" s="23"/>
      <c r="BL1119" s="23"/>
      <c r="BM1119" s="23"/>
      <c r="BN1119" s="23"/>
      <c r="BO1119" s="23"/>
      <c r="BP1119" s="23"/>
      <c r="BQ1119" s="23"/>
      <c r="BR1119" s="23"/>
      <c r="BS1119" s="23"/>
      <c r="BT1119" s="23"/>
      <c r="BU1119" s="23"/>
      <c r="BV1119" s="23"/>
      <c r="BW1119" s="23"/>
      <c r="BX1119" s="23"/>
      <c r="BY1119" s="23"/>
      <c r="BZ1119" s="23"/>
      <c r="CA1119" s="23"/>
      <c r="CB1119" s="23"/>
      <c r="CC1119" s="23"/>
      <c r="CD1119" s="23"/>
      <c r="CE1119" s="23"/>
      <c r="CF1119" s="23"/>
      <c r="CG1119" s="23"/>
      <c r="CH1119" s="23"/>
      <c r="CI1119" s="23"/>
      <c r="CJ1119" s="23"/>
      <c r="CK1119" s="23"/>
      <c r="CL1119" s="23"/>
      <c r="CM1119" s="23"/>
      <c r="CN1119" s="23"/>
      <c r="CO1119" s="23"/>
      <c r="CP1119" s="23"/>
      <c r="CQ1119" s="23"/>
      <c r="CR1119" s="23"/>
      <c r="CS1119" s="23"/>
      <c r="CT1119" s="23"/>
      <c r="CU1119" s="23"/>
      <c r="CV1119" s="23"/>
      <c r="CW1119" s="23"/>
      <c r="CX1119" s="23"/>
      <c r="CY1119" s="23"/>
      <c r="CZ1119" s="23"/>
      <c r="DA1119" s="23"/>
      <c r="DB1119" s="23"/>
      <c r="DC1119" s="23"/>
      <c r="DD1119" s="23"/>
      <c r="DE1119" s="23"/>
      <c r="DF1119" s="23"/>
      <c r="DG1119" s="23"/>
      <c r="DH1119" s="23"/>
      <c r="DI1119" s="23"/>
      <c r="DJ1119" s="23"/>
      <c r="DK1119" s="23"/>
      <c r="DL1119" s="23"/>
      <c r="DM1119" s="23"/>
      <c r="DN1119" s="23"/>
      <c r="DO1119" s="23"/>
      <c r="DP1119" s="23"/>
      <c r="DQ1119" s="23"/>
      <c r="DR1119" s="23"/>
      <c r="DS1119" s="23"/>
      <c r="DT1119" s="23"/>
      <c r="DU1119" s="23"/>
      <c r="DV1119" s="23"/>
      <c r="DW1119" s="23"/>
      <c r="DX1119" s="23"/>
      <c r="DY1119" s="23"/>
      <c r="DZ1119" s="23"/>
      <c r="EA1119" s="23"/>
      <c r="EB1119" s="23"/>
      <c r="EC1119" s="23"/>
      <c r="ED1119" s="23"/>
      <c r="EE1119" s="23"/>
      <c r="EF1119" s="23"/>
      <c r="EG1119" s="23"/>
      <c r="EH1119" s="23"/>
      <c r="EI1119" s="23"/>
      <c r="EJ1119" s="23"/>
      <c r="EK1119" s="23"/>
      <c r="EL1119" s="23"/>
      <c r="EM1119" s="23"/>
      <c r="EN1119" s="23"/>
      <c r="EO1119" s="23"/>
      <c r="EP1119" s="23"/>
      <c r="EQ1119" s="23"/>
      <c r="ER1119" s="23"/>
      <c r="ES1119" s="23"/>
      <c r="ET1119" s="23"/>
      <c r="EU1119" s="23"/>
      <c r="EV1119" s="23"/>
      <c r="EW1119" s="23"/>
      <c r="EX1119" s="23"/>
      <c r="EY1119" s="23"/>
      <c r="EZ1119" s="23"/>
      <c r="FA1119" s="23"/>
      <c r="FB1119" s="23"/>
      <c r="FC1119" s="23"/>
      <c r="FD1119" s="23"/>
      <c r="FE1119" s="23"/>
      <c r="FF1119" s="23"/>
      <c r="FG1119" s="23"/>
      <c r="FH1119" s="23"/>
      <c r="FI1119" s="23"/>
      <c r="FJ1119" s="23"/>
      <c r="FK1119" s="23"/>
      <c r="FL1119" s="23"/>
      <c r="FM1119" s="23"/>
      <c r="FN1119" s="23"/>
      <c r="FO1119" s="23"/>
      <c r="FP1119" s="23"/>
      <c r="FQ1119" s="23"/>
      <c r="FR1119" s="23"/>
      <c r="FS1119" s="23"/>
      <c r="FT1119" s="23"/>
      <c r="FU1119" s="23"/>
      <c r="FV1119" s="23"/>
      <c r="FW1119" s="23"/>
      <c r="FX1119" s="23"/>
      <c r="FY1119" s="23"/>
      <c r="FZ1119" s="23"/>
      <c r="GA1119" s="23"/>
      <c r="GB1119" s="23"/>
      <c r="GC1119" s="23"/>
      <c r="GD1119" s="23"/>
      <c r="GE1119" s="23"/>
      <c r="GF1119" s="23"/>
      <c r="GG1119" s="23"/>
      <c r="GH1119" s="23"/>
      <c r="GI1119" s="23"/>
      <c r="GJ1119" s="23"/>
      <c r="GK1119" s="23"/>
      <c r="GL1119" s="23"/>
      <c r="GM1119" s="23"/>
      <c r="GN1119" s="23"/>
      <c r="GO1119" s="23"/>
      <c r="GP1119" s="23"/>
      <c r="GQ1119" s="23"/>
      <c r="GR1119" s="23"/>
      <c r="GS1119" s="23"/>
      <c r="GT1119" s="23"/>
      <c r="GU1119" s="23"/>
      <c r="GV1119" s="23"/>
      <c r="GW1119" s="23"/>
      <c r="GX1119" s="23"/>
      <c r="GY1119" s="23"/>
      <c r="GZ1119" s="23"/>
      <c r="HA1119" s="23"/>
      <c r="HB1119" s="23"/>
      <c r="HC1119" s="23"/>
      <c r="HD1119" s="23"/>
      <c r="HE1119" s="23"/>
      <c r="HF1119" s="23"/>
      <c r="HG1119" s="23"/>
      <c r="HH1119" s="23"/>
      <c r="HI1119" s="23"/>
      <c r="HJ1119" s="23"/>
      <c r="HK1119" s="23"/>
      <c r="HL1119" s="23"/>
      <c r="HM1119" s="23"/>
      <c r="HN1119" s="23"/>
      <c r="HO1119" s="23"/>
      <c r="HP1119" s="23"/>
      <c r="HQ1119" s="23"/>
      <c r="HR1119" s="23"/>
      <c r="HS1119" s="23"/>
      <c r="HT1119" s="23"/>
      <c r="HU1119" s="23"/>
      <c r="HV1119" s="23"/>
      <c r="HW1119" s="23"/>
      <c r="HX1119" s="23"/>
      <c r="HY1119" s="23"/>
      <c r="HZ1119" s="23"/>
      <c r="IA1119" s="23"/>
      <c r="IB1119" s="23"/>
      <c r="IC1119" s="23"/>
      <c r="ID1119" s="23"/>
      <c r="IE1119" s="23"/>
      <c r="IF1119" s="23"/>
      <c r="IG1119" s="23"/>
      <c r="IH1119" s="23"/>
      <c r="II1119" s="23"/>
      <c r="IJ1119" s="23"/>
      <c r="IK1119" s="23"/>
      <c r="IL1119" s="23"/>
      <c r="IM1119" s="23"/>
      <c r="IN1119" s="23"/>
      <c r="IO1119" s="23"/>
      <c r="IP1119" s="23"/>
      <c r="IQ1119" s="23"/>
    </row>
    <row r="1120" spans="1:251" s="50" customFormat="1" ht="18.75" customHeight="1" thickTop="1" thickBot="1">
      <c r="A1120" s="38"/>
      <c r="B1120" s="164" t="s">
        <v>105</v>
      </c>
      <c r="C1120" s="191"/>
      <c r="D1120" s="191"/>
      <c r="E1120" s="191"/>
      <c r="F1120" s="191"/>
      <c r="G1120" s="191"/>
      <c r="H1120" s="191"/>
      <c r="I1120" s="191"/>
      <c r="J1120" s="191"/>
      <c r="K1120" s="191"/>
      <c r="L1120" s="191"/>
      <c r="M1120" s="191"/>
      <c r="N1120" s="191"/>
      <c r="O1120" s="191"/>
      <c r="P1120" s="191"/>
      <c r="Q1120" s="191"/>
      <c r="R1120" s="191"/>
      <c r="S1120" s="191"/>
      <c r="T1120" s="191"/>
      <c r="U1120" s="191"/>
      <c r="V1120" s="191"/>
      <c r="W1120" s="191"/>
      <c r="X1120" s="191"/>
      <c r="Y1120" s="191"/>
      <c r="Z1120" s="192"/>
      <c r="AA1120" s="167">
        <f>SUM(AA1112:AA1119)</f>
        <v>0</v>
      </c>
      <c r="AB1120" s="215"/>
      <c r="AC1120" s="215"/>
      <c r="AD1120" s="215"/>
      <c r="AE1120" s="215"/>
      <c r="AF1120" s="215"/>
      <c r="AG1120" s="215"/>
      <c r="AH1120" s="215"/>
      <c r="AI1120" s="216"/>
      <c r="AJ1120" s="167">
        <f>SUM(AJ1112:AJ1119)</f>
        <v>62129</v>
      </c>
      <c r="AK1120" s="215"/>
      <c r="AL1120" s="215"/>
      <c r="AM1120" s="215"/>
      <c r="AN1120" s="215"/>
      <c r="AO1120" s="215"/>
      <c r="AP1120" s="215"/>
      <c r="AQ1120" s="215"/>
      <c r="AR1120" s="216"/>
      <c r="AS1120" s="167"/>
      <c r="AT1120" s="215"/>
      <c r="AU1120" s="215"/>
      <c r="AV1120" s="215"/>
      <c r="AW1120" s="215"/>
      <c r="AX1120" s="217"/>
      <c r="AY1120" s="23"/>
      <c r="AZ1120" s="23"/>
      <c r="BA1120" s="23"/>
      <c r="BB1120" s="23"/>
      <c r="BC1120" s="23"/>
      <c r="BD1120" s="23"/>
      <c r="BE1120" s="23"/>
      <c r="BF1120" s="23"/>
      <c r="BG1120" s="23"/>
      <c r="BH1120" s="23"/>
      <c r="BI1120" s="23"/>
      <c r="BJ1120" s="23"/>
      <c r="BK1120" s="23"/>
      <c r="BL1120" s="23"/>
      <c r="BM1120" s="23"/>
      <c r="BN1120" s="23"/>
      <c r="BO1120" s="23"/>
      <c r="BP1120" s="23"/>
      <c r="BQ1120" s="23"/>
      <c r="BR1120" s="23"/>
      <c r="BS1120" s="23"/>
      <c r="BT1120" s="23"/>
      <c r="BU1120" s="23"/>
      <c r="BV1120" s="23"/>
      <c r="BW1120" s="23"/>
      <c r="BX1120" s="23"/>
      <c r="BY1120" s="23"/>
      <c r="BZ1120" s="23"/>
      <c r="CA1120" s="23"/>
      <c r="CB1120" s="23"/>
      <c r="CC1120" s="23"/>
      <c r="CD1120" s="23"/>
      <c r="CE1120" s="23"/>
      <c r="CF1120" s="23"/>
      <c r="CG1120" s="23"/>
      <c r="CH1120" s="23"/>
      <c r="CI1120" s="23"/>
      <c r="CJ1120" s="23"/>
      <c r="CK1120" s="23"/>
      <c r="CL1120" s="23"/>
      <c r="CM1120" s="23"/>
      <c r="CN1120" s="23"/>
      <c r="CO1120" s="23"/>
      <c r="CP1120" s="23"/>
      <c r="CQ1120" s="23"/>
      <c r="CR1120" s="23"/>
      <c r="CS1120" s="23"/>
      <c r="CT1120" s="23"/>
      <c r="CU1120" s="23"/>
      <c r="CV1120" s="23"/>
      <c r="CW1120" s="23"/>
      <c r="CX1120" s="23"/>
      <c r="CY1120" s="23"/>
      <c r="CZ1120" s="23"/>
      <c r="DA1120" s="23"/>
      <c r="DB1120" s="23"/>
      <c r="DC1120" s="23"/>
      <c r="DD1120" s="23"/>
      <c r="DE1120" s="23"/>
      <c r="DF1120" s="23"/>
      <c r="DG1120" s="23"/>
      <c r="DH1120" s="23"/>
      <c r="DI1120" s="23"/>
      <c r="DJ1120" s="23"/>
      <c r="DK1120" s="23"/>
      <c r="DL1120" s="23"/>
      <c r="DM1120" s="23"/>
      <c r="DN1120" s="23"/>
      <c r="DO1120" s="23"/>
      <c r="DP1120" s="23"/>
      <c r="DQ1120" s="23"/>
      <c r="DR1120" s="23"/>
      <c r="DS1120" s="23"/>
      <c r="DT1120" s="23"/>
      <c r="DU1120" s="23"/>
      <c r="DV1120" s="23"/>
      <c r="DW1120" s="23"/>
      <c r="DX1120" s="23"/>
      <c r="DY1120" s="23"/>
      <c r="DZ1120" s="23"/>
      <c r="EA1120" s="23"/>
      <c r="EB1120" s="23"/>
      <c r="EC1120" s="23"/>
      <c r="ED1120" s="23"/>
      <c r="EE1120" s="23"/>
      <c r="EF1120" s="23"/>
      <c r="EG1120" s="23"/>
      <c r="EH1120" s="23"/>
      <c r="EI1120" s="23"/>
      <c r="EJ1120" s="23"/>
      <c r="EK1120" s="23"/>
      <c r="EL1120" s="23"/>
      <c r="EM1120" s="23"/>
      <c r="EN1120" s="23"/>
      <c r="EO1120" s="23"/>
      <c r="EP1120" s="23"/>
      <c r="EQ1120" s="23"/>
      <c r="ER1120" s="23"/>
      <c r="ES1120" s="23"/>
      <c r="ET1120" s="23"/>
      <c r="EU1120" s="23"/>
      <c r="EV1120" s="23"/>
      <c r="EW1120" s="23"/>
      <c r="EX1120" s="23"/>
      <c r="EY1120" s="23"/>
      <c r="EZ1120" s="23"/>
      <c r="FA1120" s="23"/>
      <c r="FB1120" s="23"/>
      <c r="FC1120" s="23"/>
      <c r="FD1120" s="23"/>
      <c r="FE1120" s="23"/>
      <c r="FF1120" s="23"/>
      <c r="FG1120" s="23"/>
      <c r="FH1120" s="23"/>
      <c r="FI1120" s="23"/>
      <c r="FJ1120" s="23"/>
      <c r="FK1120" s="23"/>
      <c r="FL1120" s="23"/>
      <c r="FM1120" s="23"/>
      <c r="FN1120" s="23"/>
      <c r="FO1120" s="23"/>
      <c r="FP1120" s="23"/>
      <c r="FQ1120" s="23"/>
      <c r="FR1120" s="23"/>
      <c r="FS1120" s="23"/>
      <c r="FT1120" s="23"/>
      <c r="FU1120" s="23"/>
      <c r="FV1120" s="23"/>
      <c r="FW1120" s="23"/>
      <c r="FX1120" s="23"/>
      <c r="FY1120" s="23"/>
      <c r="FZ1120" s="23"/>
      <c r="GA1120" s="23"/>
      <c r="GB1120" s="23"/>
      <c r="GC1120" s="23"/>
      <c r="GD1120" s="23"/>
      <c r="GE1120" s="23"/>
      <c r="GF1120" s="23"/>
      <c r="GG1120" s="23"/>
      <c r="GH1120" s="23"/>
      <c r="GI1120" s="23"/>
      <c r="GJ1120" s="23"/>
      <c r="GK1120" s="23"/>
      <c r="GL1120" s="23"/>
      <c r="GM1120" s="23"/>
      <c r="GN1120" s="23"/>
      <c r="GO1120" s="23"/>
      <c r="GP1120" s="23"/>
      <c r="GQ1120" s="23"/>
      <c r="GR1120" s="23"/>
      <c r="GS1120" s="23"/>
      <c r="GT1120" s="23"/>
      <c r="GU1120" s="23"/>
      <c r="GV1120" s="23"/>
      <c r="GW1120" s="23"/>
      <c r="GX1120" s="23"/>
      <c r="GY1120" s="23"/>
      <c r="GZ1120" s="23"/>
      <c r="HA1120" s="23"/>
      <c r="HB1120" s="23"/>
      <c r="HC1120" s="23"/>
      <c r="HD1120" s="23"/>
      <c r="HE1120" s="23"/>
      <c r="HF1120" s="23"/>
      <c r="HG1120" s="23"/>
      <c r="HH1120" s="23"/>
      <c r="HI1120" s="23"/>
      <c r="HJ1120" s="23"/>
      <c r="HK1120" s="23"/>
      <c r="HL1120" s="23"/>
      <c r="HM1120" s="23"/>
      <c r="HN1120" s="23"/>
      <c r="HO1120" s="23"/>
      <c r="HP1120" s="23"/>
      <c r="HQ1120" s="23"/>
      <c r="HR1120" s="23"/>
      <c r="HS1120" s="23"/>
      <c r="HT1120" s="23"/>
      <c r="HU1120" s="23"/>
      <c r="HV1120" s="23"/>
      <c r="HW1120" s="23"/>
      <c r="HX1120" s="23"/>
      <c r="HY1120" s="23"/>
      <c r="HZ1120" s="23"/>
      <c r="IA1120" s="23"/>
      <c r="IB1120" s="23"/>
      <c r="IC1120" s="23"/>
      <c r="ID1120" s="23"/>
      <c r="IE1120" s="23"/>
      <c r="IF1120" s="23"/>
      <c r="IG1120" s="23"/>
      <c r="IH1120" s="23"/>
      <c r="II1120" s="23"/>
      <c r="IJ1120" s="23"/>
      <c r="IK1120" s="23"/>
      <c r="IL1120" s="23"/>
      <c r="IM1120" s="23"/>
      <c r="IN1120" s="23"/>
      <c r="IO1120" s="23"/>
      <c r="IP1120" s="23"/>
      <c r="IQ1120" s="23"/>
    </row>
    <row r="1122" spans="1:113" s="23" customFormat="1" ht="19.2">
      <c r="A1122" s="22" t="s">
        <v>86</v>
      </c>
      <c r="AW1122" s="24"/>
      <c r="AX1122" s="25"/>
      <c r="AY1122" s="24"/>
    </row>
    <row r="1123" spans="1:113" s="23" customFormat="1" ht="13.2"/>
    <row r="1124" spans="1:113" s="23" customFormat="1" ht="18" customHeight="1">
      <c r="B1124" s="229" t="s">
        <v>197</v>
      </c>
      <c r="C1124" s="229"/>
      <c r="D1124" s="229"/>
      <c r="E1124" s="229"/>
      <c r="F1124" s="229"/>
      <c r="G1124" s="229"/>
      <c r="H1124" s="229"/>
      <c r="I1124" s="229"/>
      <c r="J1124" s="229"/>
      <c r="K1124" s="229"/>
      <c r="L1124" s="229"/>
      <c r="M1124" s="229"/>
      <c r="N1124" s="229"/>
      <c r="O1124" s="229"/>
      <c r="P1124" s="229"/>
      <c r="Q1124" s="229"/>
      <c r="R1124" s="229"/>
      <c r="S1124" s="229"/>
      <c r="T1124" s="229"/>
      <c r="U1124" s="229"/>
      <c r="V1124" s="229"/>
      <c r="W1124" s="229"/>
      <c r="X1124" s="229"/>
      <c r="Y1124" s="229"/>
      <c r="Z1124" s="229"/>
      <c r="AA1124" s="229"/>
      <c r="AB1124" s="229"/>
      <c r="AC1124" s="229"/>
      <c r="AD1124" s="229"/>
      <c r="AE1124" s="229"/>
      <c r="AF1124" s="229"/>
      <c r="AG1124" s="229"/>
      <c r="AH1124" s="229"/>
      <c r="AI1124" s="229"/>
      <c r="AJ1124" s="229"/>
      <c r="AK1124" s="229"/>
      <c r="AL1124" s="229"/>
      <c r="AM1124" s="229"/>
      <c r="AN1124" s="229"/>
      <c r="AO1124" s="229"/>
      <c r="AP1124" s="229"/>
      <c r="AQ1124" s="229"/>
      <c r="AR1124" s="229"/>
      <c r="AS1124" s="229"/>
      <c r="AT1124" s="229"/>
      <c r="AU1124" s="229"/>
      <c r="AV1124" s="229"/>
      <c r="AW1124" s="229"/>
      <c r="AX1124" s="229"/>
    </row>
    <row r="1125" spans="1:113" s="23" customFormat="1" ht="13.2">
      <c r="Z1125" s="27"/>
      <c r="AD1125" s="27"/>
      <c r="AE1125" s="27"/>
      <c r="AF1125" s="27"/>
      <c r="AG1125" s="27"/>
      <c r="AH1125" s="27"/>
      <c r="AI1125" s="27"/>
      <c r="AO1125" s="27"/>
    </row>
    <row r="1126" spans="1:113" s="23" customFormat="1" ht="13.8" thickBot="1">
      <c r="Z1126" s="27"/>
      <c r="AD1126" s="27"/>
      <c r="AE1126" s="27"/>
      <c r="AF1126" s="27"/>
      <c r="AG1126" s="27"/>
      <c r="AH1126" s="27"/>
      <c r="AI1126" s="27"/>
      <c r="AO1126" s="27"/>
      <c r="DI1126" s="28"/>
    </row>
    <row r="1127" spans="1:113" s="23" customFormat="1" ht="24.6" customHeight="1" thickBot="1">
      <c r="A1127" s="116" t="s">
        <v>88</v>
      </c>
      <c r="B1127" s="117"/>
      <c r="C1127" s="117"/>
      <c r="D1127" s="117"/>
      <c r="E1127" s="117"/>
      <c r="F1127" s="117"/>
      <c r="G1127" s="117"/>
      <c r="H1127" s="117"/>
      <c r="I1127" s="117"/>
      <c r="J1127" s="117"/>
      <c r="K1127" s="118"/>
      <c r="L1127" s="154">
        <v>33</v>
      </c>
      <c r="M1127" s="154"/>
      <c r="N1127" s="154"/>
      <c r="O1127" s="155"/>
      <c r="P1127" s="122" t="s">
        <v>89</v>
      </c>
      <c r="Q1127" s="120"/>
      <c r="R1127" s="120"/>
      <c r="S1127" s="120"/>
      <c r="T1127" s="120"/>
      <c r="U1127" s="123"/>
      <c r="V1127" s="156" t="s">
        <v>198</v>
      </c>
      <c r="W1127" s="156"/>
      <c r="X1127" s="156"/>
      <c r="Y1127" s="156"/>
      <c r="Z1127" s="156"/>
      <c r="AA1127" s="156"/>
      <c r="AB1127" s="156"/>
      <c r="AC1127" s="156"/>
      <c r="AD1127" s="156"/>
      <c r="AE1127" s="156"/>
      <c r="AF1127" s="156"/>
      <c r="AG1127" s="156"/>
      <c r="AH1127" s="156"/>
      <c r="AI1127" s="156"/>
      <c r="AJ1127" s="156"/>
      <c r="AK1127" s="156"/>
      <c r="AL1127" s="156"/>
      <c r="AM1127" s="156"/>
      <c r="AN1127" s="156"/>
      <c r="AO1127" s="156"/>
      <c r="AP1127" s="156"/>
      <c r="AQ1127" s="156"/>
      <c r="AR1127" s="156"/>
      <c r="AS1127" s="156"/>
      <c r="AT1127" s="156"/>
      <c r="AU1127" s="156"/>
      <c r="AV1127" s="156"/>
      <c r="AW1127" s="156"/>
      <c r="AX1127" s="157"/>
      <c r="DI1127" s="28"/>
    </row>
    <row r="1128" spans="1:113" s="23" customFormat="1" ht="14.4">
      <c r="A1128" s="29"/>
      <c r="B1128" s="29"/>
      <c r="C1128" s="29"/>
      <c r="D1128" s="29"/>
      <c r="E1128" s="29"/>
      <c r="F1128" s="29"/>
      <c r="G1128" s="29"/>
      <c r="H1128" s="29"/>
      <c r="I1128" s="29"/>
      <c r="J1128" s="29"/>
      <c r="K1128" s="29"/>
      <c r="L1128" s="30"/>
      <c r="M1128" s="30"/>
      <c r="N1128" s="30"/>
      <c r="O1128" s="30"/>
      <c r="P1128" s="29"/>
      <c r="Q1128" s="29"/>
      <c r="R1128" s="29"/>
      <c r="S1128" s="29"/>
      <c r="T1128" s="29"/>
      <c r="U1128" s="29"/>
      <c r="V1128" s="31"/>
      <c r="W1128" s="31"/>
      <c r="X1128" s="31"/>
      <c r="Y1128" s="31"/>
      <c r="Z1128" s="31"/>
      <c r="AA1128" s="31"/>
      <c r="AB1128" s="31"/>
      <c r="AC1128" s="31"/>
      <c r="AD1128" s="31"/>
      <c r="AE1128" s="31"/>
      <c r="AF1128" s="31"/>
      <c r="AG1128" s="31"/>
      <c r="AH1128" s="31"/>
      <c r="AI1128" s="31"/>
      <c r="AJ1128" s="31"/>
      <c r="AK1128" s="31"/>
      <c r="AL1128" s="31"/>
      <c r="AM1128" s="31"/>
      <c r="AN1128" s="31"/>
      <c r="AO1128" s="31"/>
      <c r="AP1128" s="31"/>
      <c r="AQ1128" s="31"/>
      <c r="AR1128" s="31"/>
      <c r="AS1128" s="31"/>
      <c r="AT1128" s="31"/>
      <c r="AU1128" s="31"/>
      <c r="AV1128" s="31"/>
      <c r="AW1128" s="31"/>
      <c r="AX1128" s="31"/>
      <c r="DI1128" s="28"/>
    </row>
    <row r="1129" spans="1:113" s="23" customFormat="1" ht="15" thickBot="1">
      <c r="A1129" s="32"/>
      <c r="B1129" s="33" t="s">
        <v>91</v>
      </c>
      <c r="C1129" s="34"/>
      <c r="D1129" s="34"/>
      <c r="E1129" s="34"/>
      <c r="F1129" s="34"/>
      <c r="G1129" s="34"/>
      <c r="H1129" s="34"/>
      <c r="I1129" s="34"/>
      <c r="J1129" s="34"/>
      <c r="K1129" s="34"/>
      <c r="L1129" s="35"/>
      <c r="M1129" s="35"/>
      <c r="N1129" s="35"/>
      <c r="O1129" s="35"/>
      <c r="P1129" s="34"/>
      <c r="Q1129" s="34"/>
      <c r="R1129" s="34"/>
      <c r="S1129" s="34"/>
      <c r="T1129" s="34"/>
      <c r="U1129" s="34"/>
      <c r="V1129" s="33"/>
      <c r="W1129" s="33"/>
      <c r="X1129" s="33"/>
      <c r="Y1129" s="33"/>
      <c r="Z1129" s="33"/>
      <c r="AA1129" s="33"/>
      <c r="AB1129" s="33"/>
      <c r="AC1129" s="33"/>
      <c r="AD1129" s="33"/>
      <c r="AE1129" s="33"/>
      <c r="AF1129" s="33"/>
      <c r="AG1129" s="33"/>
      <c r="AH1129" s="33"/>
      <c r="AI1129" s="33"/>
      <c r="AJ1129" s="33"/>
      <c r="AK1129" s="33"/>
      <c r="AL1129" s="33"/>
      <c r="AM1129" s="33"/>
      <c r="AN1129" s="33"/>
      <c r="AO1129" s="33"/>
      <c r="AP1129" s="33"/>
      <c r="AQ1129" s="33"/>
      <c r="AR1129" s="33"/>
      <c r="AS1129" s="33"/>
      <c r="AT1129" s="33"/>
      <c r="AU1129" s="33"/>
      <c r="AV1129" s="33"/>
      <c r="AW1129" s="33"/>
      <c r="AX1129" s="33"/>
      <c r="DI1129" s="28"/>
    </row>
    <row r="1130" spans="1:113" s="23" customFormat="1" ht="14.4">
      <c r="A1130" s="34"/>
      <c r="B1130" s="36"/>
      <c r="C1130" s="29"/>
      <c r="D1130" s="29"/>
      <c r="E1130" s="29"/>
      <c r="F1130" s="29"/>
      <c r="G1130" s="29"/>
      <c r="H1130" s="29"/>
      <c r="I1130" s="29"/>
      <c r="J1130" s="29"/>
      <c r="K1130" s="29"/>
      <c r="L1130" s="30"/>
      <c r="M1130" s="30"/>
      <c r="N1130" s="30"/>
      <c r="O1130" s="30"/>
      <c r="P1130" s="29"/>
      <c r="Q1130" s="29"/>
      <c r="R1130" s="29"/>
      <c r="S1130" s="29"/>
      <c r="T1130" s="29"/>
      <c r="U1130" s="29"/>
      <c r="V1130" s="31"/>
      <c r="W1130" s="31"/>
      <c r="X1130" s="31"/>
      <c r="Y1130" s="31"/>
      <c r="Z1130" s="31"/>
      <c r="AA1130" s="31"/>
      <c r="AB1130" s="31"/>
      <c r="AC1130" s="31"/>
      <c r="AD1130" s="31"/>
      <c r="AE1130" s="31"/>
      <c r="AF1130" s="31"/>
      <c r="AG1130" s="31"/>
      <c r="AH1130" s="31"/>
      <c r="AI1130" s="31"/>
      <c r="AJ1130" s="31"/>
      <c r="AK1130" s="31"/>
      <c r="AL1130" s="31"/>
      <c r="AM1130" s="31"/>
      <c r="AN1130" s="31"/>
      <c r="AO1130" s="31"/>
      <c r="AP1130" s="31"/>
      <c r="AQ1130" s="31"/>
      <c r="AR1130" s="31"/>
      <c r="AS1130" s="31"/>
      <c r="AT1130" s="31"/>
      <c r="AU1130" s="31"/>
      <c r="AV1130" s="31"/>
      <c r="AW1130" s="31"/>
      <c r="AX1130" s="37"/>
    </row>
    <row r="1131" spans="1:113" s="23" customFormat="1" ht="10.8" customHeight="1">
      <c r="A1131" s="34"/>
      <c r="B1131" s="127" t="s">
        <v>199</v>
      </c>
      <c r="C1131" s="128"/>
      <c r="D1131" s="128"/>
      <c r="E1131" s="128"/>
      <c r="F1131" s="128"/>
      <c r="G1131" s="128"/>
      <c r="H1131" s="128"/>
      <c r="I1131" s="128"/>
      <c r="J1131" s="128"/>
      <c r="K1131" s="128"/>
      <c r="L1131" s="128"/>
      <c r="M1131" s="128"/>
      <c r="N1131" s="128"/>
      <c r="O1131" s="128"/>
      <c r="P1131" s="128"/>
      <c r="Q1131" s="128"/>
      <c r="R1131" s="128"/>
      <c r="S1131" s="128"/>
      <c r="T1131" s="128"/>
      <c r="U1131" s="128"/>
      <c r="V1131" s="128"/>
      <c r="W1131" s="128"/>
      <c r="X1131" s="128"/>
      <c r="Y1131" s="128"/>
      <c r="Z1131" s="128"/>
      <c r="AA1131" s="128"/>
      <c r="AB1131" s="128"/>
      <c r="AC1131" s="128"/>
      <c r="AD1131" s="128"/>
      <c r="AE1131" s="128"/>
      <c r="AF1131" s="128"/>
      <c r="AG1131" s="128"/>
      <c r="AH1131" s="128"/>
      <c r="AI1131" s="128"/>
      <c r="AJ1131" s="128"/>
      <c r="AK1131" s="128"/>
      <c r="AL1131" s="128"/>
      <c r="AM1131" s="128"/>
      <c r="AN1131" s="128"/>
      <c r="AO1131" s="128"/>
      <c r="AP1131" s="128"/>
      <c r="AQ1131" s="128"/>
      <c r="AR1131" s="128"/>
      <c r="AS1131" s="128"/>
      <c r="AT1131" s="128"/>
      <c r="AU1131" s="128"/>
      <c r="AV1131" s="128"/>
      <c r="AW1131" s="128"/>
      <c r="AX1131" s="129"/>
    </row>
    <row r="1132" spans="1:113" s="23" customFormat="1" ht="10.8" customHeight="1">
      <c r="A1132" s="34"/>
      <c r="B1132" s="127"/>
      <c r="C1132" s="128"/>
      <c r="D1132" s="128"/>
      <c r="E1132" s="128"/>
      <c r="F1132" s="128"/>
      <c r="G1132" s="128"/>
      <c r="H1132" s="128"/>
      <c r="I1132" s="128"/>
      <c r="J1132" s="128"/>
      <c r="K1132" s="128"/>
      <c r="L1132" s="128"/>
      <c r="M1132" s="128"/>
      <c r="N1132" s="128"/>
      <c r="O1132" s="128"/>
      <c r="P1132" s="128"/>
      <c r="Q1132" s="128"/>
      <c r="R1132" s="128"/>
      <c r="S1132" s="128"/>
      <c r="T1132" s="128"/>
      <c r="U1132" s="128"/>
      <c r="V1132" s="128"/>
      <c r="W1132" s="128"/>
      <c r="X1132" s="128"/>
      <c r="Y1132" s="128"/>
      <c r="Z1132" s="128"/>
      <c r="AA1132" s="128"/>
      <c r="AB1132" s="128"/>
      <c r="AC1132" s="128"/>
      <c r="AD1132" s="128"/>
      <c r="AE1132" s="128"/>
      <c r="AF1132" s="128"/>
      <c r="AG1132" s="128"/>
      <c r="AH1132" s="128"/>
      <c r="AI1132" s="128"/>
      <c r="AJ1132" s="128"/>
      <c r="AK1132" s="128"/>
      <c r="AL1132" s="128"/>
      <c r="AM1132" s="128"/>
      <c r="AN1132" s="128"/>
      <c r="AO1132" s="128"/>
      <c r="AP1132" s="128"/>
      <c r="AQ1132" s="128"/>
      <c r="AR1132" s="128"/>
      <c r="AS1132" s="128"/>
      <c r="AT1132" s="128"/>
      <c r="AU1132" s="128"/>
      <c r="AV1132" s="128"/>
      <c r="AW1132" s="128"/>
      <c r="AX1132" s="129"/>
      <c r="BC1132" s="17"/>
    </row>
    <row r="1133" spans="1:113" s="23" customFormat="1" ht="10.8" customHeight="1">
      <c r="A1133" s="34"/>
      <c r="B1133" s="127"/>
      <c r="C1133" s="128"/>
      <c r="D1133" s="128"/>
      <c r="E1133" s="128"/>
      <c r="F1133" s="128"/>
      <c r="G1133" s="128"/>
      <c r="H1133" s="128"/>
      <c r="I1133" s="128"/>
      <c r="J1133" s="128"/>
      <c r="K1133" s="128"/>
      <c r="L1133" s="128"/>
      <c r="M1133" s="128"/>
      <c r="N1133" s="128"/>
      <c r="O1133" s="128"/>
      <c r="P1133" s="128"/>
      <c r="Q1133" s="128"/>
      <c r="R1133" s="128"/>
      <c r="S1133" s="128"/>
      <c r="T1133" s="128"/>
      <c r="U1133" s="128"/>
      <c r="V1133" s="128"/>
      <c r="W1133" s="128"/>
      <c r="X1133" s="128"/>
      <c r="Y1133" s="128"/>
      <c r="Z1133" s="128"/>
      <c r="AA1133" s="128"/>
      <c r="AB1133" s="128"/>
      <c r="AC1133" s="128"/>
      <c r="AD1133" s="128"/>
      <c r="AE1133" s="128"/>
      <c r="AF1133" s="128"/>
      <c r="AG1133" s="128"/>
      <c r="AH1133" s="128"/>
      <c r="AI1133" s="128"/>
      <c r="AJ1133" s="128"/>
      <c r="AK1133" s="128"/>
      <c r="AL1133" s="128"/>
      <c r="AM1133" s="128"/>
      <c r="AN1133" s="128"/>
      <c r="AO1133" s="128"/>
      <c r="AP1133" s="128"/>
      <c r="AQ1133" s="128"/>
      <c r="AR1133" s="128"/>
      <c r="AS1133" s="128"/>
      <c r="AT1133" s="128"/>
      <c r="AU1133" s="128"/>
      <c r="AV1133" s="128"/>
      <c r="AW1133" s="128"/>
      <c r="AX1133" s="129"/>
    </row>
    <row r="1134" spans="1:113" s="23" customFormat="1" ht="10.8" customHeight="1">
      <c r="A1134" s="34"/>
      <c r="B1134" s="127"/>
      <c r="C1134" s="128"/>
      <c r="D1134" s="128"/>
      <c r="E1134" s="128"/>
      <c r="F1134" s="128"/>
      <c r="G1134" s="128"/>
      <c r="H1134" s="128"/>
      <c r="I1134" s="128"/>
      <c r="J1134" s="128"/>
      <c r="K1134" s="128"/>
      <c r="L1134" s="128"/>
      <c r="M1134" s="128"/>
      <c r="N1134" s="128"/>
      <c r="O1134" s="128"/>
      <c r="P1134" s="128"/>
      <c r="Q1134" s="128"/>
      <c r="R1134" s="128"/>
      <c r="S1134" s="128"/>
      <c r="T1134" s="128"/>
      <c r="U1134" s="128"/>
      <c r="V1134" s="128"/>
      <c r="W1134" s="128"/>
      <c r="X1134" s="128"/>
      <c r="Y1134" s="128"/>
      <c r="Z1134" s="128"/>
      <c r="AA1134" s="128"/>
      <c r="AB1134" s="128"/>
      <c r="AC1134" s="128"/>
      <c r="AD1134" s="128"/>
      <c r="AE1134" s="128"/>
      <c r="AF1134" s="128"/>
      <c r="AG1134" s="128"/>
      <c r="AH1134" s="128"/>
      <c r="AI1134" s="128"/>
      <c r="AJ1134" s="128"/>
      <c r="AK1134" s="128"/>
      <c r="AL1134" s="128"/>
      <c r="AM1134" s="128"/>
      <c r="AN1134" s="128"/>
      <c r="AO1134" s="128"/>
      <c r="AP1134" s="128"/>
      <c r="AQ1134" s="128"/>
      <c r="AR1134" s="128"/>
      <c r="AS1134" s="128"/>
      <c r="AT1134" s="128"/>
      <c r="AU1134" s="128"/>
      <c r="AV1134" s="128"/>
      <c r="AW1134" s="128"/>
      <c r="AX1134" s="129"/>
    </row>
    <row r="1135" spans="1:113" s="23" customFormat="1" ht="10.8" customHeight="1">
      <c r="A1135" s="34"/>
      <c r="B1135" s="127"/>
      <c r="C1135" s="128"/>
      <c r="D1135" s="128"/>
      <c r="E1135" s="128"/>
      <c r="F1135" s="128"/>
      <c r="G1135" s="128"/>
      <c r="H1135" s="128"/>
      <c r="I1135" s="128"/>
      <c r="J1135" s="128"/>
      <c r="K1135" s="128"/>
      <c r="L1135" s="128"/>
      <c r="M1135" s="128"/>
      <c r="N1135" s="128"/>
      <c r="O1135" s="128"/>
      <c r="P1135" s="128"/>
      <c r="Q1135" s="128"/>
      <c r="R1135" s="128"/>
      <c r="S1135" s="128"/>
      <c r="T1135" s="128"/>
      <c r="U1135" s="128"/>
      <c r="V1135" s="128"/>
      <c r="W1135" s="128"/>
      <c r="X1135" s="128"/>
      <c r="Y1135" s="128"/>
      <c r="Z1135" s="128"/>
      <c r="AA1135" s="128"/>
      <c r="AB1135" s="128"/>
      <c r="AC1135" s="128"/>
      <c r="AD1135" s="128"/>
      <c r="AE1135" s="128"/>
      <c r="AF1135" s="128"/>
      <c r="AG1135" s="128"/>
      <c r="AH1135" s="128"/>
      <c r="AI1135" s="128"/>
      <c r="AJ1135" s="128"/>
      <c r="AK1135" s="128"/>
      <c r="AL1135" s="128"/>
      <c r="AM1135" s="128"/>
      <c r="AN1135" s="128"/>
      <c r="AO1135" s="128"/>
      <c r="AP1135" s="128"/>
      <c r="AQ1135" s="128"/>
      <c r="AR1135" s="128"/>
      <c r="AS1135" s="128"/>
      <c r="AT1135" s="128"/>
      <c r="AU1135" s="128"/>
      <c r="AV1135" s="128"/>
      <c r="AW1135" s="128"/>
      <c r="AX1135" s="129"/>
    </row>
    <row r="1136" spans="1:113" s="23" customFormat="1" ht="10.8" customHeight="1">
      <c r="A1136" s="34"/>
      <c r="B1136" s="127"/>
      <c r="C1136" s="128"/>
      <c r="D1136" s="128"/>
      <c r="E1136" s="128"/>
      <c r="F1136" s="128"/>
      <c r="G1136" s="128"/>
      <c r="H1136" s="128"/>
      <c r="I1136" s="128"/>
      <c r="J1136" s="128"/>
      <c r="K1136" s="128"/>
      <c r="L1136" s="128"/>
      <c r="M1136" s="128"/>
      <c r="N1136" s="128"/>
      <c r="O1136" s="128"/>
      <c r="P1136" s="128"/>
      <c r="Q1136" s="128"/>
      <c r="R1136" s="128"/>
      <c r="S1136" s="128"/>
      <c r="T1136" s="128"/>
      <c r="U1136" s="128"/>
      <c r="V1136" s="128"/>
      <c r="W1136" s="128"/>
      <c r="X1136" s="128"/>
      <c r="Y1136" s="128"/>
      <c r="Z1136" s="128"/>
      <c r="AA1136" s="128"/>
      <c r="AB1136" s="128"/>
      <c r="AC1136" s="128"/>
      <c r="AD1136" s="128"/>
      <c r="AE1136" s="128"/>
      <c r="AF1136" s="128"/>
      <c r="AG1136" s="128"/>
      <c r="AH1136" s="128"/>
      <c r="AI1136" s="128"/>
      <c r="AJ1136" s="128"/>
      <c r="AK1136" s="128"/>
      <c r="AL1136" s="128"/>
      <c r="AM1136" s="128"/>
      <c r="AN1136" s="128"/>
      <c r="AO1136" s="128"/>
      <c r="AP1136" s="128"/>
      <c r="AQ1136" s="128"/>
      <c r="AR1136" s="128"/>
      <c r="AS1136" s="128"/>
      <c r="AT1136" s="128"/>
      <c r="AU1136" s="128"/>
      <c r="AV1136" s="128"/>
      <c r="AW1136" s="128"/>
      <c r="AX1136" s="129"/>
    </row>
    <row r="1137" spans="1:251" s="23" customFormat="1" ht="10.8" customHeight="1">
      <c r="A1137" s="34"/>
      <c r="B1137" s="127"/>
      <c r="C1137" s="128"/>
      <c r="D1137" s="128"/>
      <c r="E1137" s="128"/>
      <c r="F1137" s="128"/>
      <c r="G1137" s="128"/>
      <c r="H1137" s="128"/>
      <c r="I1137" s="128"/>
      <c r="J1137" s="128"/>
      <c r="K1137" s="128"/>
      <c r="L1137" s="128"/>
      <c r="M1137" s="128"/>
      <c r="N1137" s="128"/>
      <c r="O1137" s="128"/>
      <c r="P1137" s="128"/>
      <c r="Q1137" s="128"/>
      <c r="R1137" s="128"/>
      <c r="S1137" s="128"/>
      <c r="T1137" s="128"/>
      <c r="U1137" s="128"/>
      <c r="V1137" s="128"/>
      <c r="W1137" s="128"/>
      <c r="X1137" s="128"/>
      <c r="Y1137" s="128"/>
      <c r="Z1137" s="128"/>
      <c r="AA1137" s="128"/>
      <c r="AB1137" s="128"/>
      <c r="AC1137" s="128"/>
      <c r="AD1137" s="128"/>
      <c r="AE1137" s="128"/>
      <c r="AF1137" s="128"/>
      <c r="AG1137" s="128"/>
      <c r="AH1137" s="128"/>
      <c r="AI1137" s="128"/>
      <c r="AJ1137" s="128"/>
      <c r="AK1137" s="128"/>
      <c r="AL1137" s="128"/>
      <c r="AM1137" s="128"/>
      <c r="AN1137" s="128"/>
      <c r="AO1137" s="128"/>
      <c r="AP1137" s="128"/>
      <c r="AQ1137" s="128"/>
      <c r="AR1137" s="128"/>
      <c r="AS1137" s="128"/>
      <c r="AT1137" s="128"/>
      <c r="AU1137" s="128"/>
      <c r="AV1137" s="128"/>
      <c r="AW1137" s="128"/>
      <c r="AX1137" s="129"/>
    </row>
    <row r="1138" spans="1:251" s="23" customFormat="1" ht="10.8" customHeight="1">
      <c r="A1138" s="34"/>
      <c r="B1138" s="127"/>
      <c r="C1138" s="128"/>
      <c r="D1138" s="128"/>
      <c r="E1138" s="128"/>
      <c r="F1138" s="128"/>
      <c r="G1138" s="128"/>
      <c r="H1138" s="128"/>
      <c r="I1138" s="128"/>
      <c r="J1138" s="128"/>
      <c r="K1138" s="128"/>
      <c r="L1138" s="128"/>
      <c r="M1138" s="128"/>
      <c r="N1138" s="128"/>
      <c r="O1138" s="128"/>
      <c r="P1138" s="128"/>
      <c r="Q1138" s="128"/>
      <c r="R1138" s="128"/>
      <c r="S1138" s="128"/>
      <c r="T1138" s="128"/>
      <c r="U1138" s="128"/>
      <c r="V1138" s="128"/>
      <c r="W1138" s="128"/>
      <c r="X1138" s="128"/>
      <c r="Y1138" s="128"/>
      <c r="Z1138" s="128"/>
      <c r="AA1138" s="128"/>
      <c r="AB1138" s="128"/>
      <c r="AC1138" s="128"/>
      <c r="AD1138" s="128"/>
      <c r="AE1138" s="128"/>
      <c r="AF1138" s="128"/>
      <c r="AG1138" s="128"/>
      <c r="AH1138" s="128"/>
      <c r="AI1138" s="128"/>
      <c r="AJ1138" s="128"/>
      <c r="AK1138" s="128"/>
      <c r="AL1138" s="128"/>
      <c r="AM1138" s="128"/>
      <c r="AN1138" s="128"/>
      <c r="AO1138" s="128"/>
      <c r="AP1138" s="128"/>
      <c r="AQ1138" s="128"/>
      <c r="AR1138" s="128"/>
      <c r="AS1138" s="128"/>
      <c r="AT1138" s="128"/>
      <c r="AU1138" s="128"/>
      <c r="AV1138" s="128"/>
      <c r="AW1138" s="128"/>
      <c r="AX1138" s="129"/>
    </row>
    <row r="1139" spans="1:251" s="23" customFormat="1" ht="10.8" customHeight="1">
      <c r="A1139" s="34"/>
      <c r="B1139" s="127"/>
      <c r="C1139" s="128"/>
      <c r="D1139" s="128"/>
      <c r="E1139" s="128"/>
      <c r="F1139" s="128"/>
      <c r="G1139" s="128"/>
      <c r="H1139" s="128"/>
      <c r="I1139" s="128"/>
      <c r="J1139" s="128"/>
      <c r="K1139" s="128"/>
      <c r="L1139" s="128"/>
      <c r="M1139" s="128"/>
      <c r="N1139" s="128"/>
      <c r="O1139" s="128"/>
      <c r="P1139" s="128"/>
      <c r="Q1139" s="128"/>
      <c r="R1139" s="128"/>
      <c r="S1139" s="128"/>
      <c r="T1139" s="128"/>
      <c r="U1139" s="128"/>
      <c r="V1139" s="128"/>
      <c r="W1139" s="128"/>
      <c r="X1139" s="128"/>
      <c r="Y1139" s="128"/>
      <c r="Z1139" s="128"/>
      <c r="AA1139" s="128"/>
      <c r="AB1139" s="128"/>
      <c r="AC1139" s="128"/>
      <c r="AD1139" s="128"/>
      <c r="AE1139" s="128"/>
      <c r="AF1139" s="128"/>
      <c r="AG1139" s="128"/>
      <c r="AH1139" s="128"/>
      <c r="AI1139" s="128"/>
      <c r="AJ1139" s="128"/>
      <c r="AK1139" s="128"/>
      <c r="AL1139" s="128"/>
      <c r="AM1139" s="128"/>
      <c r="AN1139" s="128"/>
      <c r="AO1139" s="128"/>
      <c r="AP1139" s="128"/>
      <c r="AQ1139" s="128"/>
      <c r="AR1139" s="128"/>
      <c r="AS1139" s="128"/>
      <c r="AT1139" s="128"/>
      <c r="AU1139" s="128"/>
      <c r="AV1139" s="128"/>
      <c r="AW1139" s="128"/>
      <c r="AX1139" s="129"/>
    </row>
    <row r="1140" spans="1:251" s="23" customFormat="1" ht="10.8" customHeight="1">
      <c r="A1140" s="34"/>
      <c r="B1140" s="127"/>
      <c r="C1140" s="128"/>
      <c r="D1140" s="128"/>
      <c r="E1140" s="128"/>
      <c r="F1140" s="128"/>
      <c r="G1140" s="128"/>
      <c r="H1140" s="128"/>
      <c r="I1140" s="128"/>
      <c r="J1140" s="128"/>
      <c r="K1140" s="128"/>
      <c r="L1140" s="128"/>
      <c r="M1140" s="128"/>
      <c r="N1140" s="128"/>
      <c r="O1140" s="128"/>
      <c r="P1140" s="128"/>
      <c r="Q1140" s="128"/>
      <c r="R1140" s="128"/>
      <c r="S1140" s="128"/>
      <c r="T1140" s="128"/>
      <c r="U1140" s="128"/>
      <c r="V1140" s="128"/>
      <c r="W1140" s="128"/>
      <c r="X1140" s="128"/>
      <c r="Y1140" s="128"/>
      <c r="Z1140" s="128"/>
      <c r="AA1140" s="128"/>
      <c r="AB1140" s="128"/>
      <c r="AC1140" s="128"/>
      <c r="AD1140" s="128"/>
      <c r="AE1140" s="128"/>
      <c r="AF1140" s="128"/>
      <c r="AG1140" s="128"/>
      <c r="AH1140" s="128"/>
      <c r="AI1140" s="128"/>
      <c r="AJ1140" s="128"/>
      <c r="AK1140" s="128"/>
      <c r="AL1140" s="128"/>
      <c r="AM1140" s="128"/>
      <c r="AN1140" s="128"/>
      <c r="AO1140" s="128"/>
      <c r="AP1140" s="128"/>
      <c r="AQ1140" s="128"/>
      <c r="AR1140" s="128"/>
      <c r="AS1140" s="128"/>
      <c r="AT1140" s="128"/>
      <c r="AU1140" s="128"/>
      <c r="AV1140" s="128"/>
      <c r="AW1140" s="128"/>
      <c r="AX1140" s="129"/>
    </row>
    <row r="1141" spans="1:251" s="23" customFormat="1" ht="15" thickBot="1">
      <c r="A1141" s="38"/>
      <c r="B1141" s="39"/>
      <c r="C1141" s="40"/>
      <c r="D1141" s="40"/>
      <c r="E1141" s="40"/>
      <c r="F1141" s="40"/>
      <c r="G1141" s="40"/>
      <c r="H1141" s="40"/>
      <c r="I1141" s="40"/>
      <c r="J1141" s="40"/>
      <c r="K1141" s="40"/>
      <c r="L1141" s="40"/>
      <c r="M1141" s="40"/>
      <c r="N1141" s="40"/>
      <c r="O1141" s="40"/>
      <c r="P1141" s="40"/>
      <c r="Q1141" s="40"/>
      <c r="R1141" s="40"/>
      <c r="S1141" s="40"/>
      <c r="T1141" s="40"/>
      <c r="U1141" s="40"/>
      <c r="V1141" s="40"/>
      <c r="W1141" s="40"/>
      <c r="X1141" s="40"/>
      <c r="Y1141" s="40"/>
      <c r="Z1141" s="40"/>
      <c r="AA1141" s="40"/>
      <c r="AB1141" s="40"/>
      <c r="AC1141" s="40"/>
      <c r="AD1141" s="40"/>
      <c r="AE1141" s="40"/>
      <c r="AF1141" s="40"/>
      <c r="AG1141" s="40"/>
      <c r="AH1141" s="40"/>
      <c r="AI1141" s="40"/>
      <c r="AJ1141" s="40"/>
      <c r="AK1141" s="40"/>
      <c r="AL1141" s="40"/>
      <c r="AM1141" s="40"/>
      <c r="AN1141" s="40"/>
      <c r="AO1141" s="40"/>
      <c r="AP1141" s="40"/>
      <c r="AQ1141" s="40"/>
      <c r="AR1141" s="40"/>
      <c r="AS1141" s="40"/>
      <c r="AT1141" s="40"/>
      <c r="AU1141" s="40"/>
      <c r="AV1141" s="40"/>
      <c r="AW1141" s="40"/>
      <c r="AX1141" s="41"/>
    </row>
    <row r="1142" spans="1:251" s="23" customFormat="1" ht="13.2">
      <c r="B1142" s="42"/>
    </row>
    <row r="1143" spans="1:251" s="23" customFormat="1" ht="14.4">
      <c r="B1143" s="33" t="s">
        <v>93</v>
      </c>
      <c r="C1143" s="34"/>
      <c r="D1143" s="34"/>
      <c r="E1143" s="34"/>
      <c r="F1143" s="34"/>
      <c r="G1143" s="34"/>
      <c r="H1143" s="34"/>
      <c r="I1143" s="34"/>
      <c r="J1143" s="34"/>
      <c r="K1143" s="34"/>
      <c r="L1143" s="35"/>
      <c r="M1143" s="35"/>
      <c r="N1143" s="35"/>
      <c r="O1143" s="35"/>
      <c r="P1143" s="34"/>
      <c r="Q1143" s="34"/>
      <c r="R1143" s="34"/>
      <c r="S1143" s="34"/>
      <c r="T1143" s="34"/>
      <c r="U1143" s="34"/>
      <c r="V1143" s="33"/>
      <c r="W1143" s="33"/>
      <c r="X1143" s="33"/>
      <c r="Y1143" s="33"/>
      <c r="Z1143" s="33"/>
      <c r="AA1143" s="33"/>
      <c r="AB1143" s="33"/>
      <c r="AC1143" s="33"/>
      <c r="AD1143" s="33"/>
      <c r="AE1143" s="33"/>
      <c r="AF1143" s="33"/>
      <c r="AG1143" s="33"/>
      <c r="AH1143" s="33"/>
      <c r="AI1143" s="33"/>
      <c r="AJ1143" s="33"/>
      <c r="AK1143" s="33"/>
      <c r="AL1143" s="33"/>
      <c r="AM1143" s="33"/>
      <c r="AN1143" s="33"/>
      <c r="AO1143" s="33"/>
      <c r="AP1143" s="33"/>
      <c r="AQ1143" s="33"/>
      <c r="AR1143" s="33"/>
      <c r="AS1143" s="33"/>
      <c r="AT1143" s="33"/>
      <c r="AU1143" s="33"/>
      <c r="AV1143" s="33"/>
      <c r="AW1143" s="33"/>
      <c r="AX1143" s="33"/>
    </row>
    <row r="1144" spans="1:251" s="23" customFormat="1" ht="15" thickBot="1">
      <c r="B1144" s="33"/>
      <c r="C1144" s="34"/>
      <c r="D1144" s="34"/>
      <c r="E1144" s="34"/>
      <c r="F1144" s="34"/>
      <c r="G1144" s="34"/>
      <c r="H1144" s="34"/>
      <c r="I1144" s="34"/>
      <c r="J1144" s="34"/>
      <c r="K1144" s="34"/>
      <c r="L1144" s="35"/>
      <c r="M1144" s="35"/>
      <c r="N1144" s="35"/>
      <c r="O1144" s="35"/>
      <c r="P1144" s="34"/>
      <c r="Q1144" s="34"/>
      <c r="R1144" s="34"/>
      <c r="S1144" s="34"/>
      <c r="T1144" s="34"/>
      <c r="U1144" s="34"/>
      <c r="V1144" s="33"/>
      <c r="W1144" s="33"/>
      <c r="X1144" s="33"/>
      <c r="Y1144" s="33"/>
      <c r="Z1144" s="33"/>
      <c r="AA1144" s="33"/>
      <c r="AB1144" s="33"/>
      <c r="AC1144" s="33"/>
      <c r="AD1144" s="33"/>
      <c r="AE1144" s="33"/>
      <c r="AF1144" s="33"/>
      <c r="AG1144" s="33"/>
      <c r="AH1144" s="33"/>
      <c r="AI1144" s="33"/>
      <c r="AJ1144" s="33"/>
      <c r="AK1144" s="33"/>
      <c r="AL1144" s="33"/>
      <c r="AM1144" s="33"/>
      <c r="AN1144" s="33"/>
      <c r="AO1144" s="33"/>
      <c r="AP1144" s="33"/>
      <c r="AQ1144" s="33"/>
      <c r="AR1144" s="33"/>
      <c r="AS1144" s="33"/>
      <c r="AT1144" s="33"/>
      <c r="AU1144" s="33"/>
      <c r="AV1144" s="33"/>
      <c r="AW1144" s="33"/>
      <c r="AX1144" s="43" t="s">
        <v>94</v>
      </c>
    </row>
    <row r="1145" spans="1:251" s="50" customFormat="1" ht="13.5" customHeight="1">
      <c r="A1145" s="34"/>
      <c r="B1145" s="139" t="s">
        <v>95</v>
      </c>
      <c r="C1145" s="203"/>
      <c r="D1145" s="203"/>
      <c r="E1145" s="203"/>
      <c r="F1145" s="203"/>
      <c r="G1145" s="203"/>
      <c r="H1145" s="203"/>
      <c r="I1145" s="203"/>
      <c r="J1145" s="203"/>
      <c r="K1145" s="203"/>
      <c r="L1145" s="203"/>
      <c r="M1145" s="203"/>
      <c r="N1145" s="203"/>
      <c r="O1145" s="203"/>
      <c r="P1145" s="203"/>
      <c r="Q1145" s="203"/>
      <c r="R1145" s="203"/>
      <c r="S1145" s="203"/>
      <c r="T1145" s="203"/>
      <c r="U1145" s="203"/>
      <c r="V1145" s="203"/>
      <c r="W1145" s="203"/>
      <c r="X1145" s="203"/>
      <c r="Y1145" s="203"/>
      <c r="Z1145" s="204"/>
      <c r="AA1145" s="145" t="s">
        <v>200</v>
      </c>
      <c r="AB1145" s="203"/>
      <c r="AC1145" s="203"/>
      <c r="AD1145" s="203"/>
      <c r="AE1145" s="203"/>
      <c r="AF1145" s="203"/>
      <c r="AG1145" s="203"/>
      <c r="AH1145" s="203"/>
      <c r="AI1145" s="204"/>
      <c r="AJ1145" s="145" t="s">
        <v>117</v>
      </c>
      <c r="AK1145" s="203"/>
      <c r="AL1145" s="203"/>
      <c r="AM1145" s="203"/>
      <c r="AN1145" s="203"/>
      <c r="AO1145" s="203"/>
      <c r="AP1145" s="203"/>
      <c r="AQ1145" s="203"/>
      <c r="AR1145" s="204"/>
      <c r="AS1145" s="145" t="s">
        <v>98</v>
      </c>
      <c r="AT1145" s="203"/>
      <c r="AU1145" s="203"/>
      <c r="AV1145" s="203"/>
      <c r="AW1145" s="203"/>
      <c r="AX1145" s="209"/>
      <c r="AY1145" s="23"/>
      <c r="AZ1145" s="23"/>
      <c r="BA1145" s="23"/>
      <c r="BB1145" s="23"/>
      <c r="BC1145" s="23"/>
      <c r="BD1145" s="23"/>
      <c r="BE1145" s="23"/>
      <c r="BF1145" s="23"/>
      <c r="BG1145" s="23"/>
      <c r="BH1145" s="23"/>
      <c r="BI1145" s="23"/>
      <c r="BJ1145" s="23"/>
      <c r="BK1145" s="23"/>
      <c r="BL1145" s="23"/>
      <c r="BM1145" s="23"/>
      <c r="BN1145" s="23"/>
      <c r="BO1145" s="23"/>
      <c r="BP1145" s="23"/>
      <c r="BQ1145" s="23"/>
      <c r="BR1145" s="23"/>
      <c r="BS1145" s="23"/>
      <c r="BT1145" s="23"/>
      <c r="BU1145" s="23"/>
      <c r="BV1145" s="23"/>
      <c r="BW1145" s="23"/>
      <c r="BX1145" s="23"/>
      <c r="BY1145" s="23"/>
      <c r="BZ1145" s="23"/>
      <c r="CA1145" s="23"/>
      <c r="CB1145" s="23"/>
      <c r="CC1145" s="23"/>
      <c r="CD1145" s="23"/>
      <c r="CE1145" s="23"/>
      <c r="CF1145" s="23"/>
      <c r="CG1145" s="23"/>
      <c r="CH1145" s="23"/>
      <c r="CI1145" s="23"/>
      <c r="CJ1145" s="23"/>
      <c r="CK1145" s="23"/>
      <c r="CL1145" s="23"/>
      <c r="CM1145" s="23"/>
      <c r="CN1145" s="23"/>
      <c r="CO1145" s="23"/>
      <c r="CP1145" s="23"/>
      <c r="CQ1145" s="23"/>
      <c r="CR1145" s="23"/>
      <c r="CS1145" s="23"/>
      <c r="CT1145" s="23"/>
      <c r="CU1145" s="23"/>
      <c r="CV1145" s="23"/>
      <c r="CW1145" s="23"/>
      <c r="CX1145" s="23"/>
      <c r="CY1145" s="23"/>
      <c r="CZ1145" s="23"/>
      <c r="DA1145" s="23"/>
      <c r="DB1145" s="23"/>
      <c r="DC1145" s="23"/>
      <c r="DD1145" s="23"/>
      <c r="DE1145" s="23"/>
      <c r="DF1145" s="23"/>
      <c r="DG1145" s="23"/>
      <c r="DH1145" s="23"/>
      <c r="DI1145" s="23"/>
      <c r="DJ1145" s="23"/>
      <c r="DK1145" s="23"/>
      <c r="DL1145" s="23"/>
      <c r="DM1145" s="23"/>
      <c r="DN1145" s="23"/>
      <c r="DO1145" s="23"/>
      <c r="DP1145" s="23"/>
      <c r="DQ1145" s="23"/>
      <c r="DR1145" s="23"/>
      <c r="DS1145" s="23"/>
      <c r="DT1145" s="23"/>
      <c r="DU1145" s="23"/>
      <c r="DV1145" s="23"/>
      <c r="DW1145" s="23"/>
      <c r="DX1145" s="23"/>
      <c r="DY1145" s="23"/>
      <c r="DZ1145" s="23"/>
      <c r="EA1145" s="23"/>
      <c r="EB1145" s="23"/>
      <c r="EC1145" s="23"/>
      <c r="ED1145" s="23"/>
      <c r="EE1145" s="23"/>
      <c r="EF1145" s="23"/>
      <c r="EG1145" s="23"/>
      <c r="EH1145" s="23"/>
      <c r="EI1145" s="23"/>
      <c r="EJ1145" s="23"/>
      <c r="EK1145" s="23"/>
      <c r="EL1145" s="23"/>
      <c r="EM1145" s="23"/>
      <c r="EN1145" s="23"/>
      <c r="EO1145" s="23"/>
      <c r="EP1145" s="23"/>
      <c r="EQ1145" s="23"/>
      <c r="ER1145" s="23"/>
      <c r="ES1145" s="23"/>
      <c r="ET1145" s="23"/>
      <c r="EU1145" s="23"/>
      <c r="EV1145" s="23"/>
      <c r="EW1145" s="23"/>
      <c r="EX1145" s="23"/>
      <c r="EY1145" s="23"/>
      <c r="EZ1145" s="23"/>
      <c r="FA1145" s="23"/>
      <c r="FB1145" s="23"/>
      <c r="FC1145" s="23"/>
      <c r="FD1145" s="23"/>
      <c r="FE1145" s="23"/>
      <c r="FF1145" s="23"/>
      <c r="FG1145" s="23"/>
      <c r="FH1145" s="23"/>
      <c r="FI1145" s="23"/>
      <c r="FJ1145" s="23"/>
      <c r="FK1145" s="23"/>
      <c r="FL1145" s="23"/>
      <c r="FM1145" s="23"/>
      <c r="FN1145" s="23"/>
      <c r="FO1145" s="23"/>
      <c r="FP1145" s="23"/>
      <c r="FQ1145" s="23"/>
      <c r="FR1145" s="23"/>
      <c r="FS1145" s="23"/>
      <c r="FT1145" s="23"/>
      <c r="FU1145" s="23"/>
      <c r="FV1145" s="23"/>
      <c r="FW1145" s="23"/>
      <c r="FX1145" s="23"/>
      <c r="FY1145" s="23"/>
      <c r="FZ1145" s="23"/>
      <c r="GA1145" s="23"/>
      <c r="GB1145" s="23"/>
      <c r="GC1145" s="23"/>
      <c r="GD1145" s="23"/>
      <c r="GE1145" s="23"/>
      <c r="GF1145" s="23"/>
      <c r="GG1145" s="23"/>
      <c r="GH1145" s="23"/>
      <c r="GI1145" s="23"/>
      <c r="GJ1145" s="23"/>
      <c r="GK1145" s="23"/>
      <c r="GL1145" s="23"/>
      <c r="GM1145" s="23"/>
      <c r="GN1145" s="23"/>
      <c r="GO1145" s="23"/>
      <c r="GP1145" s="23"/>
      <c r="GQ1145" s="23"/>
      <c r="GR1145" s="23"/>
      <c r="GS1145" s="23"/>
      <c r="GT1145" s="23"/>
      <c r="GU1145" s="23"/>
      <c r="GV1145" s="23"/>
      <c r="GW1145" s="23"/>
      <c r="GX1145" s="23"/>
      <c r="GY1145" s="23"/>
      <c r="GZ1145" s="23"/>
      <c r="HA1145" s="23"/>
      <c r="HB1145" s="23"/>
      <c r="HC1145" s="23"/>
      <c r="HD1145" s="23"/>
      <c r="HE1145" s="23"/>
      <c r="HF1145" s="23"/>
      <c r="HG1145" s="23"/>
      <c r="HH1145" s="23"/>
      <c r="HI1145" s="23"/>
      <c r="HJ1145" s="23"/>
      <c r="HK1145" s="23"/>
      <c r="HL1145" s="23"/>
      <c r="HM1145" s="23"/>
      <c r="HN1145" s="23"/>
      <c r="HO1145" s="23"/>
      <c r="HP1145" s="23"/>
      <c r="HQ1145" s="23"/>
      <c r="HR1145" s="23"/>
      <c r="HS1145" s="23"/>
      <c r="HT1145" s="23"/>
      <c r="HU1145" s="23"/>
      <c r="HV1145" s="23"/>
      <c r="HW1145" s="23"/>
      <c r="HX1145" s="23"/>
      <c r="HY1145" s="23"/>
      <c r="HZ1145" s="23"/>
      <c r="IA1145" s="23"/>
      <c r="IB1145" s="23"/>
      <c r="IC1145" s="23"/>
      <c r="ID1145" s="23"/>
      <c r="IE1145" s="23"/>
      <c r="IF1145" s="23"/>
      <c r="IG1145" s="23"/>
      <c r="IH1145" s="23"/>
      <c r="II1145" s="23"/>
      <c r="IJ1145" s="23"/>
      <c r="IK1145" s="23"/>
      <c r="IL1145" s="23"/>
      <c r="IM1145" s="23"/>
      <c r="IN1145" s="23"/>
      <c r="IO1145" s="23"/>
      <c r="IP1145" s="23"/>
      <c r="IQ1145" s="23"/>
    </row>
    <row r="1146" spans="1:251" s="50" customFormat="1">
      <c r="A1146" s="34"/>
      <c r="B1146" s="205"/>
      <c r="C1146" s="206"/>
      <c r="D1146" s="206"/>
      <c r="E1146" s="206"/>
      <c r="F1146" s="206"/>
      <c r="G1146" s="206"/>
      <c r="H1146" s="206"/>
      <c r="I1146" s="206"/>
      <c r="J1146" s="206"/>
      <c r="K1146" s="206"/>
      <c r="L1146" s="206"/>
      <c r="M1146" s="206"/>
      <c r="N1146" s="206"/>
      <c r="O1146" s="206"/>
      <c r="P1146" s="206"/>
      <c r="Q1146" s="206"/>
      <c r="R1146" s="206"/>
      <c r="S1146" s="206"/>
      <c r="T1146" s="206"/>
      <c r="U1146" s="206"/>
      <c r="V1146" s="206"/>
      <c r="W1146" s="206"/>
      <c r="X1146" s="206"/>
      <c r="Y1146" s="206"/>
      <c r="Z1146" s="207"/>
      <c r="AA1146" s="208"/>
      <c r="AB1146" s="206"/>
      <c r="AC1146" s="206"/>
      <c r="AD1146" s="206"/>
      <c r="AE1146" s="206"/>
      <c r="AF1146" s="206"/>
      <c r="AG1146" s="206"/>
      <c r="AH1146" s="206"/>
      <c r="AI1146" s="207"/>
      <c r="AJ1146" s="208"/>
      <c r="AK1146" s="206"/>
      <c r="AL1146" s="206"/>
      <c r="AM1146" s="206"/>
      <c r="AN1146" s="206"/>
      <c r="AO1146" s="206"/>
      <c r="AP1146" s="206"/>
      <c r="AQ1146" s="206"/>
      <c r="AR1146" s="207"/>
      <c r="AS1146" s="208"/>
      <c r="AT1146" s="206"/>
      <c r="AU1146" s="206"/>
      <c r="AV1146" s="206"/>
      <c r="AW1146" s="206"/>
      <c r="AX1146" s="210"/>
      <c r="AY1146" s="23"/>
      <c r="AZ1146" s="23"/>
      <c r="BA1146" s="23"/>
      <c r="BB1146"/>
      <c r="BC1146" s="45"/>
      <c r="BE1146" s="23"/>
      <c r="BF1146" s="23"/>
      <c r="BG1146" s="23"/>
      <c r="BH1146" s="23"/>
      <c r="BI1146" s="23"/>
      <c r="BJ1146" s="23"/>
      <c r="BK1146" s="23"/>
      <c r="BL1146" s="23"/>
      <c r="BM1146" s="23"/>
      <c r="BN1146" s="23"/>
      <c r="BO1146" s="23"/>
      <c r="BP1146" s="23"/>
      <c r="BQ1146" s="23"/>
      <c r="BR1146" s="23"/>
      <c r="BS1146" s="23"/>
      <c r="BT1146" s="23"/>
      <c r="BU1146" s="23"/>
      <c r="BV1146" s="23"/>
      <c r="BW1146" s="23"/>
      <c r="BX1146" s="23"/>
      <c r="BY1146" s="23"/>
      <c r="BZ1146" s="23"/>
      <c r="CA1146" s="23"/>
      <c r="CB1146" s="23"/>
      <c r="CC1146" s="23"/>
      <c r="CD1146" s="23"/>
      <c r="CE1146" s="23"/>
      <c r="CF1146" s="23"/>
      <c r="CG1146" s="23"/>
      <c r="CH1146" s="23"/>
      <c r="CI1146" s="23"/>
      <c r="CJ1146" s="23"/>
      <c r="CK1146" s="23"/>
      <c r="CL1146" s="23"/>
      <c r="CM1146" s="23"/>
      <c r="CN1146" s="23"/>
      <c r="CO1146" s="23"/>
      <c r="CP1146" s="23"/>
      <c r="CQ1146" s="23"/>
      <c r="CR1146" s="23"/>
      <c r="CS1146" s="23"/>
      <c r="CT1146" s="23"/>
      <c r="CU1146" s="23"/>
      <c r="CV1146" s="23"/>
      <c r="CW1146" s="23"/>
      <c r="CX1146" s="23"/>
      <c r="CY1146" s="23"/>
      <c r="CZ1146" s="23"/>
      <c r="DA1146" s="23"/>
      <c r="DB1146" s="23"/>
      <c r="DC1146" s="23"/>
      <c r="DD1146" s="23"/>
      <c r="DE1146" s="23"/>
      <c r="DF1146" s="23"/>
      <c r="DG1146" s="23"/>
      <c r="DH1146" s="23"/>
      <c r="DI1146" s="23"/>
      <c r="DJ1146" s="23"/>
      <c r="DK1146" s="23"/>
      <c r="DL1146" s="23"/>
      <c r="DM1146" s="23"/>
      <c r="DN1146" s="23"/>
      <c r="DO1146" s="23"/>
      <c r="DP1146" s="23"/>
      <c r="DQ1146" s="23"/>
      <c r="DR1146" s="23"/>
      <c r="DS1146" s="23"/>
      <c r="DT1146" s="23"/>
      <c r="DU1146" s="23"/>
      <c r="DV1146" s="23"/>
      <c r="DW1146" s="23"/>
      <c r="DX1146" s="23"/>
      <c r="DY1146" s="23"/>
      <c r="DZ1146" s="23"/>
      <c r="EA1146" s="23"/>
      <c r="EB1146" s="23"/>
      <c r="EC1146" s="23"/>
      <c r="ED1146" s="23"/>
      <c r="EE1146" s="23"/>
      <c r="EF1146" s="23"/>
      <c r="EG1146" s="23"/>
      <c r="EH1146" s="23"/>
      <c r="EI1146" s="23"/>
      <c r="EJ1146" s="23"/>
      <c r="EK1146" s="23"/>
      <c r="EL1146" s="23"/>
      <c r="EM1146" s="23"/>
      <c r="EN1146" s="23"/>
      <c r="EO1146" s="23"/>
      <c r="EP1146" s="23"/>
      <c r="EQ1146" s="23"/>
      <c r="ER1146" s="23"/>
      <c r="ES1146" s="23"/>
      <c r="ET1146" s="23"/>
      <c r="EU1146" s="23"/>
      <c r="EV1146" s="23"/>
      <c r="EW1146" s="23"/>
      <c r="EX1146" s="23"/>
      <c r="EY1146" s="23"/>
      <c r="EZ1146" s="23"/>
      <c r="FA1146" s="23"/>
      <c r="FB1146" s="23"/>
      <c r="FC1146" s="23"/>
      <c r="FD1146" s="23"/>
      <c r="FE1146" s="23"/>
      <c r="FF1146" s="23"/>
      <c r="FG1146" s="23"/>
      <c r="FH1146" s="23"/>
      <c r="FI1146" s="23"/>
      <c r="FJ1146" s="23"/>
      <c r="FK1146" s="23"/>
      <c r="FL1146" s="23"/>
      <c r="FM1146" s="23"/>
      <c r="FN1146" s="23"/>
      <c r="FO1146" s="23"/>
      <c r="FP1146" s="23"/>
      <c r="FQ1146" s="23"/>
      <c r="FR1146" s="23"/>
      <c r="FS1146" s="23"/>
      <c r="FT1146" s="23"/>
      <c r="FU1146" s="23"/>
      <c r="FV1146" s="23"/>
      <c r="FW1146" s="23"/>
      <c r="FX1146" s="23"/>
      <c r="FY1146" s="23"/>
      <c r="FZ1146" s="23"/>
      <c r="GA1146" s="23"/>
      <c r="GB1146" s="23"/>
      <c r="GC1146" s="23"/>
      <c r="GD1146" s="23"/>
      <c r="GE1146" s="23"/>
      <c r="GF1146" s="23"/>
      <c r="GG1146" s="23"/>
      <c r="GH1146" s="23"/>
      <c r="GI1146" s="23"/>
      <c r="GJ1146" s="23"/>
      <c r="GK1146" s="23"/>
      <c r="GL1146" s="23"/>
      <c r="GM1146" s="23"/>
      <c r="GN1146" s="23"/>
      <c r="GO1146" s="23"/>
      <c r="GP1146" s="23"/>
      <c r="GQ1146" s="23"/>
      <c r="GR1146" s="23"/>
      <c r="GS1146" s="23"/>
      <c r="GT1146" s="23"/>
      <c r="GU1146" s="23"/>
      <c r="GV1146" s="23"/>
      <c r="GW1146" s="23"/>
      <c r="GX1146" s="23"/>
      <c r="GY1146" s="23"/>
      <c r="GZ1146" s="23"/>
      <c r="HA1146" s="23"/>
      <c r="HB1146" s="23"/>
      <c r="HC1146" s="23"/>
      <c r="HD1146" s="23"/>
      <c r="HE1146" s="23"/>
      <c r="HF1146" s="23"/>
      <c r="HG1146" s="23"/>
      <c r="HH1146" s="23"/>
      <c r="HI1146" s="23"/>
      <c r="HJ1146" s="23"/>
      <c r="HK1146" s="23"/>
      <c r="HL1146" s="23"/>
      <c r="HM1146" s="23"/>
      <c r="HN1146" s="23"/>
      <c r="HO1146" s="23"/>
      <c r="HP1146" s="23"/>
      <c r="HQ1146" s="23"/>
      <c r="HR1146" s="23"/>
      <c r="HS1146" s="23"/>
      <c r="HT1146" s="23"/>
      <c r="HU1146" s="23"/>
      <c r="HV1146" s="23"/>
      <c r="HW1146" s="23"/>
      <c r="HX1146" s="23"/>
      <c r="HY1146" s="23"/>
      <c r="HZ1146" s="23"/>
      <c r="IA1146" s="23"/>
      <c r="IB1146" s="23"/>
      <c r="IC1146" s="23"/>
      <c r="ID1146" s="23"/>
      <c r="IE1146" s="23"/>
      <c r="IF1146" s="23"/>
      <c r="IG1146" s="23"/>
      <c r="IH1146" s="23"/>
      <c r="II1146" s="23"/>
      <c r="IJ1146" s="23"/>
      <c r="IK1146" s="23"/>
      <c r="IL1146" s="23"/>
      <c r="IM1146" s="23"/>
      <c r="IN1146" s="23"/>
      <c r="IO1146" s="23"/>
      <c r="IP1146" s="23"/>
      <c r="IQ1146" s="23"/>
    </row>
    <row r="1147" spans="1:251" s="50" customFormat="1" ht="18.75" customHeight="1">
      <c r="A1147" s="34"/>
      <c r="B1147" s="46"/>
      <c r="C1147" s="130" t="s">
        <v>201</v>
      </c>
      <c r="D1147" s="130"/>
      <c r="E1147" s="130"/>
      <c r="F1147" s="130"/>
      <c r="G1147" s="130"/>
      <c r="H1147" s="130"/>
      <c r="I1147" s="130"/>
      <c r="J1147" s="130"/>
      <c r="K1147" s="130"/>
      <c r="L1147" s="130"/>
      <c r="M1147" s="130"/>
      <c r="N1147" s="130"/>
      <c r="O1147" s="130"/>
      <c r="P1147" s="130"/>
      <c r="Q1147" s="130"/>
      <c r="R1147" s="130"/>
      <c r="S1147" s="130"/>
      <c r="T1147" s="130"/>
      <c r="U1147" s="130"/>
      <c r="V1147" s="130"/>
      <c r="W1147" s="130"/>
      <c r="X1147" s="130"/>
      <c r="Y1147" s="130"/>
      <c r="Z1147" s="51"/>
      <c r="AA1147" s="132">
        <v>56052</v>
      </c>
      <c r="AB1147" s="196"/>
      <c r="AC1147" s="196"/>
      <c r="AD1147" s="196"/>
      <c r="AE1147" s="196"/>
      <c r="AF1147" s="196"/>
      <c r="AG1147" s="196"/>
      <c r="AH1147" s="196"/>
      <c r="AI1147" s="197"/>
      <c r="AJ1147" s="132">
        <v>87960</v>
      </c>
      <c r="AK1147" s="196"/>
      <c r="AL1147" s="196"/>
      <c r="AM1147" s="196"/>
      <c r="AN1147" s="196"/>
      <c r="AO1147" s="196"/>
      <c r="AP1147" s="196"/>
      <c r="AQ1147" s="196"/>
      <c r="AR1147" s="197"/>
      <c r="AS1147" s="132"/>
      <c r="AT1147" s="196"/>
      <c r="AU1147" s="196"/>
      <c r="AV1147" s="196"/>
      <c r="AW1147" s="196"/>
      <c r="AX1147" s="202"/>
      <c r="AY1147" s="23"/>
      <c r="AZ1147" s="23"/>
      <c r="BA1147" s="23"/>
      <c r="BB1147" s="23"/>
      <c r="BC1147" s="23"/>
      <c r="BD1147" s="23"/>
      <c r="BE1147" s="23"/>
      <c r="BF1147" s="23"/>
      <c r="BG1147" s="23"/>
      <c r="BH1147" s="23"/>
      <c r="BI1147" s="23"/>
      <c r="BJ1147" s="23"/>
      <c r="BK1147" s="23"/>
      <c r="BL1147" s="23"/>
      <c r="BM1147" s="23"/>
      <c r="BN1147" s="23"/>
      <c r="BO1147" s="23"/>
      <c r="BP1147" s="23"/>
      <c r="BQ1147" s="23"/>
      <c r="BR1147" s="23"/>
      <c r="BS1147" s="23"/>
      <c r="BT1147" s="23"/>
      <c r="BU1147" s="23"/>
      <c r="BV1147" s="23"/>
      <c r="BW1147" s="23"/>
      <c r="BX1147" s="23"/>
      <c r="BY1147" s="23"/>
      <c r="BZ1147" s="23"/>
      <c r="CA1147" s="23"/>
      <c r="CB1147" s="23"/>
      <c r="CC1147" s="23"/>
      <c r="CD1147" s="23"/>
      <c r="CE1147" s="23"/>
      <c r="CF1147" s="23"/>
      <c r="CG1147" s="23"/>
      <c r="CH1147" s="23"/>
      <c r="CI1147" s="23"/>
      <c r="CJ1147" s="23"/>
      <c r="CK1147" s="23"/>
      <c r="CL1147" s="23"/>
      <c r="CM1147" s="23"/>
      <c r="CN1147" s="23"/>
      <c r="CO1147" s="23"/>
      <c r="CP1147" s="23"/>
      <c r="CQ1147" s="23"/>
      <c r="CR1147" s="23"/>
      <c r="CS1147" s="23"/>
      <c r="CT1147" s="23"/>
      <c r="CU1147" s="23"/>
      <c r="CV1147" s="23"/>
      <c r="CW1147" s="23"/>
      <c r="CX1147" s="23"/>
      <c r="CY1147" s="23"/>
      <c r="CZ1147" s="23"/>
      <c r="DA1147" s="23"/>
      <c r="DB1147" s="23"/>
      <c r="DC1147" s="23"/>
      <c r="DD1147" s="23"/>
      <c r="DE1147" s="23"/>
      <c r="DF1147" s="23"/>
      <c r="DG1147" s="23"/>
      <c r="DH1147" s="23"/>
      <c r="DI1147" s="23"/>
      <c r="DJ1147" s="23"/>
      <c r="DK1147" s="23"/>
      <c r="DL1147" s="23"/>
      <c r="DM1147" s="23"/>
      <c r="DN1147" s="23"/>
      <c r="DO1147" s="23"/>
      <c r="DP1147" s="23"/>
      <c r="DQ1147" s="23"/>
      <c r="DR1147" s="23"/>
      <c r="DS1147" s="23"/>
      <c r="DT1147" s="23"/>
      <c r="DU1147" s="23"/>
      <c r="DV1147" s="23"/>
      <c r="DW1147" s="23"/>
      <c r="DX1147" s="23"/>
      <c r="DY1147" s="23"/>
      <c r="DZ1147" s="23"/>
      <c r="EA1147" s="23"/>
      <c r="EB1147" s="23"/>
      <c r="EC1147" s="23"/>
      <c r="ED1147" s="23"/>
      <c r="EE1147" s="23"/>
      <c r="EF1147" s="23"/>
      <c r="EG1147" s="23"/>
      <c r="EH1147" s="23"/>
      <c r="EI1147" s="23"/>
      <c r="EJ1147" s="23"/>
      <c r="EK1147" s="23"/>
      <c r="EL1147" s="23"/>
      <c r="EM1147" s="23"/>
      <c r="EN1147" s="23"/>
      <c r="EO1147" s="23"/>
      <c r="EP1147" s="23"/>
      <c r="EQ1147" s="23"/>
      <c r="ER1147" s="23"/>
      <c r="ES1147" s="23"/>
      <c r="ET1147" s="23"/>
      <c r="EU1147" s="23"/>
      <c r="EV1147" s="23"/>
      <c r="EW1147" s="23"/>
      <c r="EX1147" s="23"/>
      <c r="EY1147" s="23"/>
      <c r="EZ1147" s="23"/>
      <c r="FA1147" s="23"/>
      <c r="FB1147" s="23"/>
      <c r="FC1147" s="23"/>
      <c r="FD1147" s="23"/>
      <c r="FE1147" s="23"/>
      <c r="FF1147" s="23"/>
      <c r="FG1147" s="23"/>
      <c r="FH1147" s="23"/>
      <c r="FI1147" s="23"/>
      <c r="FJ1147" s="23"/>
      <c r="FK1147" s="23"/>
      <c r="FL1147" s="23"/>
      <c r="FM1147" s="23"/>
      <c r="FN1147" s="23"/>
      <c r="FO1147" s="23"/>
      <c r="FP1147" s="23"/>
      <c r="FQ1147" s="23"/>
      <c r="FR1147" s="23"/>
      <c r="FS1147" s="23"/>
      <c r="FT1147" s="23"/>
      <c r="FU1147" s="23"/>
      <c r="FV1147" s="23"/>
      <c r="FW1147" s="23"/>
      <c r="FX1147" s="23"/>
      <c r="FY1147" s="23"/>
      <c r="FZ1147" s="23"/>
      <c r="GA1147" s="23"/>
      <c r="GB1147" s="23"/>
      <c r="GC1147" s="23"/>
      <c r="GD1147" s="23"/>
      <c r="GE1147" s="23"/>
      <c r="GF1147" s="23"/>
      <c r="GG1147" s="23"/>
      <c r="GH1147" s="23"/>
      <c r="GI1147" s="23"/>
      <c r="GJ1147" s="23"/>
      <c r="GK1147" s="23"/>
      <c r="GL1147" s="23"/>
      <c r="GM1147" s="23"/>
      <c r="GN1147" s="23"/>
      <c r="GO1147" s="23"/>
      <c r="GP1147" s="23"/>
      <c r="GQ1147" s="23"/>
      <c r="GR1147" s="23"/>
      <c r="GS1147" s="23"/>
      <c r="GT1147" s="23"/>
      <c r="GU1147" s="23"/>
      <c r="GV1147" s="23"/>
      <c r="GW1147" s="23"/>
      <c r="GX1147" s="23"/>
      <c r="GY1147" s="23"/>
      <c r="GZ1147" s="23"/>
      <c r="HA1147" s="23"/>
      <c r="HB1147" s="23"/>
      <c r="HC1147" s="23"/>
      <c r="HD1147" s="23"/>
      <c r="HE1147" s="23"/>
      <c r="HF1147" s="23"/>
      <c r="HG1147" s="23"/>
      <c r="HH1147" s="23"/>
      <c r="HI1147" s="23"/>
      <c r="HJ1147" s="23"/>
      <c r="HK1147" s="23"/>
      <c r="HL1147" s="23"/>
      <c r="HM1147" s="23"/>
      <c r="HN1147" s="23"/>
      <c r="HO1147" s="23"/>
      <c r="HP1147" s="23"/>
      <c r="HQ1147" s="23"/>
      <c r="HR1147" s="23"/>
      <c r="HS1147" s="23"/>
      <c r="HT1147" s="23"/>
      <c r="HU1147" s="23"/>
      <c r="HV1147" s="23"/>
      <c r="HW1147" s="23"/>
      <c r="HX1147" s="23"/>
      <c r="HY1147" s="23"/>
      <c r="HZ1147" s="23"/>
      <c r="IA1147" s="23"/>
      <c r="IB1147" s="23"/>
      <c r="IC1147" s="23"/>
      <c r="ID1147" s="23"/>
      <c r="IE1147" s="23"/>
      <c r="IF1147" s="23"/>
      <c r="IG1147" s="23"/>
      <c r="IH1147" s="23"/>
      <c r="II1147" s="23"/>
      <c r="IJ1147" s="23"/>
      <c r="IK1147" s="23"/>
      <c r="IL1147" s="23"/>
      <c r="IM1147" s="23"/>
      <c r="IN1147" s="23"/>
      <c r="IO1147" s="23"/>
      <c r="IP1147" s="23"/>
      <c r="IQ1147" s="23"/>
    </row>
    <row r="1148" spans="1:251" s="50" customFormat="1" ht="18.75" customHeight="1">
      <c r="A1148" s="34"/>
      <c r="B1148" s="47"/>
      <c r="C1148" s="130"/>
      <c r="D1148" s="130"/>
      <c r="E1148" s="130"/>
      <c r="F1148" s="130"/>
      <c r="G1148" s="130"/>
      <c r="H1148" s="130"/>
      <c r="I1148" s="130"/>
      <c r="J1148" s="130"/>
      <c r="K1148" s="130"/>
      <c r="L1148" s="130"/>
      <c r="M1148" s="130"/>
      <c r="N1148" s="130"/>
      <c r="O1148" s="130"/>
      <c r="P1148" s="130"/>
      <c r="Q1148" s="130"/>
      <c r="R1148" s="130"/>
      <c r="S1148" s="130"/>
      <c r="T1148" s="130"/>
      <c r="U1148" s="130"/>
      <c r="V1148" s="130"/>
      <c r="W1148" s="130"/>
      <c r="X1148" s="130"/>
      <c r="Y1148" s="130"/>
      <c r="Z1148" s="52"/>
      <c r="AA1148" s="132"/>
      <c r="AB1148" s="200"/>
      <c r="AC1148" s="200"/>
      <c r="AD1148" s="200"/>
      <c r="AE1148" s="200"/>
      <c r="AF1148" s="200"/>
      <c r="AG1148" s="200"/>
      <c r="AH1148" s="200"/>
      <c r="AI1148" s="201"/>
      <c r="AJ1148" s="132"/>
      <c r="AK1148" s="196"/>
      <c r="AL1148" s="196"/>
      <c r="AM1148" s="196"/>
      <c r="AN1148" s="196"/>
      <c r="AO1148" s="196"/>
      <c r="AP1148" s="196"/>
      <c r="AQ1148" s="196"/>
      <c r="AR1148" s="197"/>
      <c r="AS1148" s="132"/>
      <c r="AT1148" s="196"/>
      <c r="AU1148" s="196"/>
      <c r="AV1148" s="196"/>
      <c r="AW1148" s="196"/>
      <c r="AX1148" s="202"/>
      <c r="AY1148" s="23"/>
      <c r="AZ1148" s="23"/>
      <c r="BA1148" s="23"/>
      <c r="BB1148" s="23"/>
      <c r="BC1148" s="23"/>
      <c r="BD1148" s="23"/>
      <c r="BE1148" s="23"/>
      <c r="BF1148" s="23"/>
      <c r="BG1148" s="23"/>
      <c r="BH1148" s="23"/>
      <c r="BI1148" s="23"/>
      <c r="BJ1148" s="23"/>
      <c r="BK1148" s="23"/>
      <c r="BL1148" s="23"/>
      <c r="BM1148" s="23"/>
      <c r="BN1148" s="23"/>
      <c r="BO1148" s="23"/>
      <c r="BP1148" s="23"/>
      <c r="BQ1148" s="23"/>
      <c r="BR1148" s="23"/>
      <c r="BS1148" s="23"/>
      <c r="BT1148" s="23"/>
      <c r="BU1148" s="23"/>
      <c r="BV1148" s="23"/>
      <c r="BW1148" s="23"/>
      <c r="BX1148" s="23"/>
      <c r="BY1148" s="23"/>
      <c r="BZ1148" s="23"/>
      <c r="CA1148" s="23"/>
      <c r="CB1148" s="23"/>
      <c r="CC1148" s="23"/>
      <c r="CD1148" s="23"/>
      <c r="CE1148" s="23"/>
      <c r="CF1148" s="23"/>
      <c r="CG1148" s="23"/>
      <c r="CH1148" s="23"/>
      <c r="CI1148" s="23"/>
      <c r="CJ1148" s="23"/>
      <c r="CK1148" s="23"/>
      <c r="CL1148" s="23"/>
      <c r="CM1148" s="23"/>
      <c r="CN1148" s="23"/>
      <c r="CO1148" s="23"/>
      <c r="CP1148" s="23"/>
      <c r="CQ1148" s="23"/>
      <c r="CR1148" s="23"/>
      <c r="CS1148" s="23"/>
      <c r="CT1148" s="23"/>
      <c r="CU1148" s="23"/>
      <c r="CV1148" s="23"/>
      <c r="CW1148" s="23"/>
      <c r="CX1148" s="23"/>
      <c r="CY1148" s="23"/>
      <c r="CZ1148" s="23"/>
      <c r="DA1148" s="23"/>
      <c r="DB1148" s="23"/>
      <c r="DC1148" s="23"/>
      <c r="DD1148" s="23"/>
      <c r="DE1148" s="23"/>
      <c r="DF1148" s="23"/>
      <c r="DG1148" s="23"/>
      <c r="DH1148" s="23"/>
      <c r="DI1148" s="23"/>
      <c r="DJ1148" s="23"/>
      <c r="DK1148" s="23"/>
      <c r="DL1148" s="23"/>
      <c r="DM1148" s="23"/>
      <c r="DN1148" s="23"/>
      <c r="DO1148" s="23"/>
      <c r="DP1148" s="23"/>
      <c r="DQ1148" s="23"/>
      <c r="DR1148" s="23"/>
      <c r="DS1148" s="23"/>
      <c r="DT1148" s="23"/>
      <c r="DU1148" s="23"/>
      <c r="DV1148" s="23"/>
      <c r="DW1148" s="23"/>
      <c r="DX1148" s="23"/>
      <c r="DY1148" s="23"/>
      <c r="DZ1148" s="23"/>
      <c r="EA1148" s="23"/>
      <c r="EB1148" s="23"/>
      <c r="EC1148" s="23"/>
      <c r="ED1148" s="23"/>
      <c r="EE1148" s="23"/>
      <c r="EF1148" s="23"/>
      <c r="EG1148" s="23"/>
      <c r="EH1148" s="23"/>
      <c r="EI1148" s="23"/>
      <c r="EJ1148" s="23"/>
      <c r="EK1148" s="23"/>
      <c r="EL1148" s="23"/>
      <c r="EM1148" s="23"/>
      <c r="EN1148" s="23"/>
      <c r="EO1148" s="23"/>
      <c r="EP1148" s="23"/>
      <c r="EQ1148" s="23"/>
      <c r="ER1148" s="23"/>
      <c r="ES1148" s="23"/>
      <c r="ET1148" s="23"/>
      <c r="EU1148" s="23"/>
      <c r="EV1148" s="23"/>
      <c r="EW1148" s="23"/>
      <c r="EX1148" s="23"/>
      <c r="EY1148" s="23"/>
      <c r="EZ1148" s="23"/>
      <c r="FA1148" s="23"/>
      <c r="FB1148" s="23"/>
      <c r="FC1148" s="23"/>
      <c r="FD1148" s="23"/>
      <c r="FE1148" s="23"/>
      <c r="FF1148" s="23"/>
      <c r="FG1148" s="23"/>
      <c r="FH1148" s="23"/>
      <c r="FI1148" s="23"/>
      <c r="FJ1148" s="23"/>
      <c r="FK1148" s="23"/>
      <c r="FL1148" s="23"/>
      <c r="FM1148" s="23"/>
      <c r="FN1148" s="23"/>
      <c r="FO1148" s="23"/>
      <c r="FP1148" s="23"/>
      <c r="FQ1148" s="23"/>
      <c r="FR1148" s="23"/>
      <c r="FS1148" s="23"/>
      <c r="FT1148" s="23"/>
      <c r="FU1148" s="23"/>
      <c r="FV1148" s="23"/>
      <c r="FW1148" s="23"/>
      <c r="FX1148" s="23"/>
      <c r="FY1148" s="23"/>
      <c r="FZ1148" s="23"/>
      <c r="GA1148" s="23"/>
      <c r="GB1148" s="23"/>
      <c r="GC1148" s="23"/>
      <c r="GD1148" s="23"/>
      <c r="GE1148" s="23"/>
      <c r="GF1148" s="23"/>
      <c r="GG1148" s="23"/>
      <c r="GH1148" s="23"/>
      <c r="GI1148" s="23"/>
      <c r="GJ1148" s="23"/>
      <c r="GK1148" s="23"/>
      <c r="GL1148" s="23"/>
      <c r="GM1148" s="23"/>
      <c r="GN1148" s="23"/>
      <c r="GO1148" s="23"/>
      <c r="GP1148" s="23"/>
      <c r="GQ1148" s="23"/>
      <c r="GR1148" s="23"/>
      <c r="GS1148" s="23"/>
      <c r="GT1148" s="23"/>
      <c r="GU1148" s="23"/>
      <c r="GV1148" s="23"/>
      <c r="GW1148" s="23"/>
      <c r="GX1148" s="23"/>
      <c r="GY1148" s="23"/>
      <c r="GZ1148" s="23"/>
      <c r="HA1148" s="23"/>
      <c r="HB1148" s="23"/>
      <c r="HC1148" s="23"/>
      <c r="HD1148" s="23"/>
      <c r="HE1148" s="23"/>
      <c r="HF1148" s="23"/>
      <c r="HG1148" s="23"/>
      <c r="HH1148" s="23"/>
      <c r="HI1148" s="23"/>
      <c r="HJ1148" s="23"/>
      <c r="HK1148" s="23"/>
      <c r="HL1148" s="23"/>
      <c r="HM1148" s="23"/>
      <c r="HN1148" s="23"/>
      <c r="HO1148" s="23"/>
      <c r="HP1148" s="23"/>
      <c r="HQ1148" s="23"/>
      <c r="HR1148" s="23"/>
      <c r="HS1148" s="23"/>
      <c r="HT1148" s="23"/>
      <c r="HU1148" s="23"/>
      <c r="HV1148" s="23"/>
      <c r="HW1148" s="23"/>
      <c r="HX1148" s="23"/>
      <c r="HY1148" s="23"/>
      <c r="HZ1148" s="23"/>
      <c r="IA1148" s="23"/>
      <c r="IB1148" s="23"/>
      <c r="IC1148" s="23"/>
      <c r="ID1148" s="23"/>
      <c r="IE1148" s="23"/>
      <c r="IF1148" s="23"/>
      <c r="IG1148" s="23"/>
      <c r="IH1148" s="23"/>
      <c r="II1148" s="23"/>
      <c r="IJ1148" s="23"/>
      <c r="IK1148" s="23"/>
      <c r="IL1148" s="23"/>
      <c r="IM1148" s="23"/>
      <c r="IN1148" s="23"/>
      <c r="IO1148" s="23"/>
      <c r="IP1148" s="23"/>
      <c r="IQ1148" s="23"/>
    </row>
    <row r="1149" spans="1:251" s="50" customFormat="1" ht="18.75" customHeight="1">
      <c r="A1149" s="34"/>
      <c r="B1149" s="47"/>
      <c r="C1149" s="130"/>
      <c r="D1149" s="130"/>
      <c r="E1149" s="130"/>
      <c r="F1149" s="130"/>
      <c r="G1149" s="130"/>
      <c r="H1149" s="130"/>
      <c r="I1149" s="130"/>
      <c r="J1149" s="130"/>
      <c r="K1149" s="130"/>
      <c r="L1149" s="130"/>
      <c r="M1149" s="130"/>
      <c r="N1149" s="130"/>
      <c r="O1149" s="130"/>
      <c r="P1149" s="130"/>
      <c r="Q1149" s="130"/>
      <c r="R1149" s="130"/>
      <c r="S1149" s="130"/>
      <c r="T1149" s="130"/>
      <c r="U1149" s="130"/>
      <c r="V1149" s="130"/>
      <c r="W1149" s="130"/>
      <c r="X1149" s="130"/>
      <c r="Y1149" s="130"/>
      <c r="Z1149" s="52"/>
      <c r="AA1149" s="132"/>
      <c r="AB1149" s="200"/>
      <c r="AC1149" s="200"/>
      <c r="AD1149" s="200"/>
      <c r="AE1149" s="200"/>
      <c r="AF1149" s="200"/>
      <c r="AG1149" s="200"/>
      <c r="AH1149" s="200"/>
      <c r="AI1149" s="201"/>
      <c r="AJ1149" s="132"/>
      <c r="AK1149" s="196"/>
      <c r="AL1149" s="196"/>
      <c r="AM1149" s="196"/>
      <c r="AN1149" s="196"/>
      <c r="AO1149" s="196"/>
      <c r="AP1149" s="196"/>
      <c r="AQ1149" s="196"/>
      <c r="AR1149" s="197"/>
      <c r="AS1149" s="132"/>
      <c r="AT1149" s="196"/>
      <c r="AU1149" s="196"/>
      <c r="AV1149" s="196"/>
      <c r="AW1149" s="196"/>
      <c r="AX1149" s="202"/>
      <c r="AY1149" s="23"/>
      <c r="AZ1149" s="23"/>
      <c r="BA1149" s="23"/>
      <c r="BB1149" s="23"/>
      <c r="BC1149" s="23"/>
      <c r="BD1149" s="23"/>
      <c r="BE1149" s="23"/>
      <c r="BF1149" s="23"/>
      <c r="BG1149" s="23"/>
      <c r="BH1149" s="23"/>
      <c r="BI1149" s="23"/>
      <c r="BJ1149" s="23"/>
      <c r="BK1149" s="23"/>
      <c r="BL1149" s="23"/>
      <c r="BM1149" s="23"/>
      <c r="BN1149" s="23"/>
      <c r="BO1149" s="23"/>
      <c r="BP1149" s="23"/>
      <c r="BQ1149" s="23"/>
      <c r="BR1149" s="23"/>
      <c r="BS1149" s="23"/>
      <c r="BT1149" s="23"/>
      <c r="BU1149" s="23"/>
      <c r="BV1149" s="23"/>
      <c r="BW1149" s="23"/>
      <c r="BX1149" s="23"/>
      <c r="BY1149" s="23"/>
      <c r="BZ1149" s="23"/>
      <c r="CA1149" s="23"/>
      <c r="CB1149" s="23"/>
      <c r="CC1149" s="23"/>
      <c r="CD1149" s="23"/>
      <c r="CE1149" s="23"/>
      <c r="CF1149" s="23"/>
      <c r="CG1149" s="23"/>
      <c r="CH1149" s="23"/>
      <c r="CI1149" s="23"/>
      <c r="CJ1149" s="23"/>
      <c r="CK1149" s="23"/>
      <c r="CL1149" s="23"/>
      <c r="CM1149" s="23"/>
      <c r="CN1149" s="23"/>
      <c r="CO1149" s="23"/>
      <c r="CP1149" s="23"/>
      <c r="CQ1149" s="23"/>
      <c r="CR1149" s="23"/>
      <c r="CS1149" s="23"/>
      <c r="CT1149" s="23"/>
      <c r="CU1149" s="23"/>
      <c r="CV1149" s="23"/>
      <c r="CW1149" s="23"/>
      <c r="CX1149" s="23"/>
      <c r="CY1149" s="23"/>
      <c r="CZ1149" s="23"/>
      <c r="DA1149" s="23"/>
      <c r="DB1149" s="23"/>
      <c r="DC1149" s="23"/>
      <c r="DD1149" s="23"/>
      <c r="DE1149" s="23"/>
      <c r="DF1149" s="23"/>
      <c r="DG1149" s="23"/>
      <c r="DH1149" s="23"/>
      <c r="DI1149" s="23"/>
      <c r="DJ1149" s="23"/>
      <c r="DK1149" s="23"/>
      <c r="DL1149" s="23"/>
      <c r="DM1149" s="23"/>
      <c r="DN1149" s="23"/>
      <c r="DO1149" s="23"/>
      <c r="DP1149" s="23"/>
      <c r="DQ1149" s="23"/>
      <c r="DR1149" s="23"/>
      <c r="DS1149" s="23"/>
      <c r="DT1149" s="23"/>
      <c r="DU1149" s="23"/>
      <c r="DV1149" s="23"/>
      <c r="DW1149" s="23"/>
      <c r="DX1149" s="23"/>
      <c r="DY1149" s="23"/>
      <c r="DZ1149" s="23"/>
      <c r="EA1149" s="23"/>
      <c r="EB1149" s="23"/>
      <c r="EC1149" s="23"/>
      <c r="ED1149" s="23"/>
      <c r="EE1149" s="23"/>
      <c r="EF1149" s="23"/>
      <c r="EG1149" s="23"/>
      <c r="EH1149" s="23"/>
      <c r="EI1149" s="23"/>
      <c r="EJ1149" s="23"/>
      <c r="EK1149" s="23"/>
      <c r="EL1149" s="23"/>
      <c r="EM1149" s="23"/>
      <c r="EN1149" s="23"/>
      <c r="EO1149" s="23"/>
      <c r="EP1149" s="23"/>
      <c r="EQ1149" s="23"/>
      <c r="ER1149" s="23"/>
      <c r="ES1149" s="23"/>
      <c r="ET1149" s="23"/>
      <c r="EU1149" s="23"/>
      <c r="EV1149" s="23"/>
      <c r="EW1149" s="23"/>
      <c r="EX1149" s="23"/>
      <c r="EY1149" s="23"/>
      <c r="EZ1149" s="23"/>
      <c r="FA1149" s="23"/>
      <c r="FB1149" s="23"/>
      <c r="FC1149" s="23"/>
      <c r="FD1149" s="23"/>
      <c r="FE1149" s="23"/>
      <c r="FF1149" s="23"/>
      <c r="FG1149" s="23"/>
      <c r="FH1149" s="23"/>
      <c r="FI1149" s="23"/>
      <c r="FJ1149" s="23"/>
      <c r="FK1149" s="23"/>
      <c r="FL1149" s="23"/>
      <c r="FM1149" s="23"/>
      <c r="FN1149" s="23"/>
      <c r="FO1149" s="23"/>
      <c r="FP1149" s="23"/>
      <c r="FQ1149" s="23"/>
      <c r="FR1149" s="23"/>
      <c r="FS1149" s="23"/>
      <c r="FT1149" s="23"/>
      <c r="FU1149" s="23"/>
      <c r="FV1149" s="23"/>
      <c r="FW1149" s="23"/>
      <c r="FX1149" s="23"/>
      <c r="FY1149" s="23"/>
      <c r="FZ1149" s="23"/>
      <c r="GA1149" s="23"/>
      <c r="GB1149" s="23"/>
      <c r="GC1149" s="23"/>
      <c r="GD1149" s="23"/>
      <c r="GE1149" s="23"/>
      <c r="GF1149" s="23"/>
      <c r="GG1149" s="23"/>
      <c r="GH1149" s="23"/>
      <c r="GI1149" s="23"/>
      <c r="GJ1149" s="23"/>
      <c r="GK1149" s="23"/>
      <c r="GL1149" s="23"/>
      <c r="GM1149" s="23"/>
      <c r="GN1149" s="23"/>
      <c r="GO1149" s="23"/>
      <c r="GP1149" s="23"/>
      <c r="GQ1149" s="23"/>
      <c r="GR1149" s="23"/>
      <c r="GS1149" s="23"/>
      <c r="GT1149" s="23"/>
      <c r="GU1149" s="23"/>
      <c r="GV1149" s="23"/>
      <c r="GW1149" s="23"/>
      <c r="GX1149" s="23"/>
      <c r="GY1149" s="23"/>
      <c r="GZ1149" s="23"/>
      <c r="HA1149" s="23"/>
      <c r="HB1149" s="23"/>
      <c r="HC1149" s="23"/>
      <c r="HD1149" s="23"/>
      <c r="HE1149" s="23"/>
      <c r="HF1149" s="23"/>
      <c r="HG1149" s="23"/>
      <c r="HH1149" s="23"/>
      <c r="HI1149" s="23"/>
      <c r="HJ1149" s="23"/>
      <c r="HK1149" s="23"/>
      <c r="HL1149" s="23"/>
      <c r="HM1149" s="23"/>
      <c r="HN1149" s="23"/>
      <c r="HO1149" s="23"/>
      <c r="HP1149" s="23"/>
      <c r="HQ1149" s="23"/>
      <c r="HR1149" s="23"/>
      <c r="HS1149" s="23"/>
      <c r="HT1149" s="23"/>
      <c r="HU1149" s="23"/>
      <c r="HV1149" s="23"/>
      <c r="HW1149" s="23"/>
      <c r="HX1149" s="23"/>
      <c r="HY1149" s="23"/>
      <c r="HZ1149" s="23"/>
      <c r="IA1149" s="23"/>
      <c r="IB1149" s="23"/>
      <c r="IC1149" s="23"/>
      <c r="ID1149" s="23"/>
      <c r="IE1149" s="23"/>
      <c r="IF1149" s="23"/>
      <c r="IG1149" s="23"/>
      <c r="IH1149" s="23"/>
      <c r="II1149" s="23"/>
      <c r="IJ1149" s="23"/>
      <c r="IK1149" s="23"/>
      <c r="IL1149" s="23"/>
      <c r="IM1149" s="23"/>
      <c r="IN1149" s="23"/>
      <c r="IO1149" s="23"/>
      <c r="IP1149" s="23"/>
      <c r="IQ1149" s="23"/>
    </row>
    <row r="1150" spans="1:251" s="50" customFormat="1" ht="18.75" customHeight="1">
      <c r="A1150" s="34"/>
      <c r="B1150" s="47"/>
      <c r="C1150" s="130"/>
      <c r="D1150" s="130"/>
      <c r="E1150" s="130"/>
      <c r="F1150" s="130"/>
      <c r="G1150" s="130"/>
      <c r="H1150" s="130"/>
      <c r="I1150" s="130"/>
      <c r="J1150" s="130"/>
      <c r="K1150" s="130"/>
      <c r="L1150" s="130"/>
      <c r="M1150" s="130"/>
      <c r="N1150" s="130"/>
      <c r="O1150" s="130"/>
      <c r="P1150" s="130"/>
      <c r="Q1150" s="130"/>
      <c r="R1150" s="130"/>
      <c r="S1150" s="130"/>
      <c r="T1150" s="130"/>
      <c r="U1150" s="130"/>
      <c r="V1150" s="130"/>
      <c r="W1150" s="130"/>
      <c r="X1150" s="130"/>
      <c r="Y1150" s="130"/>
      <c r="Z1150" s="52"/>
      <c r="AA1150" s="132"/>
      <c r="AB1150" s="200"/>
      <c r="AC1150" s="200"/>
      <c r="AD1150" s="200"/>
      <c r="AE1150" s="200"/>
      <c r="AF1150" s="200"/>
      <c r="AG1150" s="200"/>
      <c r="AH1150" s="200"/>
      <c r="AI1150" s="201"/>
      <c r="AJ1150" s="132"/>
      <c r="AK1150" s="196"/>
      <c r="AL1150" s="196"/>
      <c r="AM1150" s="196"/>
      <c r="AN1150" s="196"/>
      <c r="AO1150" s="196"/>
      <c r="AP1150" s="196"/>
      <c r="AQ1150" s="196"/>
      <c r="AR1150" s="197"/>
      <c r="AS1150" s="132"/>
      <c r="AT1150" s="196"/>
      <c r="AU1150" s="196"/>
      <c r="AV1150" s="196"/>
      <c r="AW1150" s="196"/>
      <c r="AX1150" s="202"/>
      <c r="AY1150" s="23"/>
      <c r="AZ1150" s="23"/>
      <c r="BA1150" s="23"/>
      <c r="BB1150" s="23"/>
      <c r="BC1150" s="23"/>
      <c r="BD1150" s="23"/>
      <c r="BE1150" s="23"/>
      <c r="BF1150" s="23"/>
      <c r="BG1150" s="23"/>
      <c r="BH1150" s="23"/>
      <c r="BI1150" s="23"/>
      <c r="BJ1150" s="23"/>
      <c r="BK1150" s="23"/>
      <c r="BL1150" s="23"/>
      <c r="BM1150" s="23"/>
      <c r="BN1150" s="23"/>
      <c r="BO1150" s="23"/>
      <c r="BP1150" s="23"/>
      <c r="BQ1150" s="23"/>
      <c r="BR1150" s="23"/>
      <c r="BS1150" s="23"/>
      <c r="BT1150" s="23"/>
      <c r="BU1150" s="23"/>
      <c r="BV1150" s="23"/>
      <c r="BW1150" s="23"/>
      <c r="BX1150" s="23"/>
      <c r="BY1150" s="23"/>
      <c r="BZ1150" s="23"/>
      <c r="CA1150" s="23"/>
      <c r="CB1150" s="23"/>
      <c r="CC1150" s="23"/>
      <c r="CD1150" s="23"/>
      <c r="CE1150" s="23"/>
      <c r="CF1150" s="23"/>
      <c r="CG1150" s="23"/>
      <c r="CH1150" s="23"/>
      <c r="CI1150" s="23"/>
      <c r="CJ1150" s="23"/>
      <c r="CK1150" s="23"/>
      <c r="CL1150" s="23"/>
      <c r="CM1150" s="23"/>
      <c r="CN1150" s="23"/>
      <c r="CO1150" s="23"/>
      <c r="CP1150" s="23"/>
      <c r="CQ1150" s="23"/>
      <c r="CR1150" s="23"/>
      <c r="CS1150" s="23"/>
      <c r="CT1150" s="23"/>
      <c r="CU1150" s="23"/>
      <c r="CV1150" s="23"/>
      <c r="CW1150" s="23"/>
      <c r="CX1150" s="23"/>
      <c r="CY1150" s="23"/>
      <c r="CZ1150" s="23"/>
      <c r="DA1150" s="23"/>
      <c r="DB1150" s="23"/>
      <c r="DC1150" s="23"/>
      <c r="DD1150" s="23"/>
      <c r="DE1150" s="23"/>
      <c r="DF1150" s="23"/>
      <c r="DG1150" s="23"/>
      <c r="DH1150" s="23"/>
      <c r="DI1150" s="23"/>
      <c r="DJ1150" s="23"/>
      <c r="DK1150" s="23"/>
      <c r="DL1150" s="23"/>
      <c r="DM1150" s="23"/>
      <c r="DN1150" s="23"/>
      <c r="DO1150" s="23"/>
      <c r="DP1150" s="23"/>
      <c r="DQ1150" s="23"/>
      <c r="DR1150" s="23"/>
      <c r="DS1150" s="23"/>
      <c r="DT1150" s="23"/>
      <c r="DU1150" s="23"/>
      <c r="DV1150" s="23"/>
      <c r="DW1150" s="23"/>
      <c r="DX1150" s="23"/>
      <c r="DY1150" s="23"/>
      <c r="DZ1150" s="23"/>
      <c r="EA1150" s="23"/>
      <c r="EB1150" s="23"/>
      <c r="EC1150" s="23"/>
      <c r="ED1150" s="23"/>
      <c r="EE1150" s="23"/>
      <c r="EF1150" s="23"/>
      <c r="EG1150" s="23"/>
      <c r="EH1150" s="23"/>
      <c r="EI1150" s="23"/>
      <c r="EJ1150" s="23"/>
      <c r="EK1150" s="23"/>
      <c r="EL1150" s="23"/>
      <c r="EM1150" s="23"/>
      <c r="EN1150" s="23"/>
      <c r="EO1150" s="23"/>
      <c r="EP1150" s="23"/>
      <c r="EQ1150" s="23"/>
      <c r="ER1150" s="23"/>
      <c r="ES1150" s="23"/>
      <c r="ET1150" s="23"/>
      <c r="EU1150" s="23"/>
      <c r="EV1150" s="23"/>
      <c r="EW1150" s="23"/>
      <c r="EX1150" s="23"/>
      <c r="EY1150" s="23"/>
      <c r="EZ1150" s="23"/>
      <c r="FA1150" s="23"/>
      <c r="FB1150" s="23"/>
      <c r="FC1150" s="23"/>
      <c r="FD1150" s="23"/>
      <c r="FE1150" s="23"/>
      <c r="FF1150" s="23"/>
      <c r="FG1150" s="23"/>
      <c r="FH1150" s="23"/>
      <c r="FI1150" s="23"/>
      <c r="FJ1150" s="23"/>
      <c r="FK1150" s="23"/>
      <c r="FL1150" s="23"/>
      <c r="FM1150" s="23"/>
      <c r="FN1150" s="23"/>
      <c r="FO1150" s="23"/>
      <c r="FP1150" s="23"/>
      <c r="FQ1150" s="23"/>
      <c r="FR1150" s="23"/>
      <c r="FS1150" s="23"/>
      <c r="FT1150" s="23"/>
      <c r="FU1150" s="23"/>
      <c r="FV1150" s="23"/>
      <c r="FW1150" s="23"/>
      <c r="FX1150" s="23"/>
      <c r="FY1150" s="23"/>
      <c r="FZ1150" s="23"/>
      <c r="GA1150" s="23"/>
      <c r="GB1150" s="23"/>
      <c r="GC1150" s="23"/>
      <c r="GD1150" s="23"/>
      <c r="GE1150" s="23"/>
      <c r="GF1150" s="23"/>
      <c r="GG1150" s="23"/>
      <c r="GH1150" s="23"/>
      <c r="GI1150" s="23"/>
      <c r="GJ1150" s="23"/>
      <c r="GK1150" s="23"/>
      <c r="GL1150" s="23"/>
      <c r="GM1150" s="23"/>
      <c r="GN1150" s="23"/>
      <c r="GO1150" s="23"/>
      <c r="GP1150" s="23"/>
      <c r="GQ1150" s="23"/>
      <c r="GR1150" s="23"/>
      <c r="GS1150" s="23"/>
      <c r="GT1150" s="23"/>
      <c r="GU1150" s="23"/>
      <c r="GV1150" s="23"/>
      <c r="GW1150" s="23"/>
      <c r="GX1150" s="23"/>
      <c r="GY1150" s="23"/>
      <c r="GZ1150" s="23"/>
      <c r="HA1150" s="23"/>
      <c r="HB1150" s="23"/>
      <c r="HC1150" s="23"/>
      <c r="HD1150" s="23"/>
      <c r="HE1150" s="23"/>
      <c r="HF1150" s="23"/>
      <c r="HG1150" s="23"/>
      <c r="HH1150" s="23"/>
      <c r="HI1150" s="23"/>
      <c r="HJ1150" s="23"/>
      <c r="HK1150" s="23"/>
      <c r="HL1150" s="23"/>
      <c r="HM1150" s="23"/>
      <c r="HN1150" s="23"/>
      <c r="HO1150" s="23"/>
      <c r="HP1150" s="23"/>
      <c r="HQ1150" s="23"/>
      <c r="HR1150" s="23"/>
      <c r="HS1150" s="23"/>
      <c r="HT1150" s="23"/>
      <c r="HU1150" s="23"/>
      <c r="HV1150" s="23"/>
      <c r="HW1150" s="23"/>
      <c r="HX1150" s="23"/>
      <c r="HY1150" s="23"/>
      <c r="HZ1150" s="23"/>
      <c r="IA1150" s="23"/>
      <c r="IB1150" s="23"/>
      <c r="IC1150" s="23"/>
      <c r="ID1150" s="23"/>
      <c r="IE1150" s="23"/>
      <c r="IF1150" s="23"/>
      <c r="IG1150" s="23"/>
      <c r="IH1150" s="23"/>
      <c r="II1150" s="23"/>
      <c r="IJ1150" s="23"/>
      <c r="IK1150" s="23"/>
      <c r="IL1150" s="23"/>
      <c r="IM1150" s="23"/>
      <c r="IN1150" s="23"/>
      <c r="IO1150" s="23"/>
      <c r="IP1150" s="23"/>
      <c r="IQ1150" s="23"/>
    </row>
    <row r="1151" spans="1:251" s="50" customFormat="1" ht="18.75" customHeight="1">
      <c r="A1151" s="34"/>
      <c r="B1151" s="48"/>
      <c r="C1151" s="130"/>
      <c r="D1151" s="130"/>
      <c r="E1151" s="130"/>
      <c r="F1151" s="130"/>
      <c r="G1151" s="130"/>
      <c r="H1151" s="130"/>
      <c r="I1151" s="130"/>
      <c r="J1151" s="130"/>
      <c r="K1151" s="130"/>
      <c r="L1151" s="130"/>
      <c r="M1151" s="130"/>
      <c r="N1151" s="130"/>
      <c r="O1151" s="130"/>
      <c r="P1151" s="130"/>
      <c r="Q1151" s="130"/>
      <c r="R1151" s="130"/>
      <c r="S1151" s="130"/>
      <c r="T1151" s="130"/>
      <c r="U1151" s="130"/>
      <c r="V1151" s="130"/>
      <c r="W1151" s="130"/>
      <c r="X1151" s="130"/>
      <c r="Y1151" s="130"/>
      <c r="Z1151" s="53"/>
      <c r="AA1151" s="132"/>
      <c r="AB1151" s="200"/>
      <c r="AC1151" s="200"/>
      <c r="AD1151" s="200"/>
      <c r="AE1151" s="200"/>
      <c r="AF1151" s="200"/>
      <c r="AG1151" s="200"/>
      <c r="AH1151" s="200"/>
      <c r="AI1151" s="201"/>
      <c r="AJ1151" s="132"/>
      <c r="AK1151" s="196"/>
      <c r="AL1151" s="196"/>
      <c r="AM1151" s="196"/>
      <c r="AN1151" s="196"/>
      <c r="AO1151" s="196"/>
      <c r="AP1151" s="196"/>
      <c r="AQ1151" s="196"/>
      <c r="AR1151" s="197"/>
      <c r="AS1151" s="136"/>
      <c r="AT1151" s="198"/>
      <c r="AU1151" s="198"/>
      <c r="AV1151" s="198"/>
      <c r="AW1151" s="198"/>
      <c r="AX1151" s="199"/>
      <c r="AY1151" s="23"/>
      <c r="AZ1151" s="23"/>
      <c r="BA1151" s="23"/>
      <c r="BB1151" s="23"/>
      <c r="BC1151" s="23"/>
      <c r="BD1151" s="23"/>
      <c r="BE1151" s="23"/>
      <c r="BF1151" s="23"/>
      <c r="BG1151" s="23"/>
      <c r="BH1151" s="23"/>
      <c r="BI1151" s="23"/>
      <c r="BJ1151" s="23"/>
      <c r="BK1151" s="23"/>
      <c r="BL1151" s="23"/>
      <c r="BM1151" s="23"/>
      <c r="BN1151" s="23"/>
      <c r="BO1151" s="23"/>
      <c r="BP1151" s="23"/>
      <c r="BQ1151" s="23"/>
      <c r="BR1151" s="23"/>
      <c r="BS1151" s="23"/>
      <c r="BT1151" s="23"/>
      <c r="BU1151" s="23"/>
      <c r="BV1151" s="23"/>
      <c r="BW1151" s="23"/>
      <c r="BX1151" s="23"/>
      <c r="BY1151" s="23"/>
      <c r="BZ1151" s="23"/>
      <c r="CA1151" s="23"/>
      <c r="CB1151" s="23"/>
      <c r="CC1151" s="23"/>
      <c r="CD1151" s="23"/>
      <c r="CE1151" s="23"/>
      <c r="CF1151" s="23"/>
      <c r="CG1151" s="23"/>
      <c r="CH1151" s="23"/>
      <c r="CI1151" s="23"/>
      <c r="CJ1151" s="23"/>
      <c r="CK1151" s="23"/>
      <c r="CL1151" s="23"/>
      <c r="CM1151" s="23"/>
      <c r="CN1151" s="23"/>
      <c r="CO1151" s="23"/>
      <c r="CP1151" s="23"/>
      <c r="CQ1151" s="23"/>
      <c r="CR1151" s="23"/>
      <c r="CS1151" s="23"/>
      <c r="CT1151" s="23"/>
      <c r="CU1151" s="23"/>
      <c r="CV1151" s="23"/>
      <c r="CW1151" s="23"/>
      <c r="CX1151" s="23"/>
      <c r="CY1151" s="23"/>
      <c r="CZ1151" s="23"/>
      <c r="DA1151" s="23"/>
      <c r="DB1151" s="23"/>
      <c r="DC1151" s="23"/>
      <c r="DD1151" s="23"/>
      <c r="DE1151" s="23"/>
      <c r="DF1151" s="23"/>
      <c r="DG1151" s="23"/>
      <c r="DH1151" s="23"/>
      <c r="DI1151" s="23"/>
      <c r="DJ1151" s="23"/>
      <c r="DK1151" s="23"/>
      <c r="DL1151" s="23"/>
      <c r="DM1151" s="23"/>
      <c r="DN1151" s="23"/>
      <c r="DO1151" s="23"/>
      <c r="DP1151" s="23"/>
      <c r="DQ1151" s="23"/>
      <c r="DR1151" s="23"/>
      <c r="DS1151" s="23"/>
      <c r="DT1151" s="23"/>
      <c r="DU1151" s="23"/>
      <c r="DV1151" s="23"/>
      <c r="DW1151" s="23"/>
      <c r="DX1151" s="23"/>
      <c r="DY1151" s="23"/>
      <c r="DZ1151" s="23"/>
      <c r="EA1151" s="23"/>
      <c r="EB1151" s="23"/>
      <c r="EC1151" s="23"/>
      <c r="ED1151" s="23"/>
      <c r="EE1151" s="23"/>
      <c r="EF1151" s="23"/>
      <c r="EG1151" s="23"/>
      <c r="EH1151" s="23"/>
      <c r="EI1151" s="23"/>
      <c r="EJ1151" s="23"/>
      <c r="EK1151" s="23"/>
      <c r="EL1151" s="23"/>
      <c r="EM1151" s="23"/>
      <c r="EN1151" s="23"/>
      <c r="EO1151" s="23"/>
      <c r="EP1151" s="23"/>
      <c r="EQ1151" s="23"/>
      <c r="ER1151" s="23"/>
      <c r="ES1151" s="23"/>
      <c r="ET1151" s="23"/>
      <c r="EU1151" s="23"/>
      <c r="EV1151" s="23"/>
      <c r="EW1151" s="23"/>
      <c r="EX1151" s="23"/>
      <c r="EY1151" s="23"/>
      <c r="EZ1151" s="23"/>
      <c r="FA1151" s="23"/>
      <c r="FB1151" s="23"/>
      <c r="FC1151" s="23"/>
      <c r="FD1151" s="23"/>
      <c r="FE1151" s="23"/>
      <c r="FF1151" s="23"/>
      <c r="FG1151" s="23"/>
      <c r="FH1151" s="23"/>
      <c r="FI1151" s="23"/>
      <c r="FJ1151" s="23"/>
      <c r="FK1151" s="23"/>
      <c r="FL1151" s="23"/>
      <c r="FM1151" s="23"/>
      <c r="FN1151" s="23"/>
      <c r="FO1151" s="23"/>
      <c r="FP1151" s="23"/>
      <c r="FQ1151" s="23"/>
      <c r="FR1151" s="23"/>
      <c r="FS1151" s="23"/>
      <c r="FT1151" s="23"/>
      <c r="FU1151" s="23"/>
      <c r="FV1151" s="23"/>
      <c r="FW1151" s="23"/>
      <c r="FX1151" s="23"/>
      <c r="FY1151" s="23"/>
      <c r="FZ1151" s="23"/>
      <c r="GA1151" s="23"/>
      <c r="GB1151" s="23"/>
      <c r="GC1151" s="23"/>
      <c r="GD1151" s="23"/>
      <c r="GE1151" s="23"/>
      <c r="GF1151" s="23"/>
      <c r="GG1151" s="23"/>
      <c r="GH1151" s="23"/>
      <c r="GI1151" s="23"/>
      <c r="GJ1151" s="23"/>
      <c r="GK1151" s="23"/>
      <c r="GL1151" s="23"/>
      <c r="GM1151" s="23"/>
      <c r="GN1151" s="23"/>
      <c r="GO1151" s="23"/>
      <c r="GP1151" s="23"/>
      <c r="GQ1151" s="23"/>
      <c r="GR1151" s="23"/>
      <c r="GS1151" s="23"/>
      <c r="GT1151" s="23"/>
      <c r="GU1151" s="23"/>
      <c r="GV1151" s="23"/>
      <c r="GW1151" s="23"/>
      <c r="GX1151" s="23"/>
      <c r="GY1151" s="23"/>
      <c r="GZ1151" s="23"/>
      <c r="HA1151" s="23"/>
      <c r="HB1151" s="23"/>
      <c r="HC1151" s="23"/>
      <c r="HD1151" s="23"/>
      <c r="HE1151" s="23"/>
      <c r="HF1151" s="23"/>
      <c r="HG1151" s="23"/>
      <c r="HH1151" s="23"/>
      <c r="HI1151" s="23"/>
      <c r="HJ1151" s="23"/>
      <c r="HK1151" s="23"/>
      <c r="HL1151" s="23"/>
      <c r="HM1151" s="23"/>
      <c r="HN1151" s="23"/>
      <c r="HO1151" s="23"/>
      <c r="HP1151" s="23"/>
      <c r="HQ1151" s="23"/>
      <c r="HR1151" s="23"/>
      <c r="HS1151" s="23"/>
      <c r="HT1151" s="23"/>
      <c r="HU1151" s="23"/>
      <c r="HV1151" s="23"/>
      <c r="HW1151" s="23"/>
      <c r="HX1151" s="23"/>
      <c r="HY1151" s="23"/>
      <c r="HZ1151" s="23"/>
      <c r="IA1151" s="23"/>
      <c r="IB1151" s="23"/>
      <c r="IC1151" s="23"/>
      <c r="ID1151" s="23"/>
      <c r="IE1151" s="23"/>
      <c r="IF1151" s="23"/>
      <c r="IG1151" s="23"/>
      <c r="IH1151" s="23"/>
      <c r="II1151" s="23"/>
      <c r="IJ1151" s="23"/>
      <c r="IK1151" s="23"/>
      <c r="IL1151" s="23"/>
      <c r="IM1151" s="23"/>
      <c r="IN1151" s="23"/>
      <c r="IO1151" s="23"/>
      <c r="IP1151" s="23"/>
      <c r="IQ1151" s="23"/>
    </row>
    <row r="1152" spans="1:251" s="50" customFormat="1" ht="18.75" customHeight="1">
      <c r="A1152" s="34"/>
      <c r="B1152" s="47"/>
      <c r="C1152" s="130"/>
      <c r="D1152" s="130"/>
      <c r="E1152" s="130"/>
      <c r="F1152" s="130"/>
      <c r="G1152" s="130"/>
      <c r="H1152" s="130"/>
      <c r="I1152" s="130"/>
      <c r="J1152" s="130"/>
      <c r="K1152" s="130"/>
      <c r="L1152" s="130"/>
      <c r="M1152" s="130"/>
      <c r="N1152" s="130"/>
      <c r="O1152" s="130"/>
      <c r="P1152" s="130"/>
      <c r="Q1152" s="130"/>
      <c r="R1152" s="130"/>
      <c r="S1152" s="130"/>
      <c r="T1152" s="130"/>
      <c r="U1152" s="130"/>
      <c r="V1152" s="130"/>
      <c r="W1152" s="130"/>
      <c r="X1152" s="130"/>
      <c r="Y1152" s="130"/>
      <c r="Z1152" s="52"/>
      <c r="AA1152" s="132"/>
      <c r="AB1152" s="200"/>
      <c r="AC1152" s="200"/>
      <c r="AD1152" s="200"/>
      <c r="AE1152" s="200"/>
      <c r="AF1152" s="200"/>
      <c r="AG1152" s="200"/>
      <c r="AH1152" s="200"/>
      <c r="AI1152" s="201"/>
      <c r="AJ1152" s="132"/>
      <c r="AK1152" s="196"/>
      <c r="AL1152" s="196"/>
      <c r="AM1152" s="196"/>
      <c r="AN1152" s="196"/>
      <c r="AO1152" s="196"/>
      <c r="AP1152" s="196"/>
      <c r="AQ1152" s="196"/>
      <c r="AR1152" s="197"/>
      <c r="AS1152" s="132"/>
      <c r="AT1152" s="196"/>
      <c r="AU1152" s="196"/>
      <c r="AV1152" s="196"/>
      <c r="AW1152" s="196"/>
      <c r="AX1152" s="202"/>
      <c r="AY1152" s="23"/>
      <c r="AZ1152" s="23"/>
      <c r="BA1152" s="23"/>
      <c r="BB1152" s="23"/>
      <c r="BC1152" s="23"/>
      <c r="BD1152" s="23"/>
      <c r="BE1152" s="23"/>
      <c r="BF1152" s="23"/>
      <c r="BG1152" s="23"/>
      <c r="BH1152" s="23"/>
      <c r="BI1152" s="23"/>
      <c r="BJ1152" s="23"/>
      <c r="BK1152" s="23"/>
      <c r="BL1152" s="23"/>
      <c r="BM1152" s="23"/>
      <c r="BN1152" s="23"/>
      <c r="BO1152" s="23"/>
      <c r="BP1152" s="23"/>
      <c r="BQ1152" s="23"/>
      <c r="BR1152" s="23"/>
      <c r="BS1152" s="23"/>
      <c r="BT1152" s="23"/>
      <c r="BU1152" s="23"/>
      <c r="BV1152" s="23"/>
      <c r="BW1152" s="23"/>
      <c r="BX1152" s="23"/>
      <c r="BY1152" s="23"/>
      <c r="BZ1152" s="23"/>
      <c r="CA1152" s="23"/>
      <c r="CB1152" s="23"/>
      <c r="CC1152" s="23"/>
      <c r="CD1152" s="23"/>
      <c r="CE1152" s="23"/>
      <c r="CF1152" s="23"/>
      <c r="CG1152" s="23"/>
      <c r="CH1152" s="23"/>
      <c r="CI1152" s="23"/>
      <c r="CJ1152" s="23"/>
      <c r="CK1152" s="23"/>
      <c r="CL1152" s="23"/>
      <c r="CM1152" s="23"/>
      <c r="CN1152" s="23"/>
      <c r="CO1152" s="23"/>
      <c r="CP1152" s="23"/>
      <c r="CQ1152" s="23"/>
      <c r="CR1152" s="23"/>
      <c r="CS1152" s="23"/>
      <c r="CT1152" s="23"/>
      <c r="CU1152" s="23"/>
      <c r="CV1152" s="23"/>
      <c r="CW1152" s="23"/>
      <c r="CX1152" s="23"/>
      <c r="CY1152" s="23"/>
      <c r="CZ1152" s="23"/>
      <c r="DA1152" s="23"/>
      <c r="DB1152" s="23"/>
      <c r="DC1152" s="23"/>
      <c r="DD1152" s="23"/>
      <c r="DE1152" s="23"/>
      <c r="DF1152" s="23"/>
      <c r="DG1152" s="23"/>
      <c r="DH1152" s="23"/>
      <c r="DI1152" s="23"/>
      <c r="DJ1152" s="23"/>
      <c r="DK1152" s="23"/>
      <c r="DL1152" s="23"/>
      <c r="DM1152" s="23"/>
      <c r="DN1152" s="23"/>
      <c r="DO1152" s="23"/>
      <c r="DP1152" s="23"/>
      <c r="DQ1152" s="23"/>
      <c r="DR1152" s="23"/>
      <c r="DS1152" s="23"/>
      <c r="DT1152" s="23"/>
      <c r="DU1152" s="23"/>
      <c r="DV1152" s="23"/>
      <c r="DW1152" s="23"/>
      <c r="DX1152" s="23"/>
      <c r="DY1152" s="23"/>
      <c r="DZ1152" s="23"/>
      <c r="EA1152" s="23"/>
      <c r="EB1152" s="23"/>
      <c r="EC1152" s="23"/>
      <c r="ED1152" s="23"/>
      <c r="EE1152" s="23"/>
      <c r="EF1152" s="23"/>
      <c r="EG1152" s="23"/>
      <c r="EH1152" s="23"/>
      <c r="EI1152" s="23"/>
      <c r="EJ1152" s="23"/>
      <c r="EK1152" s="23"/>
      <c r="EL1152" s="23"/>
      <c r="EM1152" s="23"/>
      <c r="EN1152" s="23"/>
      <c r="EO1152" s="23"/>
      <c r="EP1152" s="23"/>
      <c r="EQ1152" s="23"/>
      <c r="ER1152" s="23"/>
      <c r="ES1152" s="23"/>
      <c r="ET1152" s="23"/>
      <c r="EU1152" s="23"/>
      <c r="EV1152" s="23"/>
      <c r="EW1152" s="23"/>
      <c r="EX1152" s="23"/>
      <c r="EY1152" s="23"/>
      <c r="EZ1152" s="23"/>
      <c r="FA1152" s="23"/>
      <c r="FB1152" s="23"/>
      <c r="FC1152" s="23"/>
      <c r="FD1152" s="23"/>
      <c r="FE1152" s="23"/>
      <c r="FF1152" s="23"/>
      <c r="FG1152" s="23"/>
      <c r="FH1152" s="23"/>
      <c r="FI1152" s="23"/>
      <c r="FJ1152" s="23"/>
      <c r="FK1152" s="23"/>
      <c r="FL1152" s="23"/>
      <c r="FM1152" s="23"/>
      <c r="FN1152" s="23"/>
      <c r="FO1152" s="23"/>
      <c r="FP1152" s="23"/>
      <c r="FQ1152" s="23"/>
      <c r="FR1152" s="23"/>
      <c r="FS1152" s="23"/>
      <c r="FT1152" s="23"/>
      <c r="FU1152" s="23"/>
      <c r="FV1152" s="23"/>
      <c r="FW1152" s="23"/>
      <c r="FX1152" s="23"/>
      <c r="FY1152" s="23"/>
      <c r="FZ1152" s="23"/>
      <c r="GA1152" s="23"/>
      <c r="GB1152" s="23"/>
      <c r="GC1152" s="23"/>
      <c r="GD1152" s="23"/>
      <c r="GE1152" s="23"/>
      <c r="GF1152" s="23"/>
      <c r="GG1152" s="23"/>
      <c r="GH1152" s="23"/>
      <c r="GI1152" s="23"/>
      <c r="GJ1152" s="23"/>
      <c r="GK1152" s="23"/>
      <c r="GL1152" s="23"/>
      <c r="GM1152" s="23"/>
      <c r="GN1152" s="23"/>
      <c r="GO1152" s="23"/>
      <c r="GP1152" s="23"/>
      <c r="GQ1152" s="23"/>
      <c r="GR1152" s="23"/>
      <c r="GS1152" s="23"/>
      <c r="GT1152" s="23"/>
      <c r="GU1152" s="23"/>
      <c r="GV1152" s="23"/>
      <c r="GW1152" s="23"/>
      <c r="GX1152" s="23"/>
      <c r="GY1152" s="23"/>
      <c r="GZ1152" s="23"/>
      <c r="HA1152" s="23"/>
      <c r="HB1152" s="23"/>
      <c r="HC1152" s="23"/>
      <c r="HD1152" s="23"/>
      <c r="HE1152" s="23"/>
      <c r="HF1152" s="23"/>
      <c r="HG1152" s="23"/>
      <c r="HH1152" s="23"/>
      <c r="HI1152" s="23"/>
      <c r="HJ1152" s="23"/>
      <c r="HK1152" s="23"/>
      <c r="HL1152" s="23"/>
      <c r="HM1152" s="23"/>
      <c r="HN1152" s="23"/>
      <c r="HO1152" s="23"/>
      <c r="HP1152" s="23"/>
      <c r="HQ1152" s="23"/>
      <c r="HR1152" s="23"/>
      <c r="HS1152" s="23"/>
      <c r="HT1152" s="23"/>
      <c r="HU1152" s="23"/>
      <c r="HV1152" s="23"/>
      <c r="HW1152" s="23"/>
      <c r="HX1152" s="23"/>
      <c r="HY1152" s="23"/>
      <c r="HZ1152" s="23"/>
      <c r="IA1152" s="23"/>
      <c r="IB1152" s="23"/>
      <c r="IC1152" s="23"/>
      <c r="ID1152" s="23"/>
      <c r="IE1152" s="23"/>
      <c r="IF1152" s="23"/>
      <c r="IG1152" s="23"/>
      <c r="IH1152" s="23"/>
      <c r="II1152" s="23"/>
      <c r="IJ1152" s="23"/>
      <c r="IK1152" s="23"/>
      <c r="IL1152" s="23"/>
      <c r="IM1152" s="23"/>
      <c r="IN1152" s="23"/>
      <c r="IO1152" s="23"/>
      <c r="IP1152" s="23"/>
      <c r="IQ1152" s="23"/>
    </row>
    <row r="1153" spans="1:251" s="50" customFormat="1" ht="18.75" customHeight="1">
      <c r="A1153" s="34"/>
      <c r="B1153" s="48"/>
      <c r="C1153" s="130"/>
      <c r="D1153" s="130"/>
      <c r="E1153" s="130"/>
      <c r="F1153" s="130"/>
      <c r="G1153" s="130"/>
      <c r="H1153" s="130"/>
      <c r="I1153" s="130"/>
      <c r="J1153" s="130"/>
      <c r="K1153" s="130"/>
      <c r="L1153" s="130"/>
      <c r="M1153" s="130"/>
      <c r="N1153" s="130"/>
      <c r="O1153" s="130"/>
      <c r="P1153" s="130"/>
      <c r="Q1153" s="130"/>
      <c r="R1153" s="130"/>
      <c r="S1153" s="130"/>
      <c r="T1153" s="130"/>
      <c r="U1153" s="130"/>
      <c r="V1153" s="130"/>
      <c r="W1153" s="130"/>
      <c r="X1153" s="130"/>
      <c r="Y1153" s="130"/>
      <c r="Z1153" s="54"/>
      <c r="AA1153" s="132"/>
      <c r="AB1153" s="200"/>
      <c r="AC1153" s="200"/>
      <c r="AD1153" s="200"/>
      <c r="AE1153" s="200"/>
      <c r="AF1153" s="200"/>
      <c r="AG1153" s="200"/>
      <c r="AH1153" s="200"/>
      <c r="AI1153" s="201"/>
      <c r="AJ1153" s="132"/>
      <c r="AK1153" s="133"/>
      <c r="AL1153" s="133"/>
      <c r="AM1153" s="133"/>
      <c r="AN1153" s="133"/>
      <c r="AO1153" s="133"/>
      <c r="AP1153" s="133"/>
      <c r="AQ1153" s="133"/>
      <c r="AR1153" s="134"/>
      <c r="AS1153" s="132"/>
      <c r="AT1153" s="196"/>
      <c r="AU1153" s="196"/>
      <c r="AV1153" s="196"/>
      <c r="AW1153" s="196"/>
      <c r="AX1153" s="202"/>
      <c r="AY1153" s="23"/>
      <c r="AZ1153" s="23"/>
      <c r="BA1153" s="23"/>
      <c r="BB1153" s="23"/>
      <c r="BC1153" s="23"/>
      <c r="BD1153" s="23"/>
      <c r="BE1153" s="23"/>
      <c r="BF1153" s="23"/>
      <c r="BG1153" s="23"/>
      <c r="BH1153" s="23"/>
      <c r="BI1153" s="23"/>
      <c r="BJ1153" s="23"/>
      <c r="BK1153" s="23"/>
      <c r="BL1153" s="23"/>
      <c r="BM1153" s="23"/>
      <c r="BN1153" s="23"/>
      <c r="BO1153" s="23"/>
      <c r="BP1153" s="23"/>
      <c r="BQ1153" s="23"/>
      <c r="BR1153" s="23"/>
      <c r="BS1153" s="23"/>
      <c r="BT1153" s="23"/>
      <c r="BU1153" s="23"/>
      <c r="BV1153" s="23"/>
      <c r="BW1153" s="23"/>
      <c r="BX1153" s="23"/>
      <c r="BY1153" s="23"/>
      <c r="BZ1153" s="23"/>
      <c r="CA1153" s="23"/>
      <c r="CB1153" s="23"/>
      <c r="CC1153" s="23"/>
      <c r="CD1153" s="23"/>
      <c r="CE1153" s="23"/>
      <c r="CF1153" s="23"/>
      <c r="CG1153" s="23"/>
      <c r="CH1153" s="23"/>
      <c r="CI1153" s="23"/>
      <c r="CJ1153" s="23"/>
      <c r="CK1153" s="23"/>
      <c r="CL1153" s="23"/>
      <c r="CM1153" s="23"/>
      <c r="CN1153" s="23"/>
      <c r="CO1153" s="23"/>
      <c r="CP1153" s="23"/>
      <c r="CQ1153" s="23"/>
      <c r="CR1153" s="23"/>
      <c r="CS1153" s="23"/>
      <c r="CT1153" s="23"/>
      <c r="CU1153" s="23"/>
      <c r="CV1153" s="23"/>
      <c r="CW1153" s="23"/>
      <c r="CX1153" s="23"/>
      <c r="CY1153" s="23"/>
      <c r="CZ1153" s="23"/>
      <c r="DA1153" s="23"/>
      <c r="DB1153" s="23"/>
      <c r="DC1153" s="23"/>
      <c r="DD1153" s="23"/>
      <c r="DE1153" s="23"/>
      <c r="DF1153" s="23"/>
      <c r="DG1153" s="23"/>
      <c r="DH1153" s="23"/>
      <c r="DI1153" s="23"/>
      <c r="DJ1153" s="23"/>
      <c r="DK1153" s="23"/>
      <c r="DL1153" s="23"/>
      <c r="DM1153" s="23"/>
      <c r="DN1153" s="23"/>
      <c r="DO1153" s="23"/>
      <c r="DP1153" s="23"/>
      <c r="DQ1153" s="23"/>
      <c r="DR1153" s="23"/>
      <c r="DS1153" s="23"/>
      <c r="DT1153" s="23"/>
      <c r="DU1153" s="23"/>
      <c r="DV1153" s="23"/>
      <c r="DW1153" s="23"/>
      <c r="DX1153" s="23"/>
      <c r="DY1153" s="23"/>
      <c r="DZ1153" s="23"/>
      <c r="EA1153" s="23"/>
      <c r="EB1153" s="23"/>
      <c r="EC1153" s="23"/>
      <c r="ED1153" s="23"/>
      <c r="EE1153" s="23"/>
      <c r="EF1153" s="23"/>
      <c r="EG1153" s="23"/>
      <c r="EH1153" s="23"/>
      <c r="EI1153" s="23"/>
      <c r="EJ1153" s="23"/>
      <c r="EK1153" s="23"/>
      <c r="EL1153" s="23"/>
      <c r="EM1153" s="23"/>
      <c r="EN1153" s="23"/>
      <c r="EO1153" s="23"/>
      <c r="EP1153" s="23"/>
      <c r="EQ1153" s="23"/>
      <c r="ER1153" s="23"/>
      <c r="ES1153" s="23"/>
      <c r="ET1153" s="23"/>
      <c r="EU1153" s="23"/>
      <c r="EV1153" s="23"/>
      <c r="EW1153" s="23"/>
      <c r="EX1153" s="23"/>
      <c r="EY1153" s="23"/>
      <c r="EZ1153" s="23"/>
      <c r="FA1153" s="23"/>
      <c r="FB1153" s="23"/>
      <c r="FC1153" s="23"/>
      <c r="FD1153" s="23"/>
      <c r="FE1153" s="23"/>
      <c r="FF1153" s="23"/>
      <c r="FG1153" s="23"/>
      <c r="FH1153" s="23"/>
      <c r="FI1153" s="23"/>
      <c r="FJ1153" s="23"/>
      <c r="FK1153" s="23"/>
      <c r="FL1153" s="23"/>
      <c r="FM1153" s="23"/>
      <c r="FN1153" s="23"/>
      <c r="FO1153" s="23"/>
      <c r="FP1153" s="23"/>
      <c r="FQ1153" s="23"/>
      <c r="FR1153" s="23"/>
      <c r="FS1153" s="23"/>
      <c r="FT1153" s="23"/>
      <c r="FU1153" s="23"/>
      <c r="FV1153" s="23"/>
      <c r="FW1153" s="23"/>
      <c r="FX1153" s="23"/>
      <c r="FY1153" s="23"/>
      <c r="FZ1153" s="23"/>
      <c r="GA1153" s="23"/>
      <c r="GB1153" s="23"/>
      <c r="GC1153" s="23"/>
      <c r="GD1153" s="23"/>
      <c r="GE1153" s="23"/>
      <c r="GF1153" s="23"/>
      <c r="GG1153" s="23"/>
      <c r="GH1153" s="23"/>
      <c r="GI1153" s="23"/>
      <c r="GJ1153" s="23"/>
      <c r="GK1153" s="23"/>
      <c r="GL1153" s="23"/>
      <c r="GM1153" s="23"/>
      <c r="GN1153" s="23"/>
      <c r="GO1153" s="23"/>
      <c r="GP1153" s="23"/>
      <c r="GQ1153" s="23"/>
      <c r="GR1153" s="23"/>
      <c r="GS1153" s="23"/>
      <c r="GT1153" s="23"/>
      <c r="GU1153" s="23"/>
      <c r="GV1153" s="23"/>
      <c r="GW1153" s="23"/>
      <c r="GX1153" s="23"/>
      <c r="GY1153" s="23"/>
      <c r="GZ1153" s="23"/>
      <c r="HA1153" s="23"/>
      <c r="HB1153" s="23"/>
      <c r="HC1153" s="23"/>
      <c r="HD1153" s="23"/>
      <c r="HE1153" s="23"/>
      <c r="HF1153" s="23"/>
      <c r="HG1153" s="23"/>
      <c r="HH1153" s="23"/>
      <c r="HI1153" s="23"/>
      <c r="HJ1153" s="23"/>
      <c r="HK1153" s="23"/>
      <c r="HL1153" s="23"/>
      <c r="HM1153" s="23"/>
      <c r="HN1153" s="23"/>
      <c r="HO1153" s="23"/>
      <c r="HP1153" s="23"/>
      <c r="HQ1153" s="23"/>
      <c r="HR1153" s="23"/>
      <c r="HS1153" s="23"/>
      <c r="HT1153" s="23"/>
      <c r="HU1153" s="23"/>
      <c r="HV1153" s="23"/>
      <c r="HW1153" s="23"/>
      <c r="HX1153" s="23"/>
      <c r="HY1153" s="23"/>
      <c r="HZ1153" s="23"/>
      <c r="IA1153" s="23"/>
      <c r="IB1153" s="23"/>
      <c r="IC1153" s="23"/>
      <c r="ID1153" s="23"/>
      <c r="IE1153" s="23"/>
      <c r="IF1153" s="23"/>
      <c r="IG1153" s="23"/>
      <c r="IH1153" s="23"/>
      <c r="II1153" s="23"/>
      <c r="IJ1153" s="23"/>
      <c r="IK1153" s="23"/>
      <c r="IL1153" s="23"/>
      <c r="IM1153" s="23"/>
      <c r="IN1153" s="23"/>
      <c r="IO1153" s="23"/>
      <c r="IP1153" s="23"/>
      <c r="IQ1153" s="23"/>
    </row>
    <row r="1154" spans="1:251" s="50" customFormat="1" ht="18.75" customHeight="1" thickBot="1">
      <c r="A1154" s="34"/>
      <c r="B1154" s="49"/>
      <c r="C1154" s="158"/>
      <c r="D1154" s="158"/>
      <c r="E1154" s="158"/>
      <c r="F1154" s="158"/>
      <c r="G1154" s="158"/>
      <c r="H1154" s="158"/>
      <c r="I1154" s="158"/>
      <c r="J1154" s="158"/>
      <c r="K1154" s="158"/>
      <c r="L1154" s="158"/>
      <c r="M1154" s="158"/>
      <c r="N1154" s="158"/>
      <c r="O1154" s="158"/>
      <c r="P1154" s="158"/>
      <c r="Q1154" s="158"/>
      <c r="R1154" s="158"/>
      <c r="S1154" s="158"/>
      <c r="T1154" s="158"/>
      <c r="U1154" s="158"/>
      <c r="V1154" s="158"/>
      <c r="W1154" s="158"/>
      <c r="X1154" s="158"/>
      <c r="Y1154" s="158"/>
      <c r="Z1154" s="55"/>
      <c r="AA1154" s="160"/>
      <c r="AB1154" s="211"/>
      <c r="AC1154" s="211"/>
      <c r="AD1154" s="211"/>
      <c r="AE1154" s="211"/>
      <c r="AF1154" s="211"/>
      <c r="AG1154" s="211"/>
      <c r="AH1154" s="211"/>
      <c r="AI1154" s="212"/>
      <c r="AJ1154" s="160"/>
      <c r="AK1154" s="161"/>
      <c r="AL1154" s="161"/>
      <c r="AM1154" s="161"/>
      <c r="AN1154" s="161"/>
      <c r="AO1154" s="161"/>
      <c r="AP1154" s="161"/>
      <c r="AQ1154" s="161"/>
      <c r="AR1154" s="162"/>
      <c r="AS1154" s="188"/>
      <c r="AT1154" s="213"/>
      <c r="AU1154" s="213"/>
      <c r="AV1154" s="213"/>
      <c r="AW1154" s="213"/>
      <c r="AX1154" s="214"/>
      <c r="AY1154" s="23"/>
      <c r="AZ1154" s="23"/>
      <c r="BA1154" s="23"/>
      <c r="BB1154" s="23"/>
      <c r="BC1154" s="23"/>
      <c r="BD1154" s="23"/>
      <c r="BE1154" s="23"/>
      <c r="BF1154" s="23"/>
      <c r="BG1154" s="23"/>
      <c r="BH1154" s="23"/>
      <c r="BI1154" s="23"/>
      <c r="BJ1154" s="23"/>
      <c r="BK1154" s="23"/>
      <c r="BL1154" s="23"/>
      <c r="BM1154" s="23"/>
      <c r="BN1154" s="23"/>
      <c r="BO1154" s="23"/>
      <c r="BP1154" s="23"/>
      <c r="BQ1154" s="23"/>
      <c r="BR1154" s="23"/>
      <c r="BS1154" s="23"/>
      <c r="BT1154" s="23"/>
      <c r="BU1154" s="23"/>
      <c r="BV1154" s="23"/>
      <c r="BW1154" s="23"/>
      <c r="BX1154" s="23"/>
      <c r="BY1154" s="23"/>
      <c r="BZ1154" s="23"/>
      <c r="CA1154" s="23"/>
      <c r="CB1154" s="23"/>
      <c r="CC1154" s="23"/>
      <c r="CD1154" s="23"/>
      <c r="CE1154" s="23"/>
      <c r="CF1154" s="23"/>
      <c r="CG1154" s="23"/>
      <c r="CH1154" s="23"/>
      <c r="CI1154" s="23"/>
      <c r="CJ1154" s="23"/>
      <c r="CK1154" s="23"/>
      <c r="CL1154" s="23"/>
      <c r="CM1154" s="23"/>
      <c r="CN1154" s="23"/>
      <c r="CO1154" s="23"/>
      <c r="CP1154" s="23"/>
      <c r="CQ1154" s="23"/>
      <c r="CR1154" s="23"/>
      <c r="CS1154" s="23"/>
      <c r="CT1154" s="23"/>
      <c r="CU1154" s="23"/>
      <c r="CV1154" s="23"/>
      <c r="CW1154" s="23"/>
      <c r="CX1154" s="23"/>
      <c r="CY1154" s="23"/>
      <c r="CZ1154" s="23"/>
      <c r="DA1154" s="23"/>
      <c r="DB1154" s="23"/>
      <c r="DC1154" s="23"/>
      <c r="DD1154" s="23"/>
      <c r="DE1154" s="23"/>
      <c r="DF1154" s="23"/>
      <c r="DG1154" s="23"/>
      <c r="DH1154" s="23"/>
      <c r="DI1154" s="23"/>
      <c r="DJ1154" s="23"/>
      <c r="DK1154" s="23"/>
      <c r="DL1154" s="23"/>
      <c r="DM1154" s="23"/>
      <c r="DN1154" s="23"/>
      <c r="DO1154" s="23"/>
      <c r="DP1154" s="23"/>
      <c r="DQ1154" s="23"/>
      <c r="DR1154" s="23"/>
      <c r="DS1154" s="23"/>
      <c r="DT1154" s="23"/>
      <c r="DU1154" s="23"/>
      <c r="DV1154" s="23"/>
      <c r="DW1154" s="23"/>
      <c r="DX1154" s="23"/>
      <c r="DY1154" s="23"/>
      <c r="DZ1154" s="23"/>
      <c r="EA1154" s="23"/>
      <c r="EB1154" s="23"/>
      <c r="EC1154" s="23"/>
      <c r="ED1154" s="23"/>
      <c r="EE1154" s="23"/>
      <c r="EF1154" s="23"/>
      <c r="EG1154" s="23"/>
      <c r="EH1154" s="23"/>
      <c r="EI1154" s="23"/>
      <c r="EJ1154" s="23"/>
      <c r="EK1154" s="23"/>
      <c r="EL1154" s="23"/>
      <c r="EM1154" s="23"/>
      <c r="EN1154" s="23"/>
      <c r="EO1154" s="23"/>
      <c r="EP1154" s="23"/>
      <c r="EQ1154" s="23"/>
      <c r="ER1154" s="23"/>
      <c r="ES1154" s="23"/>
      <c r="ET1154" s="23"/>
      <c r="EU1154" s="23"/>
      <c r="EV1154" s="23"/>
      <c r="EW1154" s="23"/>
      <c r="EX1154" s="23"/>
      <c r="EY1154" s="23"/>
      <c r="EZ1154" s="23"/>
      <c r="FA1154" s="23"/>
      <c r="FB1154" s="23"/>
      <c r="FC1154" s="23"/>
      <c r="FD1154" s="23"/>
      <c r="FE1154" s="23"/>
      <c r="FF1154" s="23"/>
      <c r="FG1154" s="23"/>
      <c r="FH1154" s="23"/>
      <c r="FI1154" s="23"/>
      <c r="FJ1154" s="23"/>
      <c r="FK1154" s="23"/>
      <c r="FL1154" s="23"/>
      <c r="FM1154" s="23"/>
      <c r="FN1154" s="23"/>
      <c r="FO1154" s="23"/>
      <c r="FP1154" s="23"/>
      <c r="FQ1154" s="23"/>
      <c r="FR1154" s="23"/>
      <c r="FS1154" s="23"/>
      <c r="FT1154" s="23"/>
      <c r="FU1154" s="23"/>
      <c r="FV1154" s="23"/>
      <c r="FW1154" s="23"/>
      <c r="FX1154" s="23"/>
      <c r="FY1154" s="23"/>
      <c r="FZ1154" s="23"/>
      <c r="GA1154" s="23"/>
      <c r="GB1154" s="23"/>
      <c r="GC1154" s="23"/>
      <c r="GD1154" s="23"/>
      <c r="GE1154" s="23"/>
      <c r="GF1154" s="23"/>
      <c r="GG1154" s="23"/>
      <c r="GH1154" s="23"/>
      <c r="GI1154" s="23"/>
      <c r="GJ1154" s="23"/>
      <c r="GK1154" s="23"/>
      <c r="GL1154" s="23"/>
      <c r="GM1154" s="23"/>
      <c r="GN1154" s="23"/>
      <c r="GO1154" s="23"/>
      <c r="GP1154" s="23"/>
      <c r="GQ1154" s="23"/>
      <c r="GR1154" s="23"/>
      <c r="GS1154" s="23"/>
      <c r="GT1154" s="23"/>
      <c r="GU1154" s="23"/>
      <c r="GV1154" s="23"/>
      <c r="GW1154" s="23"/>
      <c r="GX1154" s="23"/>
      <c r="GY1154" s="23"/>
      <c r="GZ1154" s="23"/>
      <c r="HA1154" s="23"/>
      <c r="HB1154" s="23"/>
      <c r="HC1154" s="23"/>
      <c r="HD1154" s="23"/>
      <c r="HE1154" s="23"/>
      <c r="HF1154" s="23"/>
      <c r="HG1154" s="23"/>
      <c r="HH1154" s="23"/>
      <c r="HI1154" s="23"/>
      <c r="HJ1154" s="23"/>
      <c r="HK1154" s="23"/>
      <c r="HL1154" s="23"/>
      <c r="HM1154" s="23"/>
      <c r="HN1154" s="23"/>
      <c r="HO1154" s="23"/>
      <c r="HP1154" s="23"/>
      <c r="HQ1154" s="23"/>
      <c r="HR1154" s="23"/>
      <c r="HS1154" s="23"/>
      <c r="HT1154" s="23"/>
      <c r="HU1154" s="23"/>
      <c r="HV1154" s="23"/>
      <c r="HW1154" s="23"/>
      <c r="HX1154" s="23"/>
      <c r="HY1154" s="23"/>
      <c r="HZ1154" s="23"/>
      <c r="IA1154" s="23"/>
      <c r="IB1154" s="23"/>
      <c r="IC1154" s="23"/>
      <c r="ID1154" s="23"/>
      <c r="IE1154" s="23"/>
      <c r="IF1154" s="23"/>
      <c r="IG1154" s="23"/>
      <c r="IH1154" s="23"/>
      <c r="II1154" s="23"/>
      <c r="IJ1154" s="23"/>
      <c r="IK1154" s="23"/>
      <c r="IL1154" s="23"/>
      <c r="IM1154" s="23"/>
      <c r="IN1154" s="23"/>
      <c r="IO1154" s="23"/>
      <c r="IP1154" s="23"/>
      <c r="IQ1154" s="23"/>
    </row>
    <row r="1155" spans="1:251" s="50" customFormat="1" ht="18.75" customHeight="1" thickTop="1" thickBot="1">
      <c r="A1155" s="38"/>
      <c r="B1155" s="164" t="s">
        <v>105</v>
      </c>
      <c r="C1155" s="191"/>
      <c r="D1155" s="191"/>
      <c r="E1155" s="191"/>
      <c r="F1155" s="191"/>
      <c r="G1155" s="191"/>
      <c r="H1155" s="191"/>
      <c r="I1155" s="191"/>
      <c r="J1155" s="191"/>
      <c r="K1155" s="191"/>
      <c r="L1155" s="191"/>
      <c r="M1155" s="191"/>
      <c r="N1155" s="191"/>
      <c r="O1155" s="191"/>
      <c r="P1155" s="191"/>
      <c r="Q1155" s="191"/>
      <c r="R1155" s="191"/>
      <c r="S1155" s="191"/>
      <c r="T1155" s="191"/>
      <c r="U1155" s="191"/>
      <c r="V1155" s="191"/>
      <c r="W1155" s="191"/>
      <c r="X1155" s="191"/>
      <c r="Y1155" s="191"/>
      <c r="Z1155" s="192"/>
      <c r="AA1155" s="167">
        <f>SUM(AA1147:AA1154)</f>
        <v>56052</v>
      </c>
      <c r="AB1155" s="215"/>
      <c r="AC1155" s="215"/>
      <c r="AD1155" s="215"/>
      <c r="AE1155" s="215"/>
      <c r="AF1155" s="215"/>
      <c r="AG1155" s="215"/>
      <c r="AH1155" s="215"/>
      <c r="AI1155" s="216"/>
      <c r="AJ1155" s="167">
        <f>SUM(AJ1147:AJ1154)</f>
        <v>87960</v>
      </c>
      <c r="AK1155" s="215"/>
      <c r="AL1155" s="215"/>
      <c r="AM1155" s="215"/>
      <c r="AN1155" s="215"/>
      <c r="AO1155" s="215"/>
      <c r="AP1155" s="215"/>
      <c r="AQ1155" s="215"/>
      <c r="AR1155" s="216"/>
      <c r="AS1155" s="167"/>
      <c r="AT1155" s="215"/>
      <c r="AU1155" s="215"/>
      <c r="AV1155" s="215"/>
      <c r="AW1155" s="215"/>
      <c r="AX1155" s="217"/>
      <c r="AY1155" s="23"/>
      <c r="AZ1155" s="23"/>
      <c r="BA1155" s="23"/>
      <c r="BB1155" s="23"/>
      <c r="BC1155" s="23"/>
      <c r="BD1155" s="23"/>
      <c r="BE1155" s="23"/>
      <c r="BF1155" s="23"/>
      <c r="BG1155" s="23"/>
      <c r="BH1155" s="23"/>
      <c r="BI1155" s="23"/>
      <c r="BJ1155" s="23"/>
      <c r="BK1155" s="23"/>
      <c r="BL1155" s="23"/>
      <c r="BM1155" s="23"/>
      <c r="BN1155" s="23"/>
      <c r="BO1155" s="23"/>
      <c r="BP1155" s="23"/>
      <c r="BQ1155" s="23"/>
      <c r="BR1155" s="23"/>
      <c r="BS1155" s="23"/>
      <c r="BT1155" s="23"/>
      <c r="BU1155" s="23"/>
      <c r="BV1155" s="23"/>
      <c r="BW1155" s="23"/>
      <c r="BX1155" s="23"/>
      <c r="BY1155" s="23"/>
      <c r="BZ1155" s="23"/>
      <c r="CA1155" s="23"/>
      <c r="CB1155" s="23"/>
      <c r="CC1155" s="23"/>
      <c r="CD1155" s="23"/>
      <c r="CE1155" s="23"/>
      <c r="CF1155" s="23"/>
      <c r="CG1155" s="23"/>
      <c r="CH1155" s="23"/>
      <c r="CI1155" s="23"/>
      <c r="CJ1155" s="23"/>
      <c r="CK1155" s="23"/>
      <c r="CL1155" s="23"/>
      <c r="CM1155" s="23"/>
      <c r="CN1155" s="23"/>
      <c r="CO1155" s="23"/>
      <c r="CP1155" s="23"/>
      <c r="CQ1155" s="23"/>
      <c r="CR1155" s="23"/>
      <c r="CS1155" s="23"/>
      <c r="CT1155" s="23"/>
      <c r="CU1155" s="23"/>
      <c r="CV1155" s="23"/>
      <c r="CW1155" s="23"/>
      <c r="CX1155" s="23"/>
      <c r="CY1155" s="23"/>
      <c r="CZ1155" s="23"/>
      <c r="DA1155" s="23"/>
      <c r="DB1155" s="23"/>
      <c r="DC1155" s="23"/>
      <c r="DD1155" s="23"/>
      <c r="DE1155" s="23"/>
      <c r="DF1155" s="23"/>
      <c r="DG1155" s="23"/>
      <c r="DH1155" s="23"/>
      <c r="DI1155" s="23"/>
      <c r="DJ1155" s="23"/>
      <c r="DK1155" s="23"/>
      <c r="DL1155" s="23"/>
      <c r="DM1155" s="23"/>
      <c r="DN1155" s="23"/>
      <c r="DO1155" s="23"/>
      <c r="DP1155" s="23"/>
      <c r="DQ1155" s="23"/>
      <c r="DR1155" s="23"/>
      <c r="DS1155" s="23"/>
      <c r="DT1155" s="23"/>
      <c r="DU1155" s="23"/>
      <c r="DV1155" s="23"/>
      <c r="DW1155" s="23"/>
      <c r="DX1155" s="23"/>
      <c r="DY1155" s="23"/>
      <c r="DZ1155" s="23"/>
      <c r="EA1155" s="23"/>
      <c r="EB1155" s="23"/>
      <c r="EC1155" s="23"/>
      <c r="ED1155" s="23"/>
      <c r="EE1155" s="23"/>
      <c r="EF1155" s="23"/>
      <c r="EG1155" s="23"/>
      <c r="EH1155" s="23"/>
      <c r="EI1155" s="23"/>
      <c r="EJ1155" s="23"/>
      <c r="EK1155" s="23"/>
      <c r="EL1155" s="23"/>
      <c r="EM1155" s="23"/>
      <c r="EN1155" s="23"/>
      <c r="EO1155" s="23"/>
      <c r="EP1155" s="23"/>
      <c r="EQ1155" s="23"/>
      <c r="ER1155" s="23"/>
      <c r="ES1155" s="23"/>
      <c r="ET1155" s="23"/>
      <c r="EU1155" s="23"/>
      <c r="EV1155" s="23"/>
      <c r="EW1155" s="23"/>
      <c r="EX1155" s="23"/>
      <c r="EY1155" s="23"/>
      <c r="EZ1155" s="23"/>
      <c r="FA1155" s="23"/>
      <c r="FB1155" s="23"/>
      <c r="FC1155" s="23"/>
      <c r="FD1155" s="23"/>
      <c r="FE1155" s="23"/>
      <c r="FF1155" s="23"/>
      <c r="FG1155" s="23"/>
      <c r="FH1155" s="23"/>
      <c r="FI1155" s="23"/>
      <c r="FJ1155" s="23"/>
      <c r="FK1155" s="23"/>
      <c r="FL1155" s="23"/>
      <c r="FM1155" s="23"/>
      <c r="FN1155" s="23"/>
      <c r="FO1155" s="23"/>
      <c r="FP1155" s="23"/>
      <c r="FQ1155" s="23"/>
      <c r="FR1155" s="23"/>
      <c r="FS1155" s="23"/>
      <c r="FT1155" s="23"/>
      <c r="FU1155" s="23"/>
      <c r="FV1155" s="23"/>
      <c r="FW1155" s="23"/>
      <c r="FX1155" s="23"/>
      <c r="FY1155" s="23"/>
      <c r="FZ1155" s="23"/>
      <c r="GA1155" s="23"/>
      <c r="GB1155" s="23"/>
      <c r="GC1155" s="23"/>
      <c r="GD1155" s="23"/>
      <c r="GE1155" s="23"/>
      <c r="GF1155" s="23"/>
      <c r="GG1155" s="23"/>
      <c r="GH1155" s="23"/>
      <c r="GI1155" s="23"/>
      <c r="GJ1155" s="23"/>
      <c r="GK1155" s="23"/>
      <c r="GL1155" s="23"/>
      <c r="GM1155" s="23"/>
      <c r="GN1155" s="23"/>
      <c r="GO1155" s="23"/>
      <c r="GP1155" s="23"/>
      <c r="GQ1155" s="23"/>
      <c r="GR1155" s="23"/>
      <c r="GS1155" s="23"/>
      <c r="GT1155" s="23"/>
      <c r="GU1155" s="23"/>
      <c r="GV1155" s="23"/>
      <c r="GW1155" s="23"/>
      <c r="GX1155" s="23"/>
      <c r="GY1155" s="23"/>
      <c r="GZ1155" s="23"/>
      <c r="HA1155" s="23"/>
      <c r="HB1155" s="23"/>
      <c r="HC1155" s="23"/>
      <c r="HD1155" s="23"/>
      <c r="HE1155" s="23"/>
      <c r="HF1155" s="23"/>
      <c r="HG1155" s="23"/>
      <c r="HH1155" s="23"/>
      <c r="HI1155" s="23"/>
      <c r="HJ1155" s="23"/>
      <c r="HK1155" s="23"/>
      <c r="HL1155" s="23"/>
      <c r="HM1155" s="23"/>
      <c r="HN1155" s="23"/>
      <c r="HO1155" s="23"/>
      <c r="HP1155" s="23"/>
      <c r="HQ1155" s="23"/>
      <c r="HR1155" s="23"/>
      <c r="HS1155" s="23"/>
      <c r="HT1155" s="23"/>
      <c r="HU1155" s="23"/>
      <c r="HV1155" s="23"/>
      <c r="HW1155" s="23"/>
      <c r="HX1155" s="23"/>
      <c r="HY1155" s="23"/>
      <c r="HZ1155" s="23"/>
      <c r="IA1155" s="23"/>
      <c r="IB1155" s="23"/>
      <c r="IC1155" s="23"/>
      <c r="ID1155" s="23"/>
      <c r="IE1155" s="23"/>
      <c r="IF1155" s="23"/>
      <c r="IG1155" s="23"/>
      <c r="IH1155" s="23"/>
      <c r="II1155" s="23"/>
      <c r="IJ1155" s="23"/>
      <c r="IK1155" s="23"/>
      <c r="IL1155" s="23"/>
      <c r="IM1155" s="23"/>
      <c r="IN1155" s="23"/>
      <c r="IO1155" s="23"/>
      <c r="IP1155" s="23"/>
      <c r="IQ1155" s="23"/>
    </row>
    <row r="1157" spans="1:251" s="23" customFormat="1" ht="19.2">
      <c r="A1157" s="22" t="s">
        <v>86</v>
      </c>
      <c r="AW1157" s="24"/>
      <c r="AX1157" s="25"/>
      <c r="AY1157" s="24"/>
    </row>
    <row r="1158" spans="1:251" s="23" customFormat="1" ht="13.2"/>
    <row r="1159" spans="1:251" s="23" customFormat="1" ht="18" customHeight="1">
      <c r="A1159" s="26"/>
      <c r="B1159" s="115" t="s">
        <v>87</v>
      </c>
      <c r="C1159" s="153"/>
      <c r="D1159" s="153"/>
      <c r="E1159" s="153"/>
      <c r="F1159" s="153"/>
      <c r="G1159" s="153"/>
      <c r="H1159" s="153"/>
      <c r="I1159" s="153"/>
      <c r="J1159" s="153"/>
      <c r="K1159" s="153"/>
      <c r="L1159" s="153"/>
      <c r="M1159" s="153"/>
      <c r="N1159" s="153"/>
      <c r="O1159" s="153"/>
      <c r="P1159" s="153"/>
      <c r="Q1159" s="153"/>
      <c r="R1159" s="153"/>
      <c r="S1159" s="153"/>
      <c r="T1159" s="153"/>
      <c r="U1159" s="153"/>
      <c r="V1159" s="153"/>
      <c r="W1159" s="153"/>
      <c r="X1159" s="153"/>
      <c r="Y1159" s="153"/>
      <c r="Z1159" s="153"/>
      <c r="AA1159" s="153"/>
      <c r="AB1159" s="153"/>
      <c r="AC1159" s="153"/>
      <c r="AD1159" s="153"/>
      <c r="AE1159" s="153"/>
      <c r="AF1159" s="153"/>
      <c r="AG1159" s="153"/>
      <c r="AH1159" s="153"/>
      <c r="AI1159" s="153"/>
      <c r="AJ1159" s="153"/>
      <c r="AK1159" s="153"/>
      <c r="AL1159" s="153"/>
      <c r="AM1159" s="153"/>
      <c r="AN1159" s="153"/>
      <c r="AO1159" s="153"/>
      <c r="AP1159" s="153"/>
      <c r="AQ1159" s="153"/>
      <c r="AR1159" s="153"/>
      <c r="AS1159" s="153"/>
      <c r="AT1159" s="153"/>
      <c r="AU1159" s="153"/>
      <c r="AV1159" s="153"/>
      <c r="AW1159" s="153"/>
      <c r="AX1159" s="153"/>
      <c r="AY1159" s="26"/>
    </row>
    <row r="1160" spans="1:251" s="23" customFormat="1" ht="13.2">
      <c r="Z1160" s="27"/>
      <c r="AD1160" s="27"/>
      <c r="AE1160" s="27"/>
      <c r="AF1160" s="27"/>
      <c r="AG1160" s="27"/>
      <c r="AH1160" s="27"/>
      <c r="AI1160" s="27"/>
      <c r="AO1160" s="27"/>
    </row>
    <row r="1161" spans="1:251" s="23" customFormat="1" ht="13.8" thickBot="1">
      <c r="Z1161" s="27"/>
      <c r="AD1161" s="27"/>
      <c r="AE1161" s="27"/>
      <c r="AF1161" s="27"/>
      <c r="AG1161" s="27"/>
      <c r="AH1161" s="27"/>
      <c r="AI1161" s="27"/>
      <c r="AO1161" s="27"/>
      <c r="DI1161" s="28"/>
    </row>
    <row r="1162" spans="1:251" s="23" customFormat="1" ht="24.6" customHeight="1" thickBot="1">
      <c r="A1162" s="116" t="s">
        <v>88</v>
      </c>
      <c r="B1162" s="117"/>
      <c r="C1162" s="117"/>
      <c r="D1162" s="117"/>
      <c r="E1162" s="117"/>
      <c r="F1162" s="117"/>
      <c r="G1162" s="117"/>
      <c r="H1162" s="117"/>
      <c r="I1162" s="117"/>
      <c r="J1162" s="117"/>
      <c r="K1162" s="118"/>
      <c r="L1162" s="154">
        <v>34</v>
      </c>
      <c r="M1162" s="154"/>
      <c r="N1162" s="154"/>
      <c r="O1162" s="155"/>
      <c r="P1162" s="122" t="s">
        <v>89</v>
      </c>
      <c r="Q1162" s="120"/>
      <c r="R1162" s="120"/>
      <c r="S1162" s="120"/>
      <c r="T1162" s="120"/>
      <c r="U1162" s="123"/>
      <c r="V1162" s="156" t="s">
        <v>178</v>
      </c>
      <c r="W1162" s="156"/>
      <c r="X1162" s="156"/>
      <c r="Y1162" s="156"/>
      <c r="Z1162" s="156"/>
      <c r="AA1162" s="156"/>
      <c r="AB1162" s="156"/>
      <c r="AC1162" s="156"/>
      <c r="AD1162" s="156"/>
      <c r="AE1162" s="156"/>
      <c r="AF1162" s="156"/>
      <c r="AG1162" s="156"/>
      <c r="AH1162" s="156"/>
      <c r="AI1162" s="156"/>
      <c r="AJ1162" s="156"/>
      <c r="AK1162" s="156"/>
      <c r="AL1162" s="156"/>
      <c r="AM1162" s="156"/>
      <c r="AN1162" s="156"/>
      <c r="AO1162" s="156"/>
      <c r="AP1162" s="156"/>
      <c r="AQ1162" s="156"/>
      <c r="AR1162" s="156"/>
      <c r="AS1162" s="156"/>
      <c r="AT1162" s="156"/>
      <c r="AU1162" s="156"/>
      <c r="AV1162" s="156"/>
      <c r="AW1162" s="156"/>
      <c r="AX1162" s="157"/>
      <c r="DI1162" s="28"/>
    </row>
    <row r="1163" spans="1:251" s="23" customFormat="1" ht="14.4">
      <c r="A1163" s="29"/>
      <c r="B1163" s="29"/>
      <c r="C1163" s="29"/>
      <c r="D1163" s="29"/>
      <c r="E1163" s="29"/>
      <c r="F1163" s="29"/>
      <c r="G1163" s="29"/>
      <c r="H1163" s="29"/>
      <c r="I1163" s="29"/>
      <c r="J1163" s="29"/>
      <c r="K1163" s="29"/>
      <c r="L1163" s="30"/>
      <c r="M1163" s="30"/>
      <c r="N1163" s="30"/>
      <c r="O1163" s="30"/>
      <c r="P1163" s="29"/>
      <c r="Q1163" s="29"/>
      <c r="R1163" s="29"/>
      <c r="S1163" s="29"/>
      <c r="T1163" s="29"/>
      <c r="U1163" s="29"/>
      <c r="V1163" s="31"/>
      <c r="W1163" s="31"/>
      <c r="X1163" s="31"/>
      <c r="Y1163" s="31"/>
      <c r="Z1163" s="31"/>
      <c r="AA1163" s="31"/>
      <c r="AB1163" s="31"/>
      <c r="AC1163" s="31"/>
      <c r="AD1163" s="31"/>
      <c r="AE1163" s="31"/>
      <c r="AF1163" s="31"/>
      <c r="AG1163" s="31"/>
      <c r="AH1163" s="31"/>
      <c r="AI1163" s="31"/>
      <c r="AJ1163" s="31"/>
      <c r="AK1163" s="31"/>
      <c r="AL1163" s="31"/>
      <c r="AM1163" s="31"/>
      <c r="AN1163" s="31"/>
      <c r="AO1163" s="31"/>
      <c r="AP1163" s="31"/>
      <c r="AQ1163" s="31"/>
      <c r="AR1163" s="31"/>
      <c r="AS1163" s="31"/>
      <c r="AT1163" s="31"/>
      <c r="AU1163" s="31"/>
      <c r="AV1163" s="31"/>
      <c r="AW1163" s="31"/>
      <c r="AX1163" s="31"/>
      <c r="DI1163" s="28"/>
    </row>
    <row r="1164" spans="1:251" s="23" customFormat="1" ht="15" thickBot="1">
      <c r="A1164" s="32"/>
      <c r="B1164" s="33" t="s">
        <v>91</v>
      </c>
      <c r="C1164" s="34"/>
      <c r="D1164" s="34"/>
      <c r="E1164" s="34"/>
      <c r="F1164" s="34"/>
      <c r="G1164" s="34"/>
      <c r="H1164" s="34"/>
      <c r="I1164" s="34"/>
      <c r="J1164" s="34"/>
      <c r="K1164" s="34"/>
      <c r="L1164" s="35"/>
      <c r="M1164" s="35"/>
      <c r="N1164" s="35"/>
      <c r="O1164" s="35"/>
      <c r="P1164" s="34"/>
      <c r="Q1164" s="34"/>
      <c r="R1164" s="34"/>
      <c r="S1164" s="34"/>
      <c r="T1164" s="34"/>
      <c r="U1164" s="34"/>
      <c r="V1164" s="33"/>
      <c r="W1164" s="33"/>
      <c r="X1164" s="33"/>
      <c r="Y1164" s="33"/>
      <c r="Z1164" s="33"/>
      <c r="AA1164" s="33"/>
      <c r="AB1164" s="33"/>
      <c r="AC1164" s="33"/>
      <c r="AD1164" s="33"/>
      <c r="AE1164" s="33"/>
      <c r="AF1164" s="33"/>
      <c r="AG1164" s="33"/>
      <c r="AH1164" s="33"/>
      <c r="AI1164" s="33"/>
      <c r="AJ1164" s="33"/>
      <c r="AK1164" s="33"/>
      <c r="AL1164" s="33"/>
      <c r="AM1164" s="33"/>
      <c r="AN1164" s="33"/>
      <c r="AO1164" s="33"/>
      <c r="AP1164" s="33"/>
      <c r="AQ1164" s="33"/>
      <c r="AR1164" s="33"/>
      <c r="AS1164" s="33"/>
      <c r="AT1164" s="33"/>
      <c r="AU1164" s="33"/>
      <c r="AV1164" s="33"/>
      <c r="AW1164" s="33"/>
      <c r="AX1164" s="33"/>
      <c r="DI1164" s="28"/>
    </row>
    <row r="1165" spans="1:251" s="23" customFormat="1" ht="14.4" customHeight="1">
      <c r="A1165" s="34"/>
      <c r="B1165" s="36"/>
      <c r="C1165" s="29"/>
      <c r="D1165" s="29"/>
      <c r="E1165" s="29"/>
      <c r="F1165" s="29"/>
      <c r="G1165" s="29"/>
      <c r="H1165" s="29"/>
      <c r="I1165" s="29"/>
      <c r="J1165" s="29"/>
      <c r="K1165" s="29"/>
      <c r="L1165" s="30"/>
      <c r="M1165" s="30"/>
      <c r="N1165" s="30"/>
      <c r="O1165" s="30"/>
      <c r="P1165" s="29"/>
      <c r="Q1165" s="29"/>
      <c r="R1165" s="29"/>
      <c r="S1165" s="29"/>
      <c r="T1165" s="29"/>
      <c r="U1165" s="29"/>
      <c r="V1165" s="31"/>
      <c r="W1165" s="31"/>
      <c r="X1165" s="31"/>
      <c r="Y1165" s="31"/>
      <c r="Z1165" s="31"/>
      <c r="AA1165" s="31"/>
      <c r="AB1165" s="31"/>
      <c r="AC1165" s="31"/>
      <c r="AD1165" s="31"/>
      <c r="AE1165" s="31"/>
      <c r="AF1165" s="31"/>
      <c r="AG1165" s="31"/>
      <c r="AH1165" s="31"/>
      <c r="AI1165" s="31"/>
      <c r="AJ1165" s="31"/>
      <c r="AK1165" s="31"/>
      <c r="AL1165" s="31"/>
      <c r="AM1165" s="31"/>
      <c r="AN1165" s="31"/>
      <c r="AO1165" s="31"/>
      <c r="AP1165" s="31"/>
      <c r="AQ1165" s="31"/>
      <c r="AR1165" s="31"/>
      <c r="AS1165" s="31"/>
      <c r="AT1165" s="31"/>
      <c r="AU1165" s="31"/>
      <c r="AV1165" s="31"/>
      <c r="AW1165" s="31"/>
      <c r="AX1165" s="37"/>
    </row>
    <row r="1166" spans="1:251" s="23" customFormat="1" ht="10.8" customHeight="1">
      <c r="A1166" s="34"/>
      <c r="B1166" s="127" t="s">
        <v>179</v>
      </c>
      <c r="C1166" s="128"/>
      <c r="D1166" s="128"/>
      <c r="E1166" s="128"/>
      <c r="F1166" s="128"/>
      <c r="G1166" s="128"/>
      <c r="H1166" s="128"/>
      <c r="I1166" s="128"/>
      <c r="J1166" s="128"/>
      <c r="K1166" s="128"/>
      <c r="L1166" s="128"/>
      <c r="M1166" s="128"/>
      <c r="N1166" s="128"/>
      <c r="O1166" s="128"/>
      <c r="P1166" s="128"/>
      <c r="Q1166" s="128"/>
      <c r="R1166" s="128"/>
      <c r="S1166" s="128"/>
      <c r="T1166" s="128"/>
      <c r="U1166" s="128"/>
      <c r="V1166" s="128"/>
      <c r="W1166" s="128"/>
      <c r="X1166" s="128"/>
      <c r="Y1166" s="128"/>
      <c r="Z1166" s="128"/>
      <c r="AA1166" s="128"/>
      <c r="AB1166" s="128"/>
      <c r="AC1166" s="128"/>
      <c r="AD1166" s="128"/>
      <c r="AE1166" s="128"/>
      <c r="AF1166" s="128"/>
      <c r="AG1166" s="128"/>
      <c r="AH1166" s="128"/>
      <c r="AI1166" s="128"/>
      <c r="AJ1166" s="128"/>
      <c r="AK1166" s="128"/>
      <c r="AL1166" s="128"/>
      <c r="AM1166" s="128"/>
      <c r="AN1166" s="128"/>
      <c r="AO1166" s="128"/>
      <c r="AP1166" s="128"/>
      <c r="AQ1166" s="128"/>
      <c r="AR1166" s="128"/>
      <c r="AS1166" s="128"/>
      <c r="AT1166" s="128"/>
      <c r="AU1166" s="128"/>
      <c r="AV1166" s="128"/>
      <c r="AW1166" s="128"/>
      <c r="AX1166" s="129"/>
    </row>
    <row r="1167" spans="1:251" s="23" customFormat="1" ht="10.8" customHeight="1">
      <c r="A1167" s="34"/>
      <c r="B1167" s="127"/>
      <c r="C1167" s="128"/>
      <c r="D1167" s="128"/>
      <c r="E1167" s="128"/>
      <c r="F1167" s="128"/>
      <c r="G1167" s="128"/>
      <c r="H1167" s="128"/>
      <c r="I1167" s="128"/>
      <c r="J1167" s="128"/>
      <c r="K1167" s="128"/>
      <c r="L1167" s="128"/>
      <c r="M1167" s="128"/>
      <c r="N1167" s="128"/>
      <c r="O1167" s="128"/>
      <c r="P1167" s="128"/>
      <c r="Q1167" s="128"/>
      <c r="R1167" s="128"/>
      <c r="S1167" s="128"/>
      <c r="T1167" s="128"/>
      <c r="U1167" s="128"/>
      <c r="V1167" s="128"/>
      <c r="W1167" s="128"/>
      <c r="X1167" s="128"/>
      <c r="Y1167" s="128"/>
      <c r="Z1167" s="128"/>
      <c r="AA1167" s="128"/>
      <c r="AB1167" s="128"/>
      <c r="AC1167" s="128"/>
      <c r="AD1167" s="128"/>
      <c r="AE1167" s="128"/>
      <c r="AF1167" s="128"/>
      <c r="AG1167" s="128"/>
      <c r="AH1167" s="128"/>
      <c r="AI1167" s="128"/>
      <c r="AJ1167" s="128"/>
      <c r="AK1167" s="128"/>
      <c r="AL1167" s="128"/>
      <c r="AM1167" s="128"/>
      <c r="AN1167" s="128"/>
      <c r="AO1167" s="128"/>
      <c r="AP1167" s="128"/>
      <c r="AQ1167" s="128"/>
      <c r="AR1167" s="128"/>
      <c r="AS1167" s="128"/>
      <c r="AT1167" s="128"/>
      <c r="AU1167" s="128"/>
      <c r="AV1167" s="128"/>
      <c r="AW1167" s="128"/>
      <c r="AX1167" s="129"/>
      <c r="BC1167" s="17"/>
    </row>
    <row r="1168" spans="1:251" s="23" customFormat="1" ht="10.8" customHeight="1">
      <c r="A1168" s="34"/>
      <c r="B1168" s="127"/>
      <c r="C1168" s="128"/>
      <c r="D1168" s="128"/>
      <c r="E1168" s="128"/>
      <c r="F1168" s="128"/>
      <c r="G1168" s="128"/>
      <c r="H1168" s="128"/>
      <c r="I1168" s="128"/>
      <c r="J1168" s="128"/>
      <c r="K1168" s="128"/>
      <c r="L1168" s="128"/>
      <c r="M1168" s="128"/>
      <c r="N1168" s="128"/>
      <c r="O1168" s="128"/>
      <c r="P1168" s="128"/>
      <c r="Q1168" s="128"/>
      <c r="R1168" s="128"/>
      <c r="S1168" s="128"/>
      <c r="T1168" s="128"/>
      <c r="U1168" s="128"/>
      <c r="V1168" s="128"/>
      <c r="W1168" s="128"/>
      <c r="X1168" s="128"/>
      <c r="Y1168" s="128"/>
      <c r="Z1168" s="128"/>
      <c r="AA1168" s="128"/>
      <c r="AB1168" s="128"/>
      <c r="AC1168" s="128"/>
      <c r="AD1168" s="128"/>
      <c r="AE1168" s="128"/>
      <c r="AF1168" s="128"/>
      <c r="AG1168" s="128"/>
      <c r="AH1168" s="128"/>
      <c r="AI1168" s="128"/>
      <c r="AJ1168" s="128"/>
      <c r="AK1168" s="128"/>
      <c r="AL1168" s="128"/>
      <c r="AM1168" s="128"/>
      <c r="AN1168" s="128"/>
      <c r="AO1168" s="128"/>
      <c r="AP1168" s="128"/>
      <c r="AQ1168" s="128"/>
      <c r="AR1168" s="128"/>
      <c r="AS1168" s="128"/>
      <c r="AT1168" s="128"/>
      <c r="AU1168" s="128"/>
      <c r="AV1168" s="128"/>
      <c r="AW1168" s="128"/>
      <c r="AX1168" s="129"/>
    </row>
    <row r="1169" spans="1:251" s="23" customFormat="1" ht="10.8" customHeight="1">
      <c r="A1169" s="34"/>
      <c r="B1169" s="127"/>
      <c r="C1169" s="128"/>
      <c r="D1169" s="128"/>
      <c r="E1169" s="128"/>
      <c r="F1169" s="128"/>
      <c r="G1169" s="128"/>
      <c r="H1169" s="128"/>
      <c r="I1169" s="128"/>
      <c r="J1169" s="128"/>
      <c r="K1169" s="128"/>
      <c r="L1169" s="128"/>
      <c r="M1169" s="128"/>
      <c r="N1169" s="128"/>
      <c r="O1169" s="128"/>
      <c r="P1169" s="128"/>
      <c r="Q1169" s="128"/>
      <c r="R1169" s="128"/>
      <c r="S1169" s="128"/>
      <c r="T1169" s="128"/>
      <c r="U1169" s="128"/>
      <c r="V1169" s="128"/>
      <c r="W1169" s="128"/>
      <c r="X1169" s="128"/>
      <c r="Y1169" s="128"/>
      <c r="Z1169" s="128"/>
      <c r="AA1169" s="128"/>
      <c r="AB1169" s="128"/>
      <c r="AC1169" s="128"/>
      <c r="AD1169" s="128"/>
      <c r="AE1169" s="128"/>
      <c r="AF1169" s="128"/>
      <c r="AG1169" s="128"/>
      <c r="AH1169" s="128"/>
      <c r="AI1169" s="128"/>
      <c r="AJ1169" s="128"/>
      <c r="AK1169" s="128"/>
      <c r="AL1169" s="128"/>
      <c r="AM1169" s="128"/>
      <c r="AN1169" s="128"/>
      <c r="AO1169" s="128"/>
      <c r="AP1169" s="128"/>
      <c r="AQ1169" s="128"/>
      <c r="AR1169" s="128"/>
      <c r="AS1169" s="128"/>
      <c r="AT1169" s="128"/>
      <c r="AU1169" s="128"/>
      <c r="AV1169" s="128"/>
      <c r="AW1169" s="128"/>
      <c r="AX1169" s="129"/>
    </row>
    <row r="1170" spans="1:251" s="23" customFormat="1" ht="10.8" customHeight="1">
      <c r="A1170" s="34"/>
      <c r="B1170" s="127"/>
      <c r="C1170" s="128"/>
      <c r="D1170" s="128"/>
      <c r="E1170" s="128"/>
      <c r="F1170" s="128"/>
      <c r="G1170" s="128"/>
      <c r="H1170" s="128"/>
      <c r="I1170" s="128"/>
      <c r="J1170" s="128"/>
      <c r="K1170" s="128"/>
      <c r="L1170" s="128"/>
      <c r="M1170" s="128"/>
      <c r="N1170" s="128"/>
      <c r="O1170" s="128"/>
      <c r="P1170" s="128"/>
      <c r="Q1170" s="128"/>
      <c r="R1170" s="128"/>
      <c r="S1170" s="128"/>
      <c r="T1170" s="128"/>
      <c r="U1170" s="128"/>
      <c r="V1170" s="128"/>
      <c r="W1170" s="128"/>
      <c r="X1170" s="128"/>
      <c r="Y1170" s="128"/>
      <c r="Z1170" s="128"/>
      <c r="AA1170" s="128"/>
      <c r="AB1170" s="128"/>
      <c r="AC1170" s="128"/>
      <c r="AD1170" s="128"/>
      <c r="AE1170" s="128"/>
      <c r="AF1170" s="128"/>
      <c r="AG1170" s="128"/>
      <c r="AH1170" s="128"/>
      <c r="AI1170" s="128"/>
      <c r="AJ1170" s="128"/>
      <c r="AK1170" s="128"/>
      <c r="AL1170" s="128"/>
      <c r="AM1170" s="128"/>
      <c r="AN1170" s="128"/>
      <c r="AO1170" s="128"/>
      <c r="AP1170" s="128"/>
      <c r="AQ1170" s="128"/>
      <c r="AR1170" s="128"/>
      <c r="AS1170" s="128"/>
      <c r="AT1170" s="128"/>
      <c r="AU1170" s="128"/>
      <c r="AV1170" s="128"/>
      <c r="AW1170" s="128"/>
      <c r="AX1170" s="129"/>
    </row>
    <row r="1171" spans="1:251" s="23" customFormat="1" ht="10.8" customHeight="1">
      <c r="A1171" s="34"/>
      <c r="B1171" s="127"/>
      <c r="C1171" s="128"/>
      <c r="D1171" s="128"/>
      <c r="E1171" s="128"/>
      <c r="F1171" s="128"/>
      <c r="G1171" s="128"/>
      <c r="H1171" s="128"/>
      <c r="I1171" s="128"/>
      <c r="J1171" s="128"/>
      <c r="K1171" s="128"/>
      <c r="L1171" s="128"/>
      <c r="M1171" s="128"/>
      <c r="N1171" s="128"/>
      <c r="O1171" s="128"/>
      <c r="P1171" s="128"/>
      <c r="Q1171" s="128"/>
      <c r="R1171" s="128"/>
      <c r="S1171" s="128"/>
      <c r="T1171" s="128"/>
      <c r="U1171" s="128"/>
      <c r="V1171" s="128"/>
      <c r="W1171" s="128"/>
      <c r="X1171" s="128"/>
      <c r="Y1171" s="128"/>
      <c r="Z1171" s="128"/>
      <c r="AA1171" s="128"/>
      <c r="AB1171" s="128"/>
      <c r="AC1171" s="128"/>
      <c r="AD1171" s="128"/>
      <c r="AE1171" s="128"/>
      <c r="AF1171" s="128"/>
      <c r="AG1171" s="128"/>
      <c r="AH1171" s="128"/>
      <c r="AI1171" s="128"/>
      <c r="AJ1171" s="128"/>
      <c r="AK1171" s="128"/>
      <c r="AL1171" s="128"/>
      <c r="AM1171" s="128"/>
      <c r="AN1171" s="128"/>
      <c r="AO1171" s="128"/>
      <c r="AP1171" s="128"/>
      <c r="AQ1171" s="128"/>
      <c r="AR1171" s="128"/>
      <c r="AS1171" s="128"/>
      <c r="AT1171" s="128"/>
      <c r="AU1171" s="128"/>
      <c r="AV1171" s="128"/>
      <c r="AW1171" s="128"/>
      <c r="AX1171" s="129"/>
    </row>
    <row r="1172" spans="1:251" s="23" customFormat="1" ht="10.8" customHeight="1">
      <c r="A1172" s="34"/>
      <c r="B1172" s="127"/>
      <c r="C1172" s="128"/>
      <c r="D1172" s="128"/>
      <c r="E1172" s="128"/>
      <c r="F1172" s="128"/>
      <c r="G1172" s="128"/>
      <c r="H1172" s="128"/>
      <c r="I1172" s="128"/>
      <c r="J1172" s="128"/>
      <c r="K1172" s="128"/>
      <c r="L1172" s="128"/>
      <c r="M1172" s="128"/>
      <c r="N1172" s="128"/>
      <c r="O1172" s="128"/>
      <c r="P1172" s="128"/>
      <c r="Q1172" s="128"/>
      <c r="R1172" s="128"/>
      <c r="S1172" s="128"/>
      <c r="T1172" s="128"/>
      <c r="U1172" s="128"/>
      <c r="V1172" s="128"/>
      <c r="W1172" s="128"/>
      <c r="X1172" s="128"/>
      <c r="Y1172" s="128"/>
      <c r="Z1172" s="128"/>
      <c r="AA1172" s="128"/>
      <c r="AB1172" s="128"/>
      <c r="AC1172" s="128"/>
      <c r="AD1172" s="128"/>
      <c r="AE1172" s="128"/>
      <c r="AF1172" s="128"/>
      <c r="AG1172" s="128"/>
      <c r="AH1172" s="128"/>
      <c r="AI1172" s="128"/>
      <c r="AJ1172" s="128"/>
      <c r="AK1172" s="128"/>
      <c r="AL1172" s="128"/>
      <c r="AM1172" s="128"/>
      <c r="AN1172" s="128"/>
      <c r="AO1172" s="128"/>
      <c r="AP1172" s="128"/>
      <c r="AQ1172" s="128"/>
      <c r="AR1172" s="128"/>
      <c r="AS1172" s="128"/>
      <c r="AT1172" s="128"/>
      <c r="AU1172" s="128"/>
      <c r="AV1172" s="128"/>
      <c r="AW1172" s="128"/>
      <c r="AX1172" s="129"/>
    </row>
    <row r="1173" spans="1:251" s="23" customFormat="1" ht="10.8" customHeight="1">
      <c r="A1173" s="34"/>
      <c r="B1173" s="127"/>
      <c r="C1173" s="128"/>
      <c r="D1173" s="128"/>
      <c r="E1173" s="128"/>
      <c r="F1173" s="128"/>
      <c r="G1173" s="128"/>
      <c r="H1173" s="128"/>
      <c r="I1173" s="128"/>
      <c r="J1173" s="128"/>
      <c r="K1173" s="128"/>
      <c r="L1173" s="128"/>
      <c r="M1173" s="128"/>
      <c r="N1173" s="128"/>
      <c r="O1173" s="128"/>
      <c r="P1173" s="128"/>
      <c r="Q1173" s="128"/>
      <c r="R1173" s="128"/>
      <c r="S1173" s="128"/>
      <c r="T1173" s="128"/>
      <c r="U1173" s="128"/>
      <c r="V1173" s="128"/>
      <c r="W1173" s="128"/>
      <c r="X1173" s="128"/>
      <c r="Y1173" s="128"/>
      <c r="Z1173" s="128"/>
      <c r="AA1173" s="128"/>
      <c r="AB1173" s="128"/>
      <c r="AC1173" s="128"/>
      <c r="AD1173" s="128"/>
      <c r="AE1173" s="128"/>
      <c r="AF1173" s="128"/>
      <c r="AG1173" s="128"/>
      <c r="AH1173" s="128"/>
      <c r="AI1173" s="128"/>
      <c r="AJ1173" s="128"/>
      <c r="AK1173" s="128"/>
      <c r="AL1173" s="128"/>
      <c r="AM1173" s="128"/>
      <c r="AN1173" s="128"/>
      <c r="AO1173" s="128"/>
      <c r="AP1173" s="128"/>
      <c r="AQ1173" s="128"/>
      <c r="AR1173" s="128"/>
      <c r="AS1173" s="128"/>
      <c r="AT1173" s="128"/>
      <c r="AU1173" s="128"/>
      <c r="AV1173" s="128"/>
      <c r="AW1173" s="128"/>
      <c r="AX1173" s="129"/>
    </row>
    <row r="1174" spans="1:251" s="23" customFormat="1" ht="10.8" customHeight="1">
      <c r="A1174" s="34"/>
      <c r="B1174" s="127"/>
      <c r="C1174" s="128"/>
      <c r="D1174" s="128"/>
      <c r="E1174" s="128"/>
      <c r="F1174" s="128"/>
      <c r="G1174" s="128"/>
      <c r="H1174" s="128"/>
      <c r="I1174" s="128"/>
      <c r="J1174" s="128"/>
      <c r="K1174" s="128"/>
      <c r="L1174" s="128"/>
      <c r="M1174" s="128"/>
      <c r="N1174" s="128"/>
      <c r="O1174" s="128"/>
      <c r="P1174" s="128"/>
      <c r="Q1174" s="128"/>
      <c r="R1174" s="128"/>
      <c r="S1174" s="128"/>
      <c r="T1174" s="128"/>
      <c r="U1174" s="128"/>
      <c r="V1174" s="128"/>
      <c r="W1174" s="128"/>
      <c r="X1174" s="128"/>
      <c r="Y1174" s="128"/>
      <c r="Z1174" s="128"/>
      <c r="AA1174" s="128"/>
      <c r="AB1174" s="128"/>
      <c r="AC1174" s="128"/>
      <c r="AD1174" s="128"/>
      <c r="AE1174" s="128"/>
      <c r="AF1174" s="128"/>
      <c r="AG1174" s="128"/>
      <c r="AH1174" s="128"/>
      <c r="AI1174" s="128"/>
      <c r="AJ1174" s="128"/>
      <c r="AK1174" s="128"/>
      <c r="AL1174" s="128"/>
      <c r="AM1174" s="128"/>
      <c r="AN1174" s="128"/>
      <c r="AO1174" s="128"/>
      <c r="AP1174" s="128"/>
      <c r="AQ1174" s="128"/>
      <c r="AR1174" s="128"/>
      <c r="AS1174" s="128"/>
      <c r="AT1174" s="128"/>
      <c r="AU1174" s="128"/>
      <c r="AV1174" s="128"/>
      <c r="AW1174" s="128"/>
      <c r="AX1174" s="129"/>
    </row>
    <row r="1175" spans="1:251" s="23" customFormat="1" ht="10.8" customHeight="1">
      <c r="A1175" s="34"/>
      <c r="B1175" s="127"/>
      <c r="C1175" s="128"/>
      <c r="D1175" s="128"/>
      <c r="E1175" s="128"/>
      <c r="F1175" s="128"/>
      <c r="G1175" s="128"/>
      <c r="H1175" s="128"/>
      <c r="I1175" s="128"/>
      <c r="J1175" s="128"/>
      <c r="K1175" s="128"/>
      <c r="L1175" s="128"/>
      <c r="M1175" s="128"/>
      <c r="N1175" s="128"/>
      <c r="O1175" s="128"/>
      <c r="P1175" s="128"/>
      <c r="Q1175" s="128"/>
      <c r="R1175" s="128"/>
      <c r="S1175" s="128"/>
      <c r="T1175" s="128"/>
      <c r="U1175" s="128"/>
      <c r="V1175" s="128"/>
      <c r="W1175" s="128"/>
      <c r="X1175" s="128"/>
      <c r="Y1175" s="128"/>
      <c r="Z1175" s="128"/>
      <c r="AA1175" s="128"/>
      <c r="AB1175" s="128"/>
      <c r="AC1175" s="128"/>
      <c r="AD1175" s="128"/>
      <c r="AE1175" s="128"/>
      <c r="AF1175" s="128"/>
      <c r="AG1175" s="128"/>
      <c r="AH1175" s="128"/>
      <c r="AI1175" s="128"/>
      <c r="AJ1175" s="128"/>
      <c r="AK1175" s="128"/>
      <c r="AL1175" s="128"/>
      <c r="AM1175" s="128"/>
      <c r="AN1175" s="128"/>
      <c r="AO1175" s="128"/>
      <c r="AP1175" s="128"/>
      <c r="AQ1175" s="128"/>
      <c r="AR1175" s="128"/>
      <c r="AS1175" s="128"/>
      <c r="AT1175" s="128"/>
      <c r="AU1175" s="128"/>
      <c r="AV1175" s="128"/>
      <c r="AW1175" s="128"/>
      <c r="AX1175" s="129"/>
    </row>
    <row r="1176" spans="1:251" s="23" customFormat="1" ht="15" thickBot="1">
      <c r="A1176" s="38"/>
      <c r="B1176" s="39"/>
      <c r="C1176" s="40"/>
      <c r="D1176" s="40"/>
      <c r="E1176" s="40"/>
      <c r="F1176" s="40"/>
      <c r="G1176" s="40"/>
      <c r="H1176" s="40"/>
      <c r="I1176" s="40"/>
      <c r="J1176" s="40"/>
      <c r="K1176" s="40"/>
      <c r="L1176" s="40"/>
      <c r="M1176" s="40"/>
      <c r="N1176" s="40"/>
      <c r="O1176" s="40"/>
      <c r="P1176" s="40"/>
      <c r="Q1176" s="40"/>
      <c r="R1176" s="40"/>
      <c r="S1176" s="40"/>
      <c r="T1176" s="40"/>
      <c r="U1176" s="40"/>
      <c r="V1176" s="40"/>
      <c r="W1176" s="40"/>
      <c r="X1176" s="40"/>
      <c r="Y1176" s="40"/>
      <c r="Z1176" s="40"/>
      <c r="AA1176" s="40"/>
      <c r="AB1176" s="40"/>
      <c r="AC1176" s="40"/>
      <c r="AD1176" s="40"/>
      <c r="AE1176" s="40"/>
      <c r="AF1176" s="40"/>
      <c r="AG1176" s="40"/>
      <c r="AH1176" s="40"/>
      <c r="AI1176" s="40"/>
      <c r="AJ1176" s="40"/>
      <c r="AK1176" s="40"/>
      <c r="AL1176" s="40"/>
      <c r="AM1176" s="40"/>
      <c r="AN1176" s="40"/>
      <c r="AO1176" s="40"/>
      <c r="AP1176" s="40"/>
      <c r="AQ1176" s="40"/>
      <c r="AR1176" s="40"/>
      <c r="AS1176" s="40"/>
      <c r="AT1176" s="40"/>
      <c r="AU1176" s="40"/>
      <c r="AV1176" s="40"/>
      <c r="AW1176" s="40"/>
      <c r="AX1176" s="41"/>
    </row>
    <row r="1177" spans="1:251" s="23" customFormat="1" ht="13.2">
      <c r="B1177" s="42"/>
    </row>
    <row r="1178" spans="1:251" s="23" customFormat="1" ht="14.4">
      <c r="B1178" s="33" t="s">
        <v>93</v>
      </c>
      <c r="C1178" s="34"/>
      <c r="D1178" s="34"/>
      <c r="E1178" s="34"/>
      <c r="F1178" s="34"/>
      <c r="G1178" s="34"/>
      <c r="H1178" s="34"/>
      <c r="I1178" s="34"/>
      <c r="J1178" s="34"/>
      <c r="K1178" s="34"/>
      <c r="L1178" s="35"/>
      <c r="M1178" s="35"/>
      <c r="N1178" s="35"/>
      <c r="O1178" s="35"/>
      <c r="P1178" s="34"/>
      <c r="Q1178" s="34"/>
      <c r="R1178" s="34"/>
      <c r="S1178" s="34"/>
      <c r="T1178" s="34"/>
      <c r="U1178" s="34"/>
      <c r="V1178" s="33"/>
      <c r="W1178" s="33"/>
      <c r="X1178" s="33"/>
      <c r="Y1178" s="33"/>
      <c r="Z1178" s="33"/>
      <c r="AA1178" s="33"/>
      <c r="AB1178" s="33"/>
      <c r="AC1178" s="33"/>
      <c r="AD1178" s="33"/>
      <c r="AE1178" s="33"/>
      <c r="AF1178" s="33"/>
      <c r="AG1178" s="33"/>
      <c r="AH1178" s="33"/>
      <c r="AI1178" s="33"/>
      <c r="AJ1178" s="33"/>
      <c r="AK1178" s="33"/>
      <c r="AL1178" s="33"/>
      <c r="AM1178" s="33"/>
      <c r="AN1178" s="33"/>
      <c r="AO1178" s="33"/>
      <c r="AP1178" s="33"/>
      <c r="AQ1178" s="33"/>
      <c r="AR1178" s="33"/>
      <c r="AS1178" s="33"/>
      <c r="AT1178" s="33"/>
      <c r="AU1178" s="33"/>
      <c r="AV1178" s="33"/>
      <c r="AW1178" s="33"/>
      <c r="AX1178" s="33"/>
    </row>
    <row r="1179" spans="1:251" s="23" customFormat="1" ht="15" thickBot="1">
      <c r="B1179" s="33"/>
      <c r="C1179" s="34"/>
      <c r="D1179" s="34"/>
      <c r="E1179" s="34"/>
      <c r="F1179" s="34"/>
      <c r="G1179" s="34"/>
      <c r="H1179" s="34"/>
      <c r="I1179" s="34"/>
      <c r="J1179" s="34"/>
      <c r="K1179" s="34"/>
      <c r="L1179" s="35"/>
      <c r="M1179" s="35"/>
      <c r="N1179" s="35"/>
      <c r="O1179" s="35"/>
      <c r="P1179" s="34"/>
      <c r="Q1179" s="34"/>
      <c r="R1179" s="34"/>
      <c r="S1179" s="34"/>
      <c r="T1179" s="34"/>
      <c r="U1179" s="34"/>
      <c r="V1179" s="33"/>
      <c r="W1179" s="33"/>
      <c r="X1179" s="33"/>
      <c r="Y1179" s="33"/>
      <c r="Z1179" s="33"/>
      <c r="AA1179" s="33"/>
      <c r="AB1179" s="33"/>
      <c r="AC1179" s="33"/>
      <c r="AD1179" s="33"/>
      <c r="AE1179" s="33"/>
      <c r="AF1179" s="33"/>
      <c r="AG1179" s="33"/>
      <c r="AH1179" s="33"/>
      <c r="AI1179" s="33"/>
      <c r="AJ1179" s="33"/>
      <c r="AK1179" s="33"/>
      <c r="AL1179" s="33"/>
      <c r="AM1179" s="33"/>
      <c r="AN1179" s="33"/>
      <c r="AO1179" s="33"/>
      <c r="AP1179" s="33"/>
      <c r="AQ1179" s="33"/>
      <c r="AR1179" s="33"/>
      <c r="AS1179" s="33"/>
      <c r="AT1179" s="33"/>
      <c r="AU1179" s="33"/>
      <c r="AV1179" s="33"/>
      <c r="AW1179" s="33"/>
      <c r="AX1179" s="43" t="s">
        <v>94</v>
      </c>
    </row>
    <row r="1180" spans="1:251" s="50" customFormat="1" ht="13.2" customHeight="1">
      <c r="A1180" s="34"/>
      <c r="B1180" s="139" t="s">
        <v>95</v>
      </c>
      <c r="C1180" s="140"/>
      <c r="D1180" s="140"/>
      <c r="E1180" s="140"/>
      <c r="F1180" s="140"/>
      <c r="G1180" s="140"/>
      <c r="H1180" s="140"/>
      <c r="I1180" s="140"/>
      <c r="J1180" s="140"/>
      <c r="K1180" s="140"/>
      <c r="L1180" s="140"/>
      <c r="M1180" s="140"/>
      <c r="N1180" s="140"/>
      <c r="O1180" s="140"/>
      <c r="P1180" s="140"/>
      <c r="Q1180" s="140"/>
      <c r="R1180" s="140"/>
      <c r="S1180" s="140"/>
      <c r="T1180" s="140"/>
      <c r="U1180" s="140"/>
      <c r="V1180" s="140"/>
      <c r="W1180" s="140"/>
      <c r="X1180" s="140"/>
      <c r="Y1180" s="140"/>
      <c r="Z1180" s="141"/>
      <c r="AA1180" s="145" t="s">
        <v>200</v>
      </c>
      <c r="AB1180" s="146"/>
      <c r="AC1180" s="146"/>
      <c r="AD1180" s="146"/>
      <c r="AE1180" s="146"/>
      <c r="AF1180" s="146"/>
      <c r="AG1180" s="146"/>
      <c r="AH1180" s="146"/>
      <c r="AI1180" s="147"/>
      <c r="AJ1180" s="145" t="s">
        <v>117</v>
      </c>
      <c r="AK1180" s="146"/>
      <c r="AL1180" s="146"/>
      <c r="AM1180" s="146"/>
      <c r="AN1180" s="146"/>
      <c r="AO1180" s="146"/>
      <c r="AP1180" s="146"/>
      <c r="AQ1180" s="146"/>
      <c r="AR1180" s="147"/>
      <c r="AS1180" s="145" t="s">
        <v>98</v>
      </c>
      <c r="AT1180" s="146"/>
      <c r="AU1180" s="146"/>
      <c r="AV1180" s="146"/>
      <c r="AW1180" s="146"/>
      <c r="AX1180" s="151"/>
      <c r="AY1180" s="23"/>
      <c r="AZ1180" s="23"/>
      <c r="BA1180" s="23"/>
      <c r="BB1180" s="23"/>
      <c r="BC1180" s="23"/>
      <c r="BD1180" s="23"/>
      <c r="BE1180" s="23"/>
      <c r="BF1180" s="23"/>
      <c r="BG1180" s="23"/>
      <c r="BH1180" s="23"/>
      <c r="BI1180" s="23"/>
      <c r="BJ1180" s="23"/>
      <c r="BK1180" s="23"/>
      <c r="BL1180" s="23"/>
      <c r="BM1180" s="23"/>
      <c r="BN1180" s="23"/>
      <c r="BO1180" s="23"/>
      <c r="BP1180" s="23"/>
      <c r="BQ1180" s="23"/>
      <c r="BR1180" s="23"/>
      <c r="BS1180" s="23"/>
      <c r="BT1180" s="23"/>
      <c r="BU1180" s="23"/>
      <c r="BV1180" s="23"/>
      <c r="BW1180" s="23"/>
      <c r="BX1180" s="23"/>
      <c r="BY1180" s="23"/>
      <c r="BZ1180" s="23"/>
      <c r="CA1180" s="23"/>
      <c r="CB1180" s="23"/>
      <c r="CC1180" s="23"/>
      <c r="CD1180" s="23"/>
      <c r="CE1180" s="23"/>
      <c r="CF1180" s="23"/>
      <c r="CG1180" s="23"/>
      <c r="CH1180" s="23"/>
      <c r="CI1180" s="23"/>
      <c r="CJ1180" s="23"/>
      <c r="CK1180" s="23"/>
      <c r="CL1180" s="23"/>
      <c r="CM1180" s="23"/>
      <c r="CN1180" s="23"/>
      <c r="CO1180" s="23"/>
      <c r="CP1180" s="23"/>
      <c r="CQ1180" s="23"/>
      <c r="CR1180" s="23"/>
      <c r="CS1180" s="23"/>
      <c r="CT1180" s="23"/>
      <c r="CU1180" s="23"/>
      <c r="CV1180" s="23"/>
      <c r="CW1180" s="23"/>
      <c r="CX1180" s="23"/>
      <c r="CY1180" s="23"/>
      <c r="CZ1180" s="23"/>
      <c r="DA1180" s="23"/>
      <c r="DB1180" s="23"/>
      <c r="DC1180" s="23"/>
      <c r="DD1180" s="23"/>
      <c r="DE1180" s="23"/>
      <c r="DF1180" s="23"/>
      <c r="DG1180" s="23"/>
      <c r="DH1180" s="23"/>
      <c r="DI1180" s="23"/>
      <c r="DJ1180" s="23"/>
      <c r="DK1180" s="23"/>
      <c r="DL1180" s="23"/>
      <c r="DM1180" s="23"/>
      <c r="DN1180" s="23"/>
      <c r="DO1180" s="23"/>
      <c r="DP1180" s="23"/>
      <c r="DQ1180" s="23"/>
      <c r="DR1180" s="23"/>
      <c r="DS1180" s="23"/>
      <c r="DT1180" s="23"/>
      <c r="DU1180" s="23"/>
      <c r="DV1180" s="23"/>
      <c r="DW1180" s="23"/>
      <c r="DX1180" s="23"/>
      <c r="DY1180" s="23"/>
      <c r="DZ1180" s="23"/>
      <c r="EA1180" s="23"/>
      <c r="EB1180" s="23"/>
      <c r="EC1180" s="23"/>
      <c r="ED1180" s="23"/>
      <c r="EE1180" s="23"/>
      <c r="EF1180" s="23"/>
      <c r="EG1180" s="23"/>
      <c r="EH1180" s="23"/>
      <c r="EI1180" s="23"/>
      <c r="EJ1180" s="23"/>
      <c r="EK1180" s="23"/>
      <c r="EL1180" s="23"/>
      <c r="EM1180" s="23"/>
      <c r="EN1180" s="23"/>
      <c r="EO1180" s="23"/>
      <c r="EP1180" s="23"/>
      <c r="EQ1180" s="23"/>
      <c r="ER1180" s="23"/>
      <c r="ES1180" s="23"/>
      <c r="ET1180" s="23"/>
      <c r="EU1180" s="23"/>
      <c r="EV1180" s="23"/>
      <c r="EW1180" s="23"/>
      <c r="EX1180" s="23"/>
      <c r="EY1180" s="23"/>
      <c r="EZ1180" s="23"/>
      <c r="FA1180" s="23"/>
      <c r="FB1180" s="23"/>
      <c r="FC1180" s="23"/>
      <c r="FD1180" s="23"/>
      <c r="FE1180" s="23"/>
      <c r="FF1180" s="23"/>
      <c r="FG1180" s="23"/>
      <c r="FH1180" s="23"/>
      <c r="FI1180" s="23"/>
      <c r="FJ1180" s="23"/>
      <c r="FK1180" s="23"/>
      <c r="FL1180" s="23"/>
      <c r="FM1180" s="23"/>
      <c r="FN1180" s="23"/>
      <c r="FO1180" s="23"/>
      <c r="FP1180" s="23"/>
      <c r="FQ1180" s="23"/>
      <c r="FR1180" s="23"/>
      <c r="FS1180" s="23"/>
      <c r="FT1180" s="23"/>
      <c r="FU1180" s="23"/>
      <c r="FV1180" s="23"/>
      <c r="FW1180" s="23"/>
      <c r="FX1180" s="23"/>
      <c r="FY1180" s="23"/>
      <c r="FZ1180" s="23"/>
      <c r="GA1180" s="23"/>
      <c r="GB1180" s="23"/>
      <c r="GC1180" s="23"/>
      <c r="GD1180" s="23"/>
      <c r="GE1180" s="23"/>
      <c r="GF1180" s="23"/>
      <c r="GG1180" s="23"/>
      <c r="GH1180" s="23"/>
      <c r="GI1180" s="23"/>
      <c r="GJ1180" s="23"/>
      <c r="GK1180" s="23"/>
      <c r="GL1180" s="23"/>
      <c r="GM1180" s="23"/>
      <c r="GN1180" s="23"/>
      <c r="GO1180" s="23"/>
      <c r="GP1180" s="23"/>
      <c r="GQ1180" s="23"/>
      <c r="GR1180" s="23"/>
      <c r="GS1180" s="23"/>
      <c r="GT1180" s="23"/>
      <c r="GU1180" s="23"/>
      <c r="GV1180" s="23"/>
      <c r="GW1180" s="23"/>
      <c r="GX1180" s="23"/>
      <c r="GY1180" s="23"/>
      <c r="GZ1180" s="23"/>
      <c r="HA1180" s="23"/>
      <c r="HB1180" s="23"/>
      <c r="HC1180" s="23"/>
      <c r="HD1180" s="23"/>
      <c r="HE1180" s="23"/>
      <c r="HF1180" s="23"/>
      <c r="HG1180" s="23"/>
      <c r="HH1180" s="23"/>
      <c r="HI1180" s="23"/>
      <c r="HJ1180" s="23"/>
      <c r="HK1180" s="23"/>
      <c r="HL1180" s="23"/>
      <c r="HM1180" s="23"/>
      <c r="HN1180" s="23"/>
      <c r="HO1180" s="23"/>
      <c r="HP1180" s="23"/>
      <c r="HQ1180" s="23"/>
      <c r="HR1180" s="23"/>
      <c r="HS1180" s="23"/>
      <c r="HT1180" s="23"/>
      <c r="HU1180" s="23"/>
      <c r="HV1180" s="23"/>
      <c r="HW1180" s="23"/>
      <c r="HX1180" s="23"/>
      <c r="HY1180" s="23"/>
      <c r="HZ1180" s="23"/>
      <c r="IA1180" s="23"/>
      <c r="IB1180" s="23"/>
      <c r="IC1180" s="23"/>
      <c r="ID1180" s="23"/>
      <c r="IE1180" s="23"/>
      <c r="IF1180" s="23"/>
      <c r="IG1180" s="23"/>
      <c r="IH1180" s="23"/>
      <c r="II1180" s="23"/>
      <c r="IJ1180" s="23"/>
      <c r="IK1180" s="23"/>
      <c r="IL1180" s="23"/>
      <c r="IM1180" s="23"/>
      <c r="IN1180" s="23"/>
      <c r="IO1180" s="23"/>
      <c r="IP1180" s="23"/>
      <c r="IQ1180" s="23"/>
    </row>
    <row r="1181" spans="1:251" s="50" customFormat="1" ht="13.2" customHeight="1">
      <c r="A1181" s="34"/>
      <c r="B1181" s="142"/>
      <c r="C1181" s="143"/>
      <c r="D1181" s="143"/>
      <c r="E1181" s="143"/>
      <c r="F1181" s="143"/>
      <c r="G1181" s="143"/>
      <c r="H1181" s="143"/>
      <c r="I1181" s="143"/>
      <c r="J1181" s="143"/>
      <c r="K1181" s="143"/>
      <c r="L1181" s="143"/>
      <c r="M1181" s="143"/>
      <c r="N1181" s="143"/>
      <c r="O1181" s="143"/>
      <c r="P1181" s="143"/>
      <c r="Q1181" s="143"/>
      <c r="R1181" s="143"/>
      <c r="S1181" s="143"/>
      <c r="T1181" s="143"/>
      <c r="U1181" s="143"/>
      <c r="V1181" s="143"/>
      <c r="W1181" s="143"/>
      <c r="X1181" s="143"/>
      <c r="Y1181" s="143"/>
      <c r="Z1181" s="144"/>
      <c r="AA1181" s="148"/>
      <c r="AB1181" s="149"/>
      <c r="AC1181" s="149"/>
      <c r="AD1181" s="149"/>
      <c r="AE1181" s="149"/>
      <c r="AF1181" s="149"/>
      <c r="AG1181" s="149"/>
      <c r="AH1181" s="149"/>
      <c r="AI1181" s="150"/>
      <c r="AJ1181" s="148"/>
      <c r="AK1181" s="149"/>
      <c r="AL1181" s="149"/>
      <c r="AM1181" s="149"/>
      <c r="AN1181" s="149"/>
      <c r="AO1181" s="149"/>
      <c r="AP1181" s="149"/>
      <c r="AQ1181" s="149"/>
      <c r="AR1181" s="150"/>
      <c r="AS1181" s="148"/>
      <c r="AT1181" s="149"/>
      <c r="AU1181" s="149"/>
      <c r="AV1181" s="149"/>
      <c r="AW1181" s="149"/>
      <c r="AX1181" s="152"/>
      <c r="AY1181" s="23"/>
      <c r="AZ1181" s="23"/>
      <c r="BA1181" s="23"/>
      <c r="BB1181"/>
      <c r="BC1181" s="45"/>
      <c r="BE1181" s="23"/>
      <c r="BF1181" s="23"/>
      <c r="BG1181" s="23"/>
      <c r="BH1181" s="23"/>
      <c r="BI1181" s="23"/>
      <c r="BJ1181" s="23"/>
      <c r="BK1181" s="23"/>
      <c r="BL1181" s="23"/>
      <c r="BM1181" s="23"/>
      <c r="BN1181" s="23"/>
      <c r="BO1181" s="23"/>
      <c r="BP1181" s="23"/>
      <c r="BQ1181" s="23"/>
      <c r="BR1181" s="23"/>
      <c r="BS1181" s="23"/>
      <c r="BT1181" s="23"/>
      <c r="BU1181" s="23"/>
      <c r="BV1181" s="23"/>
      <c r="BW1181" s="23"/>
      <c r="BX1181" s="23"/>
      <c r="BY1181" s="23"/>
      <c r="BZ1181" s="23"/>
      <c r="CA1181" s="23"/>
      <c r="CB1181" s="23"/>
      <c r="CC1181" s="23"/>
      <c r="CD1181" s="23"/>
      <c r="CE1181" s="23"/>
      <c r="CF1181" s="23"/>
      <c r="CG1181" s="23"/>
      <c r="CH1181" s="23"/>
      <c r="CI1181" s="23"/>
      <c r="CJ1181" s="23"/>
      <c r="CK1181" s="23"/>
      <c r="CL1181" s="23"/>
      <c r="CM1181" s="23"/>
      <c r="CN1181" s="23"/>
      <c r="CO1181" s="23"/>
      <c r="CP1181" s="23"/>
      <c r="CQ1181" s="23"/>
      <c r="CR1181" s="23"/>
      <c r="CS1181" s="23"/>
      <c r="CT1181" s="23"/>
      <c r="CU1181" s="23"/>
      <c r="CV1181" s="23"/>
      <c r="CW1181" s="23"/>
      <c r="CX1181" s="23"/>
      <c r="CY1181" s="23"/>
      <c r="CZ1181" s="23"/>
      <c r="DA1181" s="23"/>
      <c r="DB1181" s="23"/>
      <c r="DC1181" s="23"/>
      <c r="DD1181" s="23"/>
      <c r="DE1181" s="23"/>
      <c r="DF1181" s="23"/>
      <c r="DG1181" s="23"/>
      <c r="DH1181" s="23"/>
      <c r="DI1181" s="23"/>
      <c r="DJ1181" s="23"/>
      <c r="DK1181" s="23"/>
      <c r="DL1181" s="23"/>
      <c r="DM1181" s="23"/>
      <c r="DN1181" s="23"/>
      <c r="DO1181" s="23"/>
      <c r="DP1181" s="23"/>
      <c r="DQ1181" s="23"/>
      <c r="DR1181" s="23"/>
      <c r="DS1181" s="23"/>
      <c r="DT1181" s="23"/>
      <c r="DU1181" s="23"/>
      <c r="DV1181" s="23"/>
      <c r="DW1181" s="23"/>
      <c r="DX1181" s="23"/>
      <c r="DY1181" s="23"/>
      <c r="DZ1181" s="23"/>
      <c r="EA1181" s="23"/>
      <c r="EB1181" s="23"/>
      <c r="EC1181" s="23"/>
      <c r="ED1181" s="23"/>
      <c r="EE1181" s="23"/>
      <c r="EF1181" s="23"/>
      <c r="EG1181" s="23"/>
      <c r="EH1181" s="23"/>
      <c r="EI1181" s="23"/>
      <c r="EJ1181" s="23"/>
      <c r="EK1181" s="23"/>
      <c r="EL1181" s="23"/>
      <c r="EM1181" s="23"/>
      <c r="EN1181" s="23"/>
      <c r="EO1181" s="23"/>
      <c r="EP1181" s="23"/>
      <c r="EQ1181" s="23"/>
      <c r="ER1181" s="23"/>
      <c r="ES1181" s="23"/>
      <c r="ET1181" s="23"/>
      <c r="EU1181" s="23"/>
      <c r="EV1181" s="23"/>
      <c r="EW1181" s="23"/>
      <c r="EX1181" s="23"/>
      <c r="EY1181" s="23"/>
      <c r="EZ1181" s="23"/>
      <c r="FA1181" s="23"/>
      <c r="FB1181" s="23"/>
      <c r="FC1181" s="23"/>
      <c r="FD1181" s="23"/>
      <c r="FE1181" s="23"/>
      <c r="FF1181" s="23"/>
      <c r="FG1181" s="23"/>
      <c r="FH1181" s="23"/>
      <c r="FI1181" s="23"/>
      <c r="FJ1181" s="23"/>
      <c r="FK1181" s="23"/>
      <c r="FL1181" s="23"/>
      <c r="FM1181" s="23"/>
      <c r="FN1181" s="23"/>
      <c r="FO1181" s="23"/>
      <c r="FP1181" s="23"/>
      <c r="FQ1181" s="23"/>
      <c r="FR1181" s="23"/>
      <c r="FS1181" s="23"/>
      <c r="FT1181" s="23"/>
      <c r="FU1181" s="23"/>
      <c r="FV1181" s="23"/>
      <c r="FW1181" s="23"/>
      <c r="FX1181" s="23"/>
      <c r="FY1181" s="23"/>
      <c r="FZ1181" s="23"/>
      <c r="GA1181" s="23"/>
      <c r="GB1181" s="23"/>
      <c r="GC1181" s="23"/>
      <c r="GD1181" s="23"/>
      <c r="GE1181" s="23"/>
      <c r="GF1181" s="23"/>
      <c r="GG1181" s="23"/>
      <c r="GH1181" s="23"/>
      <c r="GI1181" s="23"/>
      <c r="GJ1181" s="23"/>
      <c r="GK1181" s="23"/>
      <c r="GL1181" s="23"/>
      <c r="GM1181" s="23"/>
      <c r="GN1181" s="23"/>
      <c r="GO1181" s="23"/>
      <c r="GP1181" s="23"/>
      <c r="GQ1181" s="23"/>
      <c r="GR1181" s="23"/>
      <c r="GS1181" s="23"/>
      <c r="GT1181" s="23"/>
      <c r="GU1181" s="23"/>
      <c r="GV1181" s="23"/>
      <c r="GW1181" s="23"/>
      <c r="GX1181" s="23"/>
      <c r="GY1181" s="23"/>
      <c r="GZ1181" s="23"/>
      <c r="HA1181" s="23"/>
      <c r="HB1181" s="23"/>
      <c r="HC1181" s="23"/>
      <c r="HD1181" s="23"/>
      <c r="HE1181" s="23"/>
      <c r="HF1181" s="23"/>
      <c r="HG1181" s="23"/>
      <c r="HH1181" s="23"/>
      <c r="HI1181" s="23"/>
      <c r="HJ1181" s="23"/>
      <c r="HK1181" s="23"/>
      <c r="HL1181" s="23"/>
      <c r="HM1181" s="23"/>
      <c r="HN1181" s="23"/>
      <c r="HO1181" s="23"/>
      <c r="HP1181" s="23"/>
      <c r="HQ1181" s="23"/>
      <c r="HR1181" s="23"/>
      <c r="HS1181" s="23"/>
      <c r="HT1181" s="23"/>
      <c r="HU1181" s="23"/>
      <c r="HV1181" s="23"/>
      <c r="HW1181" s="23"/>
      <c r="HX1181" s="23"/>
      <c r="HY1181" s="23"/>
      <c r="HZ1181" s="23"/>
      <c r="IA1181" s="23"/>
      <c r="IB1181" s="23"/>
      <c r="IC1181" s="23"/>
      <c r="ID1181" s="23"/>
      <c r="IE1181" s="23"/>
      <c r="IF1181" s="23"/>
      <c r="IG1181" s="23"/>
      <c r="IH1181" s="23"/>
      <c r="II1181" s="23"/>
      <c r="IJ1181" s="23"/>
      <c r="IK1181" s="23"/>
      <c r="IL1181" s="23"/>
      <c r="IM1181" s="23"/>
      <c r="IN1181" s="23"/>
      <c r="IO1181" s="23"/>
      <c r="IP1181" s="23"/>
      <c r="IQ1181" s="23"/>
    </row>
    <row r="1182" spans="1:251" s="50" customFormat="1" ht="18.75" customHeight="1">
      <c r="A1182" s="34"/>
      <c r="B1182" s="46"/>
      <c r="C1182" s="130" t="s">
        <v>202</v>
      </c>
      <c r="D1182" s="130"/>
      <c r="E1182" s="130"/>
      <c r="F1182" s="130"/>
      <c r="G1182" s="130"/>
      <c r="H1182" s="130"/>
      <c r="I1182" s="130"/>
      <c r="J1182" s="130"/>
      <c r="K1182" s="130"/>
      <c r="L1182" s="130"/>
      <c r="M1182" s="130"/>
      <c r="N1182" s="130"/>
      <c r="O1182" s="130"/>
      <c r="P1182" s="130"/>
      <c r="Q1182" s="130"/>
      <c r="R1182" s="130"/>
      <c r="S1182" s="130"/>
      <c r="T1182" s="130"/>
      <c r="U1182" s="130"/>
      <c r="V1182" s="130"/>
      <c r="W1182" s="130"/>
      <c r="X1182" s="130"/>
      <c r="Y1182" s="130"/>
      <c r="Z1182" s="131"/>
      <c r="AA1182" s="132">
        <v>4283115</v>
      </c>
      <c r="AB1182" s="133"/>
      <c r="AC1182" s="133"/>
      <c r="AD1182" s="133"/>
      <c r="AE1182" s="133"/>
      <c r="AF1182" s="133"/>
      <c r="AG1182" s="133"/>
      <c r="AH1182" s="133"/>
      <c r="AI1182" s="134"/>
      <c r="AJ1182" s="132">
        <v>7897165</v>
      </c>
      <c r="AK1182" s="133"/>
      <c r="AL1182" s="133"/>
      <c r="AM1182" s="133"/>
      <c r="AN1182" s="133"/>
      <c r="AO1182" s="133"/>
      <c r="AP1182" s="133"/>
      <c r="AQ1182" s="133"/>
      <c r="AR1182" s="134"/>
      <c r="AS1182" s="132"/>
      <c r="AT1182" s="133"/>
      <c r="AU1182" s="133"/>
      <c r="AV1182" s="133"/>
      <c r="AW1182" s="133"/>
      <c r="AX1182" s="135"/>
      <c r="AY1182" s="23"/>
      <c r="AZ1182" s="23"/>
      <c r="BA1182" s="23"/>
      <c r="BB1182" s="23"/>
      <c r="BC1182" s="23"/>
      <c r="BD1182" s="23"/>
      <c r="BE1182" s="23"/>
      <c r="BF1182" s="23"/>
      <c r="BG1182" s="23"/>
      <c r="BH1182" s="23"/>
      <c r="BI1182" s="23"/>
      <c r="BJ1182" s="23"/>
      <c r="BK1182" s="23"/>
      <c r="BL1182" s="23"/>
      <c r="BM1182" s="23"/>
      <c r="BN1182" s="23"/>
      <c r="BO1182" s="23"/>
      <c r="BP1182" s="23"/>
      <c r="BQ1182" s="23"/>
      <c r="BR1182" s="23"/>
      <c r="BS1182" s="23"/>
      <c r="BT1182" s="23"/>
      <c r="BU1182" s="23"/>
      <c r="BV1182" s="23"/>
      <c r="BW1182" s="23"/>
      <c r="BX1182" s="23"/>
      <c r="BY1182" s="23"/>
      <c r="BZ1182" s="23"/>
      <c r="CA1182" s="23"/>
      <c r="CB1182" s="23"/>
      <c r="CC1182" s="23"/>
      <c r="CD1182" s="23"/>
      <c r="CE1182" s="23"/>
      <c r="CF1182" s="23"/>
      <c r="CG1182" s="23"/>
      <c r="CH1182" s="23"/>
      <c r="CI1182" s="23"/>
      <c r="CJ1182" s="23"/>
      <c r="CK1182" s="23"/>
      <c r="CL1182" s="23"/>
      <c r="CM1182" s="23"/>
      <c r="CN1182" s="23"/>
      <c r="CO1182" s="23"/>
      <c r="CP1182" s="23"/>
      <c r="CQ1182" s="23"/>
      <c r="CR1182" s="23"/>
      <c r="CS1182" s="23"/>
      <c r="CT1182" s="23"/>
      <c r="CU1182" s="23"/>
      <c r="CV1182" s="23"/>
      <c r="CW1182" s="23"/>
      <c r="CX1182" s="23"/>
      <c r="CY1182" s="23"/>
      <c r="CZ1182" s="23"/>
      <c r="DA1182" s="23"/>
      <c r="DB1182" s="23"/>
      <c r="DC1182" s="23"/>
      <c r="DD1182" s="23"/>
      <c r="DE1182" s="23"/>
      <c r="DF1182" s="23"/>
      <c r="DG1182" s="23"/>
      <c r="DH1182" s="23"/>
      <c r="DI1182" s="23"/>
      <c r="DJ1182" s="23"/>
      <c r="DK1182" s="23"/>
      <c r="DL1182" s="23"/>
      <c r="DM1182" s="23"/>
      <c r="DN1182" s="23"/>
      <c r="DO1182" s="23"/>
      <c r="DP1182" s="23"/>
      <c r="DQ1182" s="23"/>
      <c r="DR1182" s="23"/>
      <c r="DS1182" s="23"/>
      <c r="DT1182" s="23"/>
      <c r="DU1182" s="23"/>
      <c r="DV1182" s="23"/>
      <c r="DW1182" s="23"/>
      <c r="DX1182" s="23"/>
      <c r="DY1182" s="23"/>
      <c r="DZ1182" s="23"/>
      <c r="EA1182" s="23"/>
      <c r="EB1182" s="23"/>
      <c r="EC1182" s="23"/>
      <c r="ED1182" s="23"/>
      <c r="EE1182" s="23"/>
      <c r="EF1182" s="23"/>
      <c r="EG1182" s="23"/>
      <c r="EH1182" s="23"/>
      <c r="EI1182" s="23"/>
      <c r="EJ1182" s="23"/>
      <c r="EK1182" s="23"/>
      <c r="EL1182" s="23"/>
      <c r="EM1182" s="23"/>
      <c r="EN1182" s="23"/>
      <c r="EO1182" s="23"/>
      <c r="EP1182" s="23"/>
      <c r="EQ1182" s="23"/>
      <c r="ER1182" s="23"/>
      <c r="ES1182" s="23"/>
      <c r="ET1182" s="23"/>
      <c r="EU1182" s="23"/>
      <c r="EV1182" s="23"/>
      <c r="EW1182" s="23"/>
      <c r="EX1182" s="23"/>
      <c r="EY1182" s="23"/>
      <c r="EZ1182" s="23"/>
      <c r="FA1182" s="23"/>
      <c r="FB1182" s="23"/>
      <c r="FC1182" s="23"/>
      <c r="FD1182" s="23"/>
      <c r="FE1182" s="23"/>
      <c r="FF1182" s="23"/>
      <c r="FG1182" s="23"/>
      <c r="FH1182" s="23"/>
      <c r="FI1182" s="23"/>
      <c r="FJ1182" s="23"/>
      <c r="FK1182" s="23"/>
      <c r="FL1182" s="23"/>
      <c r="FM1182" s="23"/>
      <c r="FN1182" s="23"/>
      <c r="FO1182" s="23"/>
      <c r="FP1182" s="23"/>
      <c r="FQ1182" s="23"/>
      <c r="FR1182" s="23"/>
      <c r="FS1182" s="23"/>
      <c r="FT1182" s="23"/>
      <c r="FU1182" s="23"/>
      <c r="FV1182" s="23"/>
      <c r="FW1182" s="23"/>
      <c r="FX1182" s="23"/>
      <c r="FY1182" s="23"/>
      <c r="FZ1182" s="23"/>
      <c r="GA1182" s="23"/>
      <c r="GB1182" s="23"/>
      <c r="GC1182" s="23"/>
      <c r="GD1182" s="23"/>
      <c r="GE1182" s="23"/>
      <c r="GF1182" s="23"/>
      <c r="GG1182" s="23"/>
      <c r="GH1182" s="23"/>
      <c r="GI1182" s="23"/>
      <c r="GJ1182" s="23"/>
      <c r="GK1182" s="23"/>
      <c r="GL1182" s="23"/>
      <c r="GM1182" s="23"/>
      <c r="GN1182" s="23"/>
      <c r="GO1182" s="23"/>
      <c r="GP1182" s="23"/>
      <c r="GQ1182" s="23"/>
      <c r="GR1182" s="23"/>
      <c r="GS1182" s="23"/>
      <c r="GT1182" s="23"/>
      <c r="GU1182" s="23"/>
      <c r="GV1182" s="23"/>
      <c r="GW1182" s="23"/>
      <c r="GX1182" s="23"/>
      <c r="GY1182" s="23"/>
      <c r="GZ1182" s="23"/>
      <c r="HA1182" s="23"/>
      <c r="HB1182" s="23"/>
      <c r="HC1182" s="23"/>
      <c r="HD1182" s="23"/>
      <c r="HE1182" s="23"/>
      <c r="HF1182" s="23"/>
      <c r="HG1182" s="23"/>
      <c r="HH1182" s="23"/>
      <c r="HI1182" s="23"/>
      <c r="HJ1182" s="23"/>
      <c r="HK1182" s="23"/>
      <c r="HL1182" s="23"/>
      <c r="HM1182" s="23"/>
      <c r="HN1182" s="23"/>
      <c r="HO1182" s="23"/>
      <c r="HP1182" s="23"/>
      <c r="HQ1182" s="23"/>
      <c r="HR1182" s="23"/>
      <c r="HS1182" s="23"/>
      <c r="HT1182" s="23"/>
      <c r="HU1182" s="23"/>
      <c r="HV1182" s="23"/>
      <c r="HW1182" s="23"/>
      <c r="HX1182" s="23"/>
      <c r="HY1182" s="23"/>
      <c r="HZ1182" s="23"/>
      <c r="IA1182" s="23"/>
      <c r="IB1182" s="23"/>
      <c r="IC1182" s="23"/>
      <c r="ID1182" s="23"/>
      <c r="IE1182" s="23"/>
      <c r="IF1182" s="23"/>
      <c r="IG1182" s="23"/>
      <c r="IH1182" s="23"/>
      <c r="II1182" s="23"/>
      <c r="IJ1182" s="23"/>
      <c r="IK1182" s="23"/>
      <c r="IL1182" s="23"/>
      <c r="IM1182" s="23"/>
      <c r="IN1182" s="23"/>
      <c r="IO1182" s="23"/>
      <c r="IP1182" s="23"/>
      <c r="IQ1182" s="23"/>
    </row>
    <row r="1183" spans="1:251" s="50" customFormat="1" ht="18.75" customHeight="1">
      <c r="A1183" s="34"/>
      <c r="B1183" s="47"/>
      <c r="C1183" s="130"/>
      <c r="D1183" s="130"/>
      <c r="E1183" s="130"/>
      <c r="F1183" s="130"/>
      <c r="G1183" s="130"/>
      <c r="H1183" s="130"/>
      <c r="I1183" s="130"/>
      <c r="J1183" s="130"/>
      <c r="K1183" s="130"/>
      <c r="L1183" s="130"/>
      <c r="M1183" s="130"/>
      <c r="N1183" s="130"/>
      <c r="O1183" s="130"/>
      <c r="P1183" s="130"/>
      <c r="Q1183" s="130"/>
      <c r="R1183" s="130"/>
      <c r="S1183" s="130"/>
      <c r="T1183" s="130"/>
      <c r="U1183" s="130"/>
      <c r="V1183" s="130"/>
      <c r="W1183" s="130"/>
      <c r="X1183" s="130"/>
      <c r="Y1183" s="130"/>
      <c r="Z1183" s="131"/>
      <c r="AA1183" s="132"/>
      <c r="AB1183" s="133"/>
      <c r="AC1183" s="133"/>
      <c r="AD1183" s="133"/>
      <c r="AE1183" s="133"/>
      <c r="AF1183" s="133"/>
      <c r="AG1183" s="133"/>
      <c r="AH1183" s="133"/>
      <c r="AI1183" s="134"/>
      <c r="AJ1183" s="132"/>
      <c r="AK1183" s="133"/>
      <c r="AL1183" s="133"/>
      <c r="AM1183" s="133"/>
      <c r="AN1183" s="133"/>
      <c r="AO1183" s="133"/>
      <c r="AP1183" s="133"/>
      <c r="AQ1183" s="133"/>
      <c r="AR1183" s="134"/>
      <c r="AS1183" s="132"/>
      <c r="AT1183" s="133"/>
      <c r="AU1183" s="133"/>
      <c r="AV1183" s="133"/>
      <c r="AW1183" s="133"/>
      <c r="AX1183" s="135"/>
      <c r="AY1183" s="23"/>
      <c r="AZ1183" s="23"/>
      <c r="BA1183" s="23"/>
      <c r="BB1183" s="23"/>
      <c r="BC1183" s="23"/>
      <c r="BD1183" s="23"/>
      <c r="BE1183" s="23"/>
      <c r="BF1183" s="23"/>
      <c r="BG1183" s="23"/>
      <c r="BH1183" s="23"/>
      <c r="BI1183" s="23"/>
      <c r="BJ1183" s="23"/>
      <c r="BK1183" s="23"/>
      <c r="BL1183" s="23"/>
      <c r="BM1183" s="23"/>
      <c r="BN1183" s="23"/>
      <c r="BO1183" s="23"/>
      <c r="BP1183" s="23"/>
      <c r="BQ1183" s="23"/>
      <c r="BR1183" s="23"/>
      <c r="BS1183" s="23"/>
      <c r="BT1183" s="23"/>
      <c r="BU1183" s="23"/>
      <c r="BV1183" s="23"/>
      <c r="BW1183" s="23"/>
      <c r="BX1183" s="23"/>
      <c r="BY1183" s="23"/>
      <c r="BZ1183" s="23"/>
      <c r="CA1183" s="23"/>
      <c r="CB1183" s="23"/>
      <c r="CC1183" s="23"/>
      <c r="CD1183" s="23"/>
      <c r="CE1183" s="23"/>
      <c r="CF1183" s="23"/>
      <c r="CG1183" s="23"/>
      <c r="CH1183" s="23"/>
      <c r="CI1183" s="23"/>
      <c r="CJ1183" s="23"/>
      <c r="CK1183" s="23"/>
      <c r="CL1183" s="23"/>
      <c r="CM1183" s="23"/>
      <c r="CN1183" s="23"/>
      <c r="CO1183" s="23"/>
      <c r="CP1183" s="23"/>
      <c r="CQ1183" s="23"/>
      <c r="CR1183" s="23"/>
      <c r="CS1183" s="23"/>
      <c r="CT1183" s="23"/>
      <c r="CU1183" s="23"/>
      <c r="CV1183" s="23"/>
      <c r="CW1183" s="23"/>
      <c r="CX1183" s="23"/>
      <c r="CY1183" s="23"/>
      <c r="CZ1183" s="23"/>
      <c r="DA1183" s="23"/>
      <c r="DB1183" s="23"/>
      <c r="DC1183" s="23"/>
      <c r="DD1183" s="23"/>
      <c r="DE1183" s="23"/>
      <c r="DF1183" s="23"/>
      <c r="DG1183" s="23"/>
      <c r="DH1183" s="23"/>
      <c r="DI1183" s="23"/>
      <c r="DJ1183" s="23"/>
      <c r="DK1183" s="23"/>
      <c r="DL1183" s="23"/>
      <c r="DM1183" s="23"/>
      <c r="DN1183" s="23"/>
      <c r="DO1183" s="23"/>
      <c r="DP1183" s="23"/>
      <c r="DQ1183" s="23"/>
      <c r="DR1183" s="23"/>
      <c r="DS1183" s="23"/>
      <c r="DT1183" s="23"/>
      <c r="DU1183" s="23"/>
      <c r="DV1183" s="23"/>
      <c r="DW1183" s="23"/>
      <c r="DX1183" s="23"/>
      <c r="DY1183" s="23"/>
      <c r="DZ1183" s="23"/>
      <c r="EA1183" s="23"/>
      <c r="EB1183" s="23"/>
      <c r="EC1183" s="23"/>
      <c r="ED1183" s="23"/>
      <c r="EE1183" s="23"/>
      <c r="EF1183" s="23"/>
      <c r="EG1183" s="23"/>
      <c r="EH1183" s="23"/>
      <c r="EI1183" s="23"/>
      <c r="EJ1183" s="23"/>
      <c r="EK1183" s="23"/>
      <c r="EL1183" s="23"/>
      <c r="EM1183" s="23"/>
      <c r="EN1183" s="23"/>
      <c r="EO1183" s="23"/>
      <c r="EP1183" s="23"/>
      <c r="EQ1183" s="23"/>
      <c r="ER1183" s="23"/>
      <c r="ES1183" s="23"/>
      <c r="ET1183" s="23"/>
      <c r="EU1183" s="23"/>
      <c r="EV1183" s="23"/>
      <c r="EW1183" s="23"/>
      <c r="EX1183" s="23"/>
      <c r="EY1183" s="23"/>
      <c r="EZ1183" s="23"/>
      <c r="FA1183" s="23"/>
      <c r="FB1183" s="23"/>
      <c r="FC1183" s="23"/>
      <c r="FD1183" s="23"/>
      <c r="FE1183" s="23"/>
      <c r="FF1183" s="23"/>
      <c r="FG1183" s="23"/>
      <c r="FH1183" s="23"/>
      <c r="FI1183" s="23"/>
      <c r="FJ1183" s="23"/>
      <c r="FK1183" s="23"/>
      <c r="FL1183" s="23"/>
      <c r="FM1183" s="23"/>
      <c r="FN1183" s="23"/>
      <c r="FO1183" s="23"/>
      <c r="FP1183" s="23"/>
      <c r="FQ1183" s="23"/>
      <c r="FR1183" s="23"/>
      <c r="FS1183" s="23"/>
      <c r="FT1183" s="23"/>
      <c r="FU1183" s="23"/>
      <c r="FV1183" s="23"/>
      <c r="FW1183" s="23"/>
      <c r="FX1183" s="23"/>
      <c r="FY1183" s="23"/>
      <c r="FZ1183" s="23"/>
      <c r="GA1183" s="23"/>
      <c r="GB1183" s="23"/>
      <c r="GC1183" s="23"/>
      <c r="GD1183" s="23"/>
      <c r="GE1183" s="23"/>
      <c r="GF1183" s="23"/>
      <c r="GG1183" s="23"/>
      <c r="GH1183" s="23"/>
      <c r="GI1183" s="23"/>
      <c r="GJ1183" s="23"/>
      <c r="GK1183" s="23"/>
      <c r="GL1183" s="23"/>
      <c r="GM1183" s="23"/>
      <c r="GN1183" s="23"/>
      <c r="GO1183" s="23"/>
      <c r="GP1183" s="23"/>
      <c r="GQ1183" s="23"/>
      <c r="GR1183" s="23"/>
      <c r="GS1183" s="23"/>
      <c r="GT1183" s="23"/>
      <c r="GU1183" s="23"/>
      <c r="GV1183" s="23"/>
      <c r="GW1183" s="23"/>
      <c r="GX1183" s="23"/>
      <c r="GY1183" s="23"/>
      <c r="GZ1183" s="23"/>
      <c r="HA1183" s="23"/>
      <c r="HB1183" s="23"/>
      <c r="HC1183" s="23"/>
      <c r="HD1183" s="23"/>
      <c r="HE1183" s="23"/>
      <c r="HF1183" s="23"/>
      <c r="HG1183" s="23"/>
      <c r="HH1183" s="23"/>
      <c r="HI1183" s="23"/>
      <c r="HJ1183" s="23"/>
      <c r="HK1183" s="23"/>
      <c r="HL1183" s="23"/>
      <c r="HM1183" s="23"/>
      <c r="HN1183" s="23"/>
      <c r="HO1183" s="23"/>
      <c r="HP1183" s="23"/>
      <c r="HQ1183" s="23"/>
      <c r="HR1183" s="23"/>
      <c r="HS1183" s="23"/>
      <c r="HT1183" s="23"/>
      <c r="HU1183" s="23"/>
      <c r="HV1183" s="23"/>
      <c r="HW1183" s="23"/>
      <c r="HX1183" s="23"/>
      <c r="HY1183" s="23"/>
      <c r="HZ1183" s="23"/>
      <c r="IA1183" s="23"/>
      <c r="IB1183" s="23"/>
      <c r="IC1183" s="23"/>
      <c r="ID1183" s="23"/>
      <c r="IE1183" s="23"/>
      <c r="IF1183" s="23"/>
      <c r="IG1183" s="23"/>
      <c r="IH1183" s="23"/>
      <c r="II1183" s="23"/>
      <c r="IJ1183" s="23"/>
      <c r="IK1183" s="23"/>
      <c r="IL1183" s="23"/>
      <c r="IM1183" s="23"/>
      <c r="IN1183" s="23"/>
      <c r="IO1183" s="23"/>
      <c r="IP1183" s="23"/>
      <c r="IQ1183" s="23"/>
    </row>
    <row r="1184" spans="1:251" s="50" customFormat="1" ht="18.75" customHeight="1">
      <c r="A1184" s="34"/>
      <c r="B1184" s="47"/>
      <c r="C1184" s="130"/>
      <c r="D1184" s="130"/>
      <c r="E1184" s="130"/>
      <c r="F1184" s="130"/>
      <c r="G1184" s="130"/>
      <c r="H1184" s="130"/>
      <c r="I1184" s="130"/>
      <c r="J1184" s="130"/>
      <c r="K1184" s="130"/>
      <c r="L1184" s="130"/>
      <c r="M1184" s="130"/>
      <c r="N1184" s="130"/>
      <c r="O1184" s="130"/>
      <c r="P1184" s="130"/>
      <c r="Q1184" s="130"/>
      <c r="R1184" s="130"/>
      <c r="S1184" s="130"/>
      <c r="T1184" s="130"/>
      <c r="U1184" s="130"/>
      <c r="V1184" s="130"/>
      <c r="W1184" s="130"/>
      <c r="X1184" s="130"/>
      <c r="Y1184" s="130"/>
      <c r="Z1184" s="131"/>
      <c r="AA1184" s="132"/>
      <c r="AB1184" s="133"/>
      <c r="AC1184" s="133"/>
      <c r="AD1184" s="133"/>
      <c r="AE1184" s="133"/>
      <c r="AF1184" s="133"/>
      <c r="AG1184" s="133"/>
      <c r="AH1184" s="133"/>
      <c r="AI1184" s="134"/>
      <c r="AJ1184" s="132"/>
      <c r="AK1184" s="133"/>
      <c r="AL1184" s="133"/>
      <c r="AM1184" s="133"/>
      <c r="AN1184" s="133"/>
      <c r="AO1184" s="133"/>
      <c r="AP1184" s="133"/>
      <c r="AQ1184" s="133"/>
      <c r="AR1184" s="134"/>
      <c r="AS1184" s="132"/>
      <c r="AT1184" s="133"/>
      <c r="AU1184" s="133"/>
      <c r="AV1184" s="133"/>
      <c r="AW1184" s="133"/>
      <c r="AX1184" s="135"/>
      <c r="AY1184" s="23"/>
      <c r="AZ1184" s="23"/>
      <c r="BA1184" s="23"/>
      <c r="BB1184" s="23"/>
      <c r="BC1184" s="23"/>
      <c r="BD1184" s="23"/>
      <c r="BE1184" s="23"/>
      <c r="BF1184" s="23"/>
      <c r="BG1184" s="23"/>
      <c r="BH1184" s="23"/>
      <c r="BI1184" s="23"/>
      <c r="BJ1184" s="23"/>
      <c r="BK1184" s="23"/>
      <c r="BL1184" s="23"/>
      <c r="BM1184" s="23"/>
      <c r="BN1184" s="23"/>
      <c r="BO1184" s="23"/>
      <c r="BP1184" s="23"/>
      <c r="BQ1184" s="23"/>
      <c r="BR1184" s="23"/>
      <c r="BS1184" s="23"/>
      <c r="BT1184" s="23"/>
      <c r="BU1184" s="23"/>
      <c r="BV1184" s="23"/>
      <c r="BW1184" s="23"/>
      <c r="BX1184" s="23"/>
      <c r="BY1184" s="23"/>
      <c r="BZ1184" s="23"/>
      <c r="CA1184" s="23"/>
      <c r="CB1184" s="23"/>
      <c r="CC1184" s="23"/>
      <c r="CD1184" s="23"/>
      <c r="CE1184" s="23"/>
      <c r="CF1184" s="23"/>
      <c r="CG1184" s="23"/>
      <c r="CH1184" s="23"/>
      <c r="CI1184" s="23"/>
      <c r="CJ1184" s="23"/>
      <c r="CK1184" s="23"/>
      <c r="CL1184" s="23"/>
      <c r="CM1184" s="23"/>
      <c r="CN1184" s="23"/>
      <c r="CO1184" s="23"/>
      <c r="CP1184" s="23"/>
      <c r="CQ1184" s="23"/>
      <c r="CR1184" s="23"/>
      <c r="CS1184" s="23"/>
      <c r="CT1184" s="23"/>
      <c r="CU1184" s="23"/>
      <c r="CV1184" s="23"/>
      <c r="CW1184" s="23"/>
      <c r="CX1184" s="23"/>
      <c r="CY1184" s="23"/>
      <c r="CZ1184" s="23"/>
      <c r="DA1184" s="23"/>
      <c r="DB1184" s="23"/>
      <c r="DC1184" s="23"/>
      <c r="DD1184" s="23"/>
      <c r="DE1184" s="23"/>
      <c r="DF1184" s="23"/>
      <c r="DG1184" s="23"/>
      <c r="DH1184" s="23"/>
      <c r="DI1184" s="23"/>
      <c r="DJ1184" s="23"/>
      <c r="DK1184" s="23"/>
      <c r="DL1184" s="23"/>
      <c r="DM1184" s="23"/>
      <c r="DN1184" s="23"/>
      <c r="DO1184" s="23"/>
      <c r="DP1184" s="23"/>
      <c r="DQ1184" s="23"/>
      <c r="DR1184" s="23"/>
      <c r="DS1184" s="23"/>
      <c r="DT1184" s="23"/>
      <c r="DU1184" s="23"/>
      <c r="DV1184" s="23"/>
      <c r="DW1184" s="23"/>
      <c r="DX1184" s="23"/>
      <c r="DY1184" s="23"/>
      <c r="DZ1184" s="23"/>
      <c r="EA1184" s="23"/>
      <c r="EB1184" s="23"/>
      <c r="EC1184" s="23"/>
      <c r="ED1184" s="23"/>
      <c r="EE1184" s="23"/>
      <c r="EF1184" s="23"/>
      <c r="EG1184" s="23"/>
      <c r="EH1184" s="23"/>
      <c r="EI1184" s="23"/>
      <c r="EJ1184" s="23"/>
      <c r="EK1184" s="23"/>
      <c r="EL1184" s="23"/>
      <c r="EM1184" s="23"/>
      <c r="EN1184" s="23"/>
      <c r="EO1184" s="23"/>
      <c r="EP1184" s="23"/>
      <c r="EQ1184" s="23"/>
      <c r="ER1184" s="23"/>
      <c r="ES1184" s="23"/>
      <c r="ET1184" s="23"/>
      <c r="EU1184" s="23"/>
      <c r="EV1184" s="23"/>
      <c r="EW1184" s="23"/>
      <c r="EX1184" s="23"/>
      <c r="EY1184" s="23"/>
      <c r="EZ1184" s="23"/>
      <c r="FA1184" s="23"/>
      <c r="FB1184" s="23"/>
      <c r="FC1184" s="23"/>
      <c r="FD1184" s="23"/>
      <c r="FE1184" s="23"/>
      <c r="FF1184" s="23"/>
      <c r="FG1184" s="23"/>
      <c r="FH1184" s="23"/>
      <c r="FI1184" s="23"/>
      <c r="FJ1184" s="23"/>
      <c r="FK1184" s="23"/>
      <c r="FL1184" s="23"/>
      <c r="FM1184" s="23"/>
      <c r="FN1184" s="23"/>
      <c r="FO1184" s="23"/>
      <c r="FP1184" s="23"/>
      <c r="FQ1184" s="23"/>
      <c r="FR1184" s="23"/>
      <c r="FS1184" s="23"/>
      <c r="FT1184" s="23"/>
      <c r="FU1184" s="23"/>
      <c r="FV1184" s="23"/>
      <c r="FW1184" s="23"/>
      <c r="FX1184" s="23"/>
      <c r="FY1184" s="23"/>
      <c r="FZ1184" s="23"/>
      <c r="GA1184" s="23"/>
      <c r="GB1184" s="23"/>
      <c r="GC1184" s="23"/>
      <c r="GD1184" s="23"/>
      <c r="GE1184" s="23"/>
      <c r="GF1184" s="23"/>
      <c r="GG1184" s="23"/>
      <c r="GH1184" s="23"/>
      <c r="GI1184" s="23"/>
      <c r="GJ1184" s="23"/>
      <c r="GK1184" s="23"/>
      <c r="GL1184" s="23"/>
      <c r="GM1184" s="23"/>
      <c r="GN1184" s="23"/>
      <c r="GO1184" s="23"/>
      <c r="GP1184" s="23"/>
      <c r="GQ1184" s="23"/>
      <c r="GR1184" s="23"/>
      <c r="GS1184" s="23"/>
      <c r="GT1184" s="23"/>
      <c r="GU1184" s="23"/>
      <c r="GV1184" s="23"/>
      <c r="GW1184" s="23"/>
      <c r="GX1184" s="23"/>
      <c r="GY1184" s="23"/>
      <c r="GZ1184" s="23"/>
      <c r="HA1184" s="23"/>
      <c r="HB1184" s="23"/>
      <c r="HC1184" s="23"/>
      <c r="HD1184" s="23"/>
      <c r="HE1184" s="23"/>
      <c r="HF1184" s="23"/>
      <c r="HG1184" s="23"/>
      <c r="HH1184" s="23"/>
      <c r="HI1184" s="23"/>
      <c r="HJ1184" s="23"/>
      <c r="HK1184" s="23"/>
      <c r="HL1184" s="23"/>
      <c r="HM1184" s="23"/>
      <c r="HN1184" s="23"/>
      <c r="HO1184" s="23"/>
      <c r="HP1184" s="23"/>
      <c r="HQ1184" s="23"/>
      <c r="HR1184" s="23"/>
      <c r="HS1184" s="23"/>
      <c r="HT1184" s="23"/>
      <c r="HU1184" s="23"/>
      <c r="HV1184" s="23"/>
      <c r="HW1184" s="23"/>
      <c r="HX1184" s="23"/>
      <c r="HY1184" s="23"/>
      <c r="HZ1184" s="23"/>
      <c r="IA1184" s="23"/>
      <c r="IB1184" s="23"/>
      <c r="IC1184" s="23"/>
      <c r="ID1184" s="23"/>
      <c r="IE1184" s="23"/>
      <c r="IF1184" s="23"/>
      <c r="IG1184" s="23"/>
      <c r="IH1184" s="23"/>
      <c r="II1184" s="23"/>
      <c r="IJ1184" s="23"/>
      <c r="IK1184" s="23"/>
      <c r="IL1184" s="23"/>
      <c r="IM1184" s="23"/>
      <c r="IN1184" s="23"/>
      <c r="IO1184" s="23"/>
      <c r="IP1184" s="23"/>
      <c r="IQ1184" s="23"/>
    </row>
    <row r="1185" spans="1:251" s="50" customFormat="1" ht="18.75" customHeight="1">
      <c r="A1185" s="34"/>
      <c r="B1185" s="47"/>
      <c r="C1185" s="130"/>
      <c r="D1185" s="130"/>
      <c r="E1185" s="130"/>
      <c r="F1185" s="130"/>
      <c r="G1185" s="130"/>
      <c r="H1185" s="130"/>
      <c r="I1185" s="130"/>
      <c r="J1185" s="130"/>
      <c r="K1185" s="130"/>
      <c r="L1185" s="130"/>
      <c r="M1185" s="130"/>
      <c r="N1185" s="130"/>
      <c r="O1185" s="130"/>
      <c r="P1185" s="130"/>
      <c r="Q1185" s="130"/>
      <c r="R1185" s="130"/>
      <c r="S1185" s="130"/>
      <c r="T1185" s="130"/>
      <c r="U1185" s="130"/>
      <c r="V1185" s="130"/>
      <c r="W1185" s="130"/>
      <c r="X1185" s="130"/>
      <c r="Y1185" s="130"/>
      <c r="Z1185" s="131"/>
      <c r="AA1185" s="132"/>
      <c r="AB1185" s="133"/>
      <c r="AC1185" s="133"/>
      <c r="AD1185" s="133"/>
      <c r="AE1185" s="133"/>
      <c r="AF1185" s="133"/>
      <c r="AG1185" s="133"/>
      <c r="AH1185" s="133"/>
      <c r="AI1185" s="134"/>
      <c r="AJ1185" s="132"/>
      <c r="AK1185" s="133"/>
      <c r="AL1185" s="133"/>
      <c r="AM1185" s="133"/>
      <c r="AN1185" s="133"/>
      <c r="AO1185" s="133"/>
      <c r="AP1185" s="133"/>
      <c r="AQ1185" s="133"/>
      <c r="AR1185" s="134"/>
      <c r="AS1185" s="132"/>
      <c r="AT1185" s="133"/>
      <c r="AU1185" s="133"/>
      <c r="AV1185" s="133"/>
      <c r="AW1185" s="133"/>
      <c r="AX1185" s="135"/>
      <c r="AY1185" s="23"/>
      <c r="AZ1185" s="23"/>
      <c r="BA1185" s="23"/>
      <c r="BB1185" s="23"/>
      <c r="BC1185" s="23"/>
      <c r="BD1185" s="23"/>
      <c r="BE1185" s="23"/>
      <c r="BF1185" s="23"/>
      <c r="BG1185" s="23"/>
      <c r="BH1185" s="23"/>
      <c r="BI1185" s="23"/>
      <c r="BJ1185" s="23"/>
      <c r="BK1185" s="23"/>
      <c r="BL1185" s="23"/>
      <c r="BM1185" s="23"/>
      <c r="BN1185" s="23"/>
      <c r="BO1185" s="23"/>
      <c r="BP1185" s="23"/>
      <c r="BQ1185" s="23"/>
      <c r="BR1185" s="23"/>
      <c r="BS1185" s="23"/>
      <c r="BT1185" s="23"/>
      <c r="BU1185" s="23"/>
      <c r="BV1185" s="23"/>
      <c r="BW1185" s="23"/>
      <c r="BX1185" s="23"/>
      <c r="BY1185" s="23"/>
      <c r="BZ1185" s="23"/>
      <c r="CA1185" s="23"/>
      <c r="CB1185" s="23"/>
      <c r="CC1185" s="23"/>
      <c r="CD1185" s="23"/>
      <c r="CE1185" s="23"/>
      <c r="CF1185" s="23"/>
      <c r="CG1185" s="23"/>
      <c r="CH1185" s="23"/>
      <c r="CI1185" s="23"/>
      <c r="CJ1185" s="23"/>
      <c r="CK1185" s="23"/>
      <c r="CL1185" s="23"/>
      <c r="CM1185" s="23"/>
      <c r="CN1185" s="23"/>
      <c r="CO1185" s="23"/>
      <c r="CP1185" s="23"/>
      <c r="CQ1185" s="23"/>
      <c r="CR1185" s="23"/>
      <c r="CS1185" s="23"/>
      <c r="CT1185" s="23"/>
      <c r="CU1185" s="23"/>
      <c r="CV1185" s="23"/>
      <c r="CW1185" s="23"/>
      <c r="CX1185" s="23"/>
      <c r="CY1185" s="23"/>
      <c r="CZ1185" s="23"/>
      <c r="DA1185" s="23"/>
      <c r="DB1185" s="23"/>
      <c r="DC1185" s="23"/>
      <c r="DD1185" s="23"/>
      <c r="DE1185" s="23"/>
      <c r="DF1185" s="23"/>
      <c r="DG1185" s="23"/>
      <c r="DH1185" s="23"/>
      <c r="DI1185" s="23"/>
      <c r="DJ1185" s="23"/>
      <c r="DK1185" s="23"/>
      <c r="DL1185" s="23"/>
      <c r="DM1185" s="23"/>
      <c r="DN1185" s="23"/>
      <c r="DO1185" s="23"/>
      <c r="DP1185" s="23"/>
      <c r="DQ1185" s="23"/>
      <c r="DR1185" s="23"/>
      <c r="DS1185" s="23"/>
      <c r="DT1185" s="23"/>
      <c r="DU1185" s="23"/>
      <c r="DV1185" s="23"/>
      <c r="DW1185" s="23"/>
      <c r="DX1185" s="23"/>
      <c r="DY1185" s="23"/>
      <c r="DZ1185" s="23"/>
      <c r="EA1185" s="23"/>
      <c r="EB1185" s="23"/>
      <c r="EC1185" s="23"/>
      <c r="ED1185" s="23"/>
      <c r="EE1185" s="23"/>
      <c r="EF1185" s="23"/>
      <c r="EG1185" s="23"/>
      <c r="EH1185" s="23"/>
      <c r="EI1185" s="23"/>
      <c r="EJ1185" s="23"/>
      <c r="EK1185" s="23"/>
      <c r="EL1185" s="23"/>
      <c r="EM1185" s="23"/>
      <c r="EN1185" s="23"/>
      <c r="EO1185" s="23"/>
      <c r="EP1185" s="23"/>
      <c r="EQ1185" s="23"/>
      <c r="ER1185" s="23"/>
      <c r="ES1185" s="23"/>
      <c r="ET1185" s="23"/>
      <c r="EU1185" s="23"/>
      <c r="EV1185" s="23"/>
      <c r="EW1185" s="23"/>
      <c r="EX1185" s="23"/>
      <c r="EY1185" s="23"/>
      <c r="EZ1185" s="23"/>
      <c r="FA1185" s="23"/>
      <c r="FB1185" s="23"/>
      <c r="FC1185" s="23"/>
      <c r="FD1185" s="23"/>
      <c r="FE1185" s="23"/>
      <c r="FF1185" s="23"/>
      <c r="FG1185" s="23"/>
      <c r="FH1185" s="23"/>
      <c r="FI1185" s="23"/>
      <c r="FJ1185" s="23"/>
      <c r="FK1185" s="23"/>
      <c r="FL1185" s="23"/>
      <c r="FM1185" s="23"/>
      <c r="FN1185" s="23"/>
      <c r="FO1185" s="23"/>
      <c r="FP1185" s="23"/>
      <c r="FQ1185" s="23"/>
      <c r="FR1185" s="23"/>
      <c r="FS1185" s="23"/>
      <c r="FT1185" s="23"/>
      <c r="FU1185" s="23"/>
      <c r="FV1185" s="23"/>
      <c r="FW1185" s="23"/>
      <c r="FX1185" s="23"/>
      <c r="FY1185" s="23"/>
      <c r="FZ1185" s="23"/>
      <c r="GA1185" s="23"/>
      <c r="GB1185" s="23"/>
      <c r="GC1185" s="23"/>
      <c r="GD1185" s="23"/>
      <c r="GE1185" s="23"/>
      <c r="GF1185" s="23"/>
      <c r="GG1185" s="23"/>
      <c r="GH1185" s="23"/>
      <c r="GI1185" s="23"/>
      <c r="GJ1185" s="23"/>
      <c r="GK1185" s="23"/>
      <c r="GL1185" s="23"/>
      <c r="GM1185" s="23"/>
      <c r="GN1185" s="23"/>
      <c r="GO1185" s="23"/>
      <c r="GP1185" s="23"/>
      <c r="GQ1185" s="23"/>
      <c r="GR1185" s="23"/>
      <c r="GS1185" s="23"/>
      <c r="GT1185" s="23"/>
      <c r="GU1185" s="23"/>
      <c r="GV1185" s="23"/>
      <c r="GW1185" s="23"/>
      <c r="GX1185" s="23"/>
      <c r="GY1185" s="23"/>
      <c r="GZ1185" s="23"/>
      <c r="HA1185" s="23"/>
      <c r="HB1185" s="23"/>
      <c r="HC1185" s="23"/>
      <c r="HD1185" s="23"/>
      <c r="HE1185" s="23"/>
      <c r="HF1185" s="23"/>
      <c r="HG1185" s="23"/>
      <c r="HH1185" s="23"/>
      <c r="HI1185" s="23"/>
      <c r="HJ1185" s="23"/>
      <c r="HK1185" s="23"/>
      <c r="HL1185" s="23"/>
      <c r="HM1185" s="23"/>
      <c r="HN1185" s="23"/>
      <c r="HO1185" s="23"/>
      <c r="HP1185" s="23"/>
      <c r="HQ1185" s="23"/>
      <c r="HR1185" s="23"/>
      <c r="HS1185" s="23"/>
      <c r="HT1185" s="23"/>
      <c r="HU1185" s="23"/>
      <c r="HV1185" s="23"/>
      <c r="HW1185" s="23"/>
      <c r="HX1185" s="23"/>
      <c r="HY1185" s="23"/>
      <c r="HZ1185" s="23"/>
      <c r="IA1185" s="23"/>
      <c r="IB1185" s="23"/>
      <c r="IC1185" s="23"/>
      <c r="ID1185" s="23"/>
      <c r="IE1185" s="23"/>
      <c r="IF1185" s="23"/>
      <c r="IG1185" s="23"/>
      <c r="IH1185" s="23"/>
      <c r="II1185" s="23"/>
      <c r="IJ1185" s="23"/>
      <c r="IK1185" s="23"/>
      <c r="IL1185" s="23"/>
      <c r="IM1185" s="23"/>
      <c r="IN1185" s="23"/>
      <c r="IO1185" s="23"/>
      <c r="IP1185" s="23"/>
      <c r="IQ1185" s="23"/>
    </row>
    <row r="1186" spans="1:251" s="50" customFormat="1" ht="18.75" customHeight="1">
      <c r="A1186" s="34"/>
      <c r="B1186" s="48"/>
      <c r="C1186" s="130"/>
      <c r="D1186" s="130"/>
      <c r="E1186" s="130"/>
      <c r="F1186" s="130"/>
      <c r="G1186" s="130"/>
      <c r="H1186" s="130"/>
      <c r="I1186" s="130"/>
      <c r="J1186" s="130"/>
      <c r="K1186" s="130"/>
      <c r="L1186" s="130"/>
      <c r="M1186" s="130"/>
      <c r="N1186" s="130"/>
      <c r="O1186" s="130"/>
      <c r="P1186" s="130"/>
      <c r="Q1186" s="130"/>
      <c r="R1186" s="130"/>
      <c r="S1186" s="130"/>
      <c r="T1186" s="130"/>
      <c r="U1186" s="130"/>
      <c r="V1186" s="130"/>
      <c r="W1186" s="130"/>
      <c r="X1186" s="130"/>
      <c r="Y1186" s="130"/>
      <c r="Z1186" s="131"/>
      <c r="AA1186" s="132"/>
      <c r="AB1186" s="133"/>
      <c r="AC1186" s="133"/>
      <c r="AD1186" s="133"/>
      <c r="AE1186" s="133"/>
      <c r="AF1186" s="133"/>
      <c r="AG1186" s="133"/>
      <c r="AH1186" s="133"/>
      <c r="AI1186" s="134"/>
      <c r="AJ1186" s="132"/>
      <c r="AK1186" s="133"/>
      <c r="AL1186" s="133"/>
      <c r="AM1186" s="133"/>
      <c r="AN1186" s="133"/>
      <c r="AO1186" s="133"/>
      <c r="AP1186" s="133"/>
      <c r="AQ1186" s="133"/>
      <c r="AR1186" s="134"/>
      <c r="AS1186" s="136"/>
      <c r="AT1186" s="137"/>
      <c r="AU1186" s="137"/>
      <c r="AV1186" s="137"/>
      <c r="AW1186" s="137"/>
      <c r="AX1186" s="138"/>
      <c r="AY1186" s="23"/>
      <c r="AZ1186" s="23"/>
      <c r="BA1186" s="23"/>
      <c r="BB1186" s="23"/>
      <c r="BC1186" s="23"/>
      <c r="BD1186" s="23"/>
      <c r="BE1186" s="23"/>
      <c r="BF1186" s="23"/>
      <c r="BG1186" s="23"/>
      <c r="BH1186" s="23"/>
      <c r="BI1186" s="23"/>
      <c r="BJ1186" s="23"/>
      <c r="BK1186" s="23"/>
      <c r="BL1186" s="23"/>
      <c r="BM1186" s="23"/>
      <c r="BN1186" s="23"/>
      <c r="BO1186" s="23"/>
      <c r="BP1186" s="23"/>
      <c r="BQ1186" s="23"/>
      <c r="BR1186" s="23"/>
      <c r="BS1186" s="23"/>
      <c r="BT1186" s="23"/>
      <c r="BU1186" s="23"/>
      <c r="BV1186" s="23"/>
      <c r="BW1186" s="23"/>
      <c r="BX1186" s="23"/>
      <c r="BY1186" s="23"/>
      <c r="BZ1186" s="23"/>
      <c r="CA1186" s="23"/>
      <c r="CB1186" s="23"/>
      <c r="CC1186" s="23"/>
      <c r="CD1186" s="23"/>
      <c r="CE1186" s="23"/>
      <c r="CF1186" s="23"/>
      <c r="CG1186" s="23"/>
      <c r="CH1186" s="23"/>
      <c r="CI1186" s="23"/>
      <c r="CJ1186" s="23"/>
      <c r="CK1186" s="23"/>
      <c r="CL1186" s="23"/>
      <c r="CM1186" s="23"/>
      <c r="CN1186" s="23"/>
      <c r="CO1186" s="23"/>
      <c r="CP1186" s="23"/>
      <c r="CQ1186" s="23"/>
      <c r="CR1186" s="23"/>
      <c r="CS1186" s="23"/>
      <c r="CT1186" s="23"/>
      <c r="CU1186" s="23"/>
      <c r="CV1186" s="23"/>
      <c r="CW1186" s="23"/>
      <c r="CX1186" s="23"/>
      <c r="CY1186" s="23"/>
      <c r="CZ1186" s="23"/>
      <c r="DA1186" s="23"/>
      <c r="DB1186" s="23"/>
      <c r="DC1186" s="23"/>
      <c r="DD1186" s="23"/>
      <c r="DE1186" s="23"/>
      <c r="DF1186" s="23"/>
      <c r="DG1186" s="23"/>
      <c r="DH1186" s="23"/>
      <c r="DI1186" s="23"/>
      <c r="DJ1186" s="23"/>
      <c r="DK1186" s="23"/>
      <c r="DL1186" s="23"/>
      <c r="DM1186" s="23"/>
      <c r="DN1186" s="23"/>
      <c r="DO1186" s="23"/>
      <c r="DP1186" s="23"/>
      <c r="DQ1186" s="23"/>
      <c r="DR1186" s="23"/>
      <c r="DS1186" s="23"/>
      <c r="DT1186" s="23"/>
      <c r="DU1186" s="23"/>
      <c r="DV1186" s="23"/>
      <c r="DW1186" s="23"/>
      <c r="DX1186" s="23"/>
      <c r="DY1186" s="23"/>
      <c r="DZ1186" s="23"/>
      <c r="EA1186" s="23"/>
      <c r="EB1186" s="23"/>
      <c r="EC1186" s="23"/>
      <c r="ED1186" s="23"/>
      <c r="EE1186" s="23"/>
      <c r="EF1186" s="23"/>
      <c r="EG1186" s="23"/>
      <c r="EH1186" s="23"/>
      <c r="EI1186" s="23"/>
      <c r="EJ1186" s="23"/>
      <c r="EK1186" s="23"/>
      <c r="EL1186" s="23"/>
      <c r="EM1186" s="23"/>
      <c r="EN1186" s="23"/>
      <c r="EO1186" s="23"/>
      <c r="EP1186" s="23"/>
      <c r="EQ1186" s="23"/>
      <c r="ER1186" s="23"/>
      <c r="ES1186" s="23"/>
      <c r="ET1186" s="23"/>
      <c r="EU1186" s="23"/>
      <c r="EV1186" s="23"/>
      <c r="EW1186" s="23"/>
      <c r="EX1186" s="23"/>
      <c r="EY1186" s="23"/>
      <c r="EZ1186" s="23"/>
      <c r="FA1186" s="23"/>
      <c r="FB1186" s="23"/>
      <c r="FC1186" s="23"/>
      <c r="FD1186" s="23"/>
      <c r="FE1186" s="23"/>
      <c r="FF1186" s="23"/>
      <c r="FG1186" s="23"/>
      <c r="FH1186" s="23"/>
      <c r="FI1186" s="23"/>
      <c r="FJ1186" s="23"/>
      <c r="FK1186" s="23"/>
      <c r="FL1186" s="23"/>
      <c r="FM1186" s="23"/>
      <c r="FN1186" s="23"/>
      <c r="FO1186" s="23"/>
      <c r="FP1186" s="23"/>
      <c r="FQ1186" s="23"/>
      <c r="FR1186" s="23"/>
      <c r="FS1186" s="23"/>
      <c r="FT1186" s="23"/>
      <c r="FU1186" s="23"/>
      <c r="FV1186" s="23"/>
      <c r="FW1186" s="23"/>
      <c r="FX1186" s="23"/>
      <c r="FY1186" s="23"/>
      <c r="FZ1186" s="23"/>
      <c r="GA1186" s="23"/>
      <c r="GB1186" s="23"/>
      <c r="GC1186" s="23"/>
      <c r="GD1186" s="23"/>
      <c r="GE1186" s="23"/>
      <c r="GF1186" s="23"/>
      <c r="GG1186" s="23"/>
      <c r="GH1186" s="23"/>
      <c r="GI1186" s="23"/>
      <c r="GJ1186" s="23"/>
      <c r="GK1186" s="23"/>
      <c r="GL1186" s="23"/>
      <c r="GM1186" s="23"/>
      <c r="GN1186" s="23"/>
      <c r="GO1186" s="23"/>
      <c r="GP1186" s="23"/>
      <c r="GQ1186" s="23"/>
      <c r="GR1186" s="23"/>
      <c r="GS1186" s="23"/>
      <c r="GT1186" s="23"/>
      <c r="GU1186" s="23"/>
      <c r="GV1186" s="23"/>
      <c r="GW1186" s="23"/>
      <c r="GX1186" s="23"/>
      <c r="GY1186" s="23"/>
      <c r="GZ1186" s="23"/>
      <c r="HA1186" s="23"/>
      <c r="HB1186" s="23"/>
      <c r="HC1186" s="23"/>
      <c r="HD1186" s="23"/>
      <c r="HE1186" s="23"/>
      <c r="HF1186" s="23"/>
      <c r="HG1186" s="23"/>
      <c r="HH1186" s="23"/>
      <c r="HI1186" s="23"/>
      <c r="HJ1186" s="23"/>
      <c r="HK1186" s="23"/>
      <c r="HL1186" s="23"/>
      <c r="HM1186" s="23"/>
      <c r="HN1186" s="23"/>
      <c r="HO1186" s="23"/>
      <c r="HP1186" s="23"/>
      <c r="HQ1186" s="23"/>
      <c r="HR1186" s="23"/>
      <c r="HS1186" s="23"/>
      <c r="HT1186" s="23"/>
      <c r="HU1186" s="23"/>
      <c r="HV1186" s="23"/>
      <c r="HW1186" s="23"/>
      <c r="HX1186" s="23"/>
      <c r="HY1186" s="23"/>
      <c r="HZ1186" s="23"/>
      <c r="IA1186" s="23"/>
      <c r="IB1186" s="23"/>
      <c r="IC1186" s="23"/>
      <c r="ID1186" s="23"/>
      <c r="IE1186" s="23"/>
      <c r="IF1186" s="23"/>
      <c r="IG1186" s="23"/>
      <c r="IH1186" s="23"/>
      <c r="II1186" s="23"/>
      <c r="IJ1186" s="23"/>
      <c r="IK1186" s="23"/>
      <c r="IL1186" s="23"/>
      <c r="IM1186" s="23"/>
      <c r="IN1186" s="23"/>
      <c r="IO1186" s="23"/>
      <c r="IP1186" s="23"/>
      <c r="IQ1186" s="23"/>
    </row>
    <row r="1187" spans="1:251" s="50" customFormat="1" ht="18.75" customHeight="1">
      <c r="A1187" s="34"/>
      <c r="B1187" s="47"/>
      <c r="C1187" s="130"/>
      <c r="D1187" s="130"/>
      <c r="E1187" s="130"/>
      <c r="F1187" s="130"/>
      <c r="G1187" s="130"/>
      <c r="H1187" s="130"/>
      <c r="I1187" s="130"/>
      <c r="J1187" s="130"/>
      <c r="K1187" s="130"/>
      <c r="L1187" s="130"/>
      <c r="M1187" s="130"/>
      <c r="N1187" s="130"/>
      <c r="O1187" s="130"/>
      <c r="P1187" s="130"/>
      <c r="Q1187" s="130"/>
      <c r="R1187" s="130"/>
      <c r="S1187" s="130"/>
      <c r="T1187" s="130"/>
      <c r="U1187" s="130"/>
      <c r="V1187" s="130"/>
      <c r="W1187" s="130"/>
      <c r="X1187" s="130"/>
      <c r="Y1187" s="130"/>
      <c r="Z1187" s="131"/>
      <c r="AA1187" s="132"/>
      <c r="AB1187" s="133"/>
      <c r="AC1187" s="133"/>
      <c r="AD1187" s="133"/>
      <c r="AE1187" s="133"/>
      <c r="AF1187" s="133"/>
      <c r="AG1187" s="133"/>
      <c r="AH1187" s="133"/>
      <c r="AI1187" s="134"/>
      <c r="AJ1187" s="132"/>
      <c r="AK1187" s="133"/>
      <c r="AL1187" s="133"/>
      <c r="AM1187" s="133"/>
      <c r="AN1187" s="133"/>
      <c r="AO1187" s="133"/>
      <c r="AP1187" s="133"/>
      <c r="AQ1187" s="133"/>
      <c r="AR1187" s="134"/>
      <c r="AS1187" s="132"/>
      <c r="AT1187" s="133"/>
      <c r="AU1187" s="133"/>
      <c r="AV1187" s="133"/>
      <c r="AW1187" s="133"/>
      <c r="AX1187" s="135"/>
      <c r="AY1187" s="23"/>
      <c r="AZ1187" s="23"/>
      <c r="BA1187" s="23"/>
      <c r="BB1187" s="23"/>
      <c r="BC1187" s="23"/>
      <c r="BD1187" s="23"/>
      <c r="BE1187" s="23"/>
      <c r="BF1187" s="23"/>
      <c r="BG1187" s="23"/>
      <c r="BH1187" s="23"/>
      <c r="BI1187" s="23"/>
      <c r="BJ1187" s="23"/>
      <c r="BK1187" s="23"/>
      <c r="BL1187" s="23"/>
      <c r="BM1187" s="23"/>
      <c r="BN1187" s="23"/>
      <c r="BO1187" s="23"/>
      <c r="BP1187" s="23"/>
      <c r="BQ1187" s="23"/>
      <c r="BR1187" s="23"/>
      <c r="BS1187" s="23"/>
      <c r="BT1187" s="23"/>
      <c r="BU1187" s="23"/>
      <c r="BV1187" s="23"/>
      <c r="BW1187" s="23"/>
      <c r="BX1187" s="23"/>
      <c r="BY1187" s="23"/>
      <c r="BZ1187" s="23"/>
      <c r="CA1187" s="23"/>
      <c r="CB1187" s="23"/>
      <c r="CC1187" s="23"/>
      <c r="CD1187" s="23"/>
      <c r="CE1187" s="23"/>
      <c r="CF1187" s="23"/>
      <c r="CG1187" s="23"/>
      <c r="CH1187" s="23"/>
      <c r="CI1187" s="23"/>
      <c r="CJ1187" s="23"/>
      <c r="CK1187" s="23"/>
      <c r="CL1187" s="23"/>
      <c r="CM1187" s="23"/>
      <c r="CN1187" s="23"/>
      <c r="CO1187" s="23"/>
      <c r="CP1187" s="23"/>
      <c r="CQ1187" s="23"/>
      <c r="CR1187" s="23"/>
      <c r="CS1187" s="23"/>
      <c r="CT1187" s="23"/>
      <c r="CU1187" s="23"/>
      <c r="CV1187" s="23"/>
      <c r="CW1187" s="23"/>
      <c r="CX1187" s="23"/>
      <c r="CY1187" s="23"/>
      <c r="CZ1187" s="23"/>
      <c r="DA1187" s="23"/>
      <c r="DB1187" s="23"/>
      <c r="DC1187" s="23"/>
      <c r="DD1187" s="23"/>
      <c r="DE1187" s="23"/>
      <c r="DF1187" s="23"/>
      <c r="DG1187" s="23"/>
      <c r="DH1187" s="23"/>
      <c r="DI1187" s="23"/>
      <c r="DJ1187" s="23"/>
      <c r="DK1187" s="23"/>
      <c r="DL1187" s="23"/>
      <c r="DM1187" s="23"/>
      <c r="DN1187" s="23"/>
      <c r="DO1187" s="23"/>
      <c r="DP1187" s="23"/>
      <c r="DQ1187" s="23"/>
      <c r="DR1187" s="23"/>
      <c r="DS1187" s="23"/>
      <c r="DT1187" s="23"/>
      <c r="DU1187" s="23"/>
      <c r="DV1187" s="23"/>
      <c r="DW1187" s="23"/>
      <c r="DX1187" s="23"/>
      <c r="DY1187" s="23"/>
      <c r="DZ1187" s="23"/>
      <c r="EA1187" s="23"/>
      <c r="EB1187" s="23"/>
      <c r="EC1187" s="23"/>
      <c r="ED1187" s="23"/>
      <c r="EE1187" s="23"/>
      <c r="EF1187" s="23"/>
      <c r="EG1187" s="23"/>
      <c r="EH1187" s="23"/>
      <c r="EI1187" s="23"/>
      <c r="EJ1187" s="23"/>
      <c r="EK1187" s="23"/>
      <c r="EL1187" s="23"/>
      <c r="EM1187" s="23"/>
      <c r="EN1187" s="23"/>
      <c r="EO1187" s="23"/>
      <c r="EP1187" s="23"/>
      <c r="EQ1187" s="23"/>
      <c r="ER1187" s="23"/>
      <c r="ES1187" s="23"/>
      <c r="ET1187" s="23"/>
      <c r="EU1187" s="23"/>
      <c r="EV1187" s="23"/>
      <c r="EW1187" s="23"/>
      <c r="EX1187" s="23"/>
      <c r="EY1187" s="23"/>
      <c r="EZ1187" s="23"/>
      <c r="FA1187" s="23"/>
      <c r="FB1187" s="23"/>
      <c r="FC1187" s="23"/>
      <c r="FD1187" s="23"/>
      <c r="FE1187" s="23"/>
      <c r="FF1187" s="23"/>
      <c r="FG1187" s="23"/>
      <c r="FH1187" s="23"/>
      <c r="FI1187" s="23"/>
      <c r="FJ1187" s="23"/>
      <c r="FK1187" s="23"/>
      <c r="FL1187" s="23"/>
      <c r="FM1187" s="23"/>
      <c r="FN1187" s="23"/>
      <c r="FO1187" s="23"/>
      <c r="FP1187" s="23"/>
      <c r="FQ1187" s="23"/>
      <c r="FR1187" s="23"/>
      <c r="FS1187" s="23"/>
      <c r="FT1187" s="23"/>
      <c r="FU1187" s="23"/>
      <c r="FV1187" s="23"/>
      <c r="FW1187" s="23"/>
      <c r="FX1187" s="23"/>
      <c r="FY1187" s="23"/>
      <c r="FZ1187" s="23"/>
      <c r="GA1187" s="23"/>
      <c r="GB1187" s="23"/>
      <c r="GC1187" s="23"/>
      <c r="GD1187" s="23"/>
      <c r="GE1187" s="23"/>
      <c r="GF1187" s="23"/>
      <c r="GG1187" s="23"/>
      <c r="GH1187" s="23"/>
      <c r="GI1187" s="23"/>
      <c r="GJ1187" s="23"/>
      <c r="GK1187" s="23"/>
      <c r="GL1187" s="23"/>
      <c r="GM1187" s="23"/>
      <c r="GN1187" s="23"/>
      <c r="GO1187" s="23"/>
      <c r="GP1187" s="23"/>
      <c r="GQ1187" s="23"/>
      <c r="GR1187" s="23"/>
      <c r="GS1187" s="23"/>
      <c r="GT1187" s="23"/>
      <c r="GU1187" s="23"/>
      <c r="GV1187" s="23"/>
      <c r="GW1187" s="23"/>
      <c r="GX1187" s="23"/>
      <c r="GY1187" s="23"/>
      <c r="GZ1187" s="23"/>
      <c r="HA1187" s="23"/>
      <c r="HB1187" s="23"/>
      <c r="HC1187" s="23"/>
      <c r="HD1187" s="23"/>
      <c r="HE1187" s="23"/>
      <c r="HF1187" s="23"/>
      <c r="HG1187" s="23"/>
      <c r="HH1187" s="23"/>
      <c r="HI1187" s="23"/>
      <c r="HJ1187" s="23"/>
      <c r="HK1187" s="23"/>
      <c r="HL1187" s="23"/>
      <c r="HM1187" s="23"/>
      <c r="HN1187" s="23"/>
      <c r="HO1187" s="23"/>
      <c r="HP1187" s="23"/>
      <c r="HQ1187" s="23"/>
      <c r="HR1187" s="23"/>
      <c r="HS1187" s="23"/>
      <c r="HT1187" s="23"/>
      <c r="HU1187" s="23"/>
      <c r="HV1187" s="23"/>
      <c r="HW1187" s="23"/>
      <c r="HX1187" s="23"/>
      <c r="HY1187" s="23"/>
      <c r="HZ1187" s="23"/>
      <c r="IA1187" s="23"/>
      <c r="IB1187" s="23"/>
      <c r="IC1187" s="23"/>
      <c r="ID1187" s="23"/>
      <c r="IE1187" s="23"/>
      <c r="IF1187" s="23"/>
      <c r="IG1187" s="23"/>
      <c r="IH1187" s="23"/>
      <c r="II1187" s="23"/>
      <c r="IJ1187" s="23"/>
      <c r="IK1187" s="23"/>
      <c r="IL1187" s="23"/>
      <c r="IM1187" s="23"/>
      <c r="IN1187" s="23"/>
      <c r="IO1187" s="23"/>
      <c r="IP1187" s="23"/>
      <c r="IQ1187" s="23"/>
    </row>
    <row r="1188" spans="1:251" s="50" customFormat="1" ht="18.75" customHeight="1">
      <c r="A1188" s="34"/>
      <c r="B1188" s="48"/>
      <c r="C1188" s="130"/>
      <c r="D1188" s="130"/>
      <c r="E1188" s="130"/>
      <c r="F1188" s="130"/>
      <c r="G1188" s="130"/>
      <c r="H1188" s="130"/>
      <c r="I1188" s="130"/>
      <c r="J1188" s="130"/>
      <c r="K1188" s="130"/>
      <c r="L1188" s="130"/>
      <c r="M1188" s="130"/>
      <c r="N1188" s="130"/>
      <c r="O1188" s="130"/>
      <c r="P1188" s="130"/>
      <c r="Q1188" s="130"/>
      <c r="R1188" s="130"/>
      <c r="S1188" s="130"/>
      <c r="T1188" s="130"/>
      <c r="U1188" s="130"/>
      <c r="V1188" s="130"/>
      <c r="W1188" s="130"/>
      <c r="X1188" s="130"/>
      <c r="Y1188" s="130"/>
      <c r="Z1188" s="131"/>
      <c r="AA1188" s="132"/>
      <c r="AB1188" s="133"/>
      <c r="AC1188" s="133"/>
      <c r="AD1188" s="133"/>
      <c r="AE1188" s="133"/>
      <c r="AF1188" s="133"/>
      <c r="AG1188" s="133"/>
      <c r="AH1188" s="133"/>
      <c r="AI1188" s="134"/>
      <c r="AJ1188" s="132"/>
      <c r="AK1188" s="133"/>
      <c r="AL1188" s="133"/>
      <c r="AM1188" s="133"/>
      <c r="AN1188" s="133"/>
      <c r="AO1188" s="133"/>
      <c r="AP1188" s="133"/>
      <c r="AQ1188" s="133"/>
      <c r="AR1188" s="134"/>
      <c r="AS1188" s="132"/>
      <c r="AT1188" s="133"/>
      <c r="AU1188" s="133"/>
      <c r="AV1188" s="133"/>
      <c r="AW1188" s="133"/>
      <c r="AX1188" s="135"/>
      <c r="AY1188" s="23"/>
      <c r="AZ1188" s="23"/>
      <c r="BA1188" s="23"/>
      <c r="BB1188" s="23"/>
      <c r="BC1188" s="23"/>
      <c r="BD1188" s="23"/>
      <c r="BE1188" s="23"/>
      <c r="BF1188" s="23"/>
      <c r="BG1188" s="23"/>
      <c r="BH1188" s="23"/>
      <c r="BI1188" s="23"/>
      <c r="BJ1188" s="23"/>
      <c r="BK1188" s="23"/>
      <c r="BL1188" s="23"/>
      <c r="BM1188" s="23"/>
      <c r="BN1188" s="23"/>
      <c r="BO1188" s="23"/>
      <c r="BP1188" s="23"/>
      <c r="BQ1188" s="23"/>
      <c r="BR1188" s="23"/>
      <c r="BS1188" s="23"/>
      <c r="BT1188" s="23"/>
      <c r="BU1188" s="23"/>
      <c r="BV1188" s="23"/>
      <c r="BW1188" s="23"/>
      <c r="BX1188" s="23"/>
      <c r="BY1188" s="23"/>
      <c r="BZ1188" s="23"/>
      <c r="CA1188" s="23"/>
      <c r="CB1188" s="23"/>
      <c r="CC1188" s="23"/>
      <c r="CD1188" s="23"/>
      <c r="CE1188" s="23"/>
      <c r="CF1188" s="23"/>
      <c r="CG1188" s="23"/>
      <c r="CH1188" s="23"/>
      <c r="CI1188" s="23"/>
      <c r="CJ1188" s="23"/>
      <c r="CK1188" s="23"/>
      <c r="CL1188" s="23"/>
      <c r="CM1188" s="23"/>
      <c r="CN1188" s="23"/>
      <c r="CO1188" s="23"/>
      <c r="CP1188" s="23"/>
      <c r="CQ1188" s="23"/>
      <c r="CR1188" s="23"/>
      <c r="CS1188" s="23"/>
      <c r="CT1188" s="23"/>
      <c r="CU1188" s="23"/>
      <c r="CV1188" s="23"/>
      <c r="CW1188" s="23"/>
      <c r="CX1188" s="23"/>
      <c r="CY1188" s="23"/>
      <c r="CZ1188" s="23"/>
      <c r="DA1188" s="23"/>
      <c r="DB1188" s="23"/>
      <c r="DC1188" s="23"/>
      <c r="DD1188" s="23"/>
      <c r="DE1188" s="23"/>
      <c r="DF1188" s="23"/>
      <c r="DG1188" s="23"/>
      <c r="DH1188" s="23"/>
      <c r="DI1188" s="23"/>
      <c r="DJ1188" s="23"/>
      <c r="DK1188" s="23"/>
      <c r="DL1188" s="23"/>
      <c r="DM1188" s="23"/>
      <c r="DN1188" s="23"/>
      <c r="DO1188" s="23"/>
      <c r="DP1188" s="23"/>
      <c r="DQ1188" s="23"/>
      <c r="DR1188" s="23"/>
      <c r="DS1188" s="23"/>
      <c r="DT1188" s="23"/>
      <c r="DU1188" s="23"/>
      <c r="DV1188" s="23"/>
      <c r="DW1188" s="23"/>
      <c r="DX1188" s="23"/>
      <c r="DY1188" s="23"/>
      <c r="DZ1188" s="23"/>
      <c r="EA1188" s="23"/>
      <c r="EB1188" s="23"/>
      <c r="EC1188" s="23"/>
      <c r="ED1188" s="23"/>
      <c r="EE1188" s="23"/>
      <c r="EF1188" s="23"/>
      <c r="EG1188" s="23"/>
      <c r="EH1188" s="23"/>
      <c r="EI1188" s="23"/>
      <c r="EJ1188" s="23"/>
      <c r="EK1188" s="23"/>
      <c r="EL1188" s="23"/>
      <c r="EM1188" s="23"/>
      <c r="EN1188" s="23"/>
      <c r="EO1188" s="23"/>
      <c r="EP1188" s="23"/>
      <c r="EQ1188" s="23"/>
      <c r="ER1188" s="23"/>
      <c r="ES1188" s="23"/>
      <c r="ET1188" s="23"/>
      <c r="EU1188" s="23"/>
      <c r="EV1188" s="23"/>
      <c r="EW1188" s="23"/>
      <c r="EX1188" s="23"/>
      <c r="EY1188" s="23"/>
      <c r="EZ1188" s="23"/>
      <c r="FA1188" s="23"/>
      <c r="FB1188" s="23"/>
      <c r="FC1188" s="23"/>
      <c r="FD1188" s="23"/>
      <c r="FE1188" s="23"/>
      <c r="FF1188" s="23"/>
      <c r="FG1188" s="23"/>
      <c r="FH1188" s="23"/>
      <c r="FI1188" s="23"/>
      <c r="FJ1188" s="23"/>
      <c r="FK1188" s="23"/>
      <c r="FL1188" s="23"/>
      <c r="FM1188" s="23"/>
      <c r="FN1188" s="23"/>
      <c r="FO1188" s="23"/>
      <c r="FP1188" s="23"/>
      <c r="FQ1188" s="23"/>
      <c r="FR1188" s="23"/>
      <c r="FS1188" s="23"/>
      <c r="FT1188" s="23"/>
      <c r="FU1188" s="23"/>
      <c r="FV1188" s="23"/>
      <c r="FW1188" s="23"/>
      <c r="FX1188" s="23"/>
      <c r="FY1188" s="23"/>
      <c r="FZ1188" s="23"/>
      <c r="GA1188" s="23"/>
      <c r="GB1188" s="23"/>
      <c r="GC1188" s="23"/>
      <c r="GD1188" s="23"/>
      <c r="GE1188" s="23"/>
      <c r="GF1188" s="23"/>
      <c r="GG1188" s="23"/>
      <c r="GH1188" s="23"/>
      <c r="GI1188" s="23"/>
      <c r="GJ1188" s="23"/>
      <c r="GK1188" s="23"/>
      <c r="GL1188" s="23"/>
      <c r="GM1188" s="23"/>
      <c r="GN1188" s="23"/>
      <c r="GO1188" s="23"/>
      <c r="GP1188" s="23"/>
      <c r="GQ1188" s="23"/>
      <c r="GR1188" s="23"/>
      <c r="GS1188" s="23"/>
      <c r="GT1188" s="23"/>
      <c r="GU1188" s="23"/>
      <c r="GV1188" s="23"/>
      <c r="GW1188" s="23"/>
      <c r="GX1188" s="23"/>
      <c r="GY1188" s="23"/>
      <c r="GZ1188" s="23"/>
      <c r="HA1188" s="23"/>
      <c r="HB1188" s="23"/>
      <c r="HC1188" s="23"/>
      <c r="HD1188" s="23"/>
      <c r="HE1188" s="23"/>
      <c r="HF1188" s="23"/>
      <c r="HG1188" s="23"/>
      <c r="HH1188" s="23"/>
      <c r="HI1188" s="23"/>
      <c r="HJ1188" s="23"/>
      <c r="HK1188" s="23"/>
      <c r="HL1188" s="23"/>
      <c r="HM1188" s="23"/>
      <c r="HN1188" s="23"/>
      <c r="HO1188" s="23"/>
      <c r="HP1188" s="23"/>
      <c r="HQ1188" s="23"/>
      <c r="HR1188" s="23"/>
      <c r="HS1188" s="23"/>
      <c r="HT1188" s="23"/>
      <c r="HU1188" s="23"/>
      <c r="HV1188" s="23"/>
      <c r="HW1188" s="23"/>
      <c r="HX1188" s="23"/>
      <c r="HY1188" s="23"/>
      <c r="HZ1188" s="23"/>
      <c r="IA1188" s="23"/>
      <c r="IB1188" s="23"/>
      <c r="IC1188" s="23"/>
      <c r="ID1188" s="23"/>
      <c r="IE1188" s="23"/>
      <c r="IF1188" s="23"/>
      <c r="IG1188" s="23"/>
      <c r="IH1188" s="23"/>
      <c r="II1188" s="23"/>
      <c r="IJ1188" s="23"/>
      <c r="IK1188" s="23"/>
      <c r="IL1188" s="23"/>
      <c r="IM1188" s="23"/>
      <c r="IN1188" s="23"/>
      <c r="IO1188" s="23"/>
      <c r="IP1188" s="23"/>
      <c r="IQ1188" s="23"/>
    </row>
    <row r="1189" spans="1:251" s="50" customFormat="1" ht="18.75" customHeight="1" thickBot="1">
      <c r="A1189" s="34"/>
      <c r="B1189" s="49"/>
      <c r="C1189" s="158"/>
      <c r="D1189" s="158"/>
      <c r="E1189" s="158"/>
      <c r="F1189" s="158"/>
      <c r="G1189" s="158"/>
      <c r="H1189" s="158"/>
      <c r="I1189" s="158"/>
      <c r="J1189" s="158"/>
      <c r="K1189" s="158"/>
      <c r="L1189" s="158"/>
      <c r="M1189" s="158"/>
      <c r="N1189" s="158"/>
      <c r="O1189" s="158"/>
      <c r="P1189" s="158"/>
      <c r="Q1189" s="158"/>
      <c r="R1189" s="158"/>
      <c r="S1189" s="158"/>
      <c r="T1189" s="158"/>
      <c r="U1189" s="158"/>
      <c r="V1189" s="158"/>
      <c r="W1189" s="158"/>
      <c r="X1189" s="158"/>
      <c r="Y1189" s="158"/>
      <c r="Z1189" s="159"/>
      <c r="AA1189" s="160"/>
      <c r="AB1189" s="161"/>
      <c r="AC1189" s="161"/>
      <c r="AD1189" s="161"/>
      <c r="AE1189" s="161"/>
      <c r="AF1189" s="161"/>
      <c r="AG1189" s="161"/>
      <c r="AH1189" s="161"/>
      <c r="AI1189" s="162"/>
      <c r="AJ1189" s="160"/>
      <c r="AK1189" s="161"/>
      <c r="AL1189" s="161"/>
      <c r="AM1189" s="161"/>
      <c r="AN1189" s="161"/>
      <c r="AO1189" s="161"/>
      <c r="AP1189" s="161"/>
      <c r="AQ1189" s="161"/>
      <c r="AR1189" s="162"/>
      <c r="AS1189" s="160"/>
      <c r="AT1189" s="161"/>
      <c r="AU1189" s="161"/>
      <c r="AV1189" s="161"/>
      <c r="AW1189" s="161"/>
      <c r="AX1189" s="163"/>
      <c r="AY1189" s="23"/>
      <c r="AZ1189" s="23"/>
      <c r="BA1189" s="23"/>
      <c r="BB1189" s="23"/>
      <c r="BC1189" s="23"/>
      <c r="BD1189" s="23"/>
      <c r="BE1189" s="23"/>
      <c r="BF1189" s="23"/>
      <c r="BG1189" s="23"/>
      <c r="BH1189" s="23"/>
      <c r="BI1189" s="23"/>
      <c r="BJ1189" s="23"/>
      <c r="BK1189" s="23"/>
      <c r="BL1189" s="23"/>
      <c r="BM1189" s="23"/>
      <c r="BN1189" s="23"/>
      <c r="BO1189" s="23"/>
      <c r="BP1189" s="23"/>
      <c r="BQ1189" s="23"/>
      <c r="BR1189" s="23"/>
      <c r="BS1189" s="23"/>
      <c r="BT1189" s="23"/>
      <c r="BU1189" s="23"/>
      <c r="BV1189" s="23"/>
      <c r="BW1189" s="23"/>
      <c r="BX1189" s="23"/>
      <c r="BY1189" s="23"/>
      <c r="BZ1189" s="23"/>
      <c r="CA1189" s="23"/>
      <c r="CB1189" s="23"/>
      <c r="CC1189" s="23"/>
      <c r="CD1189" s="23"/>
      <c r="CE1189" s="23"/>
      <c r="CF1189" s="23"/>
      <c r="CG1189" s="23"/>
      <c r="CH1189" s="23"/>
      <c r="CI1189" s="23"/>
      <c r="CJ1189" s="23"/>
      <c r="CK1189" s="23"/>
      <c r="CL1189" s="23"/>
      <c r="CM1189" s="23"/>
      <c r="CN1189" s="23"/>
      <c r="CO1189" s="23"/>
      <c r="CP1189" s="23"/>
      <c r="CQ1189" s="23"/>
      <c r="CR1189" s="23"/>
      <c r="CS1189" s="23"/>
      <c r="CT1189" s="23"/>
      <c r="CU1189" s="23"/>
      <c r="CV1189" s="23"/>
      <c r="CW1189" s="23"/>
      <c r="CX1189" s="23"/>
      <c r="CY1189" s="23"/>
      <c r="CZ1189" s="23"/>
      <c r="DA1189" s="23"/>
      <c r="DB1189" s="23"/>
      <c r="DC1189" s="23"/>
      <c r="DD1189" s="23"/>
      <c r="DE1189" s="23"/>
      <c r="DF1189" s="23"/>
      <c r="DG1189" s="23"/>
      <c r="DH1189" s="23"/>
      <c r="DI1189" s="23"/>
      <c r="DJ1189" s="23"/>
      <c r="DK1189" s="23"/>
      <c r="DL1189" s="23"/>
      <c r="DM1189" s="23"/>
      <c r="DN1189" s="23"/>
      <c r="DO1189" s="23"/>
      <c r="DP1189" s="23"/>
      <c r="DQ1189" s="23"/>
      <c r="DR1189" s="23"/>
      <c r="DS1189" s="23"/>
      <c r="DT1189" s="23"/>
      <c r="DU1189" s="23"/>
      <c r="DV1189" s="23"/>
      <c r="DW1189" s="23"/>
      <c r="DX1189" s="23"/>
      <c r="DY1189" s="23"/>
      <c r="DZ1189" s="23"/>
      <c r="EA1189" s="23"/>
      <c r="EB1189" s="23"/>
      <c r="EC1189" s="23"/>
      <c r="ED1189" s="23"/>
      <c r="EE1189" s="23"/>
      <c r="EF1189" s="23"/>
      <c r="EG1189" s="23"/>
      <c r="EH1189" s="23"/>
      <c r="EI1189" s="23"/>
      <c r="EJ1189" s="23"/>
      <c r="EK1189" s="23"/>
      <c r="EL1189" s="23"/>
      <c r="EM1189" s="23"/>
      <c r="EN1189" s="23"/>
      <c r="EO1189" s="23"/>
      <c r="EP1189" s="23"/>
      <c r="EQ1189" s="23"/>
      <c r="ER1189" s="23"/>
      <c r="ES1189" s="23"/>
      <c r="ET1189" s="23"/>
      <c r="EU1189" s="23"/>
      <c r="EV1189" s="23"/>
      <c r="EW1189" s="23"/>
      <c r="EX1189" s="23"/>
      <c r="EY1189" s="23"/>
      <c r="EZ1189" s="23"/>
      <c r="FA1189" s="23"/>
      <c r="FB1189" s="23"/>
      <c r="FC1189" s="23"/>
      <c r="FD1189" s="23"/>
      <c r="FE1189" s="23"/>
      <c r="FF1189" s="23"/>
      <c r="FG1189" s="23"/>
      <c r="FH1189" s="23"/>
      <c r="FI1189" s="23"/>
      <c r="FJ1189" s="23"/>
      <c r="FK1189" s="23"/>
      <c r="FL1189" s="23"/>
      <c r="FM1189" s="23"/>
      <c r="FN1189" s="23"/>
      <c r="FO1189" s="23"/>
      <c r="FP1189" s="23"/>
      <c r="FQ1189" s="23"/>
      <c r="FR1189" s="23"/>
      <c r="FS1189" s="23"/>
      <c r="FT1189" s="23"/>
      <c r="FU1189" s="23"/>
      <c r="FV1189" s="23"/>
      <c r="FW1189" s="23"/>
      <c r="FX1189" s="23"/>
      <c r="FY1189" s="23"/>
      <c r="FZ1189" s="23"/>
      <c r="GA1189" s="23"/>
      <c r="GB1189" s="23"/>
      <c r="GC1189" s="23"/>
      <c r="GD1189" s="23"/>
      <c r="GE1189" s="23"/>
      <c r="GF1189" s="23"/>
      <c r="GG1189" s="23"/>
      <c r="GH1189" s="23"/>
      <c r="GI1189" s="23"/>
      <c r="GJ1189" s="23"/>
      <c r="GK1189" s="23"/>
      <c r="GL1189" s="23"/>
      <c r="GM1189" s="23"/>
      <c r="GN1189" s="23"/>
      <c r="GO1189" s="23"/>
      <c r="GP1189" s="23"/>
      <c r="GQ1189" s="23"/>
      <c r="GR1189" s="23"/>
      <c r="GS1189" s="23"/>
      <c r="GT1189" s="23"/>
      <c r="GU1189" s="23"/>
      <c r="GV1189" s="23"/>
      <c r="GW1189" s="23"/>
      <c r="GX1189" s="23"/>
      <c r="GY1189" s="23"/>
      <c r="GZ1189" s="23"/>
      <c r="HA1189" s="23"/>
      <c r="HB1189" s="23"/>
      <c r="HC1189" s="23"/>
      <c r="HD1189" s="23"/>
      <c r="HE1189" s="23"/>
      <c r="HF1189" s="23"/>
      <c r="HG1189" s="23"/>
      <c r="HH1189" s="23"/>
      <c r="HI1189" s="23"/>
      <c r="HJ1189" s="23"/>
      <c r="HK1189" s="23"/>
      <c r="HL1189" s="23"/>
      <c r="HM1189" s="23"/>
      <c r="HN1189" s="23"/>
      <c r="HO1189" s="23"/>
      <c r="HP1189" s="23"/>
      <c r="HQ1189" s="23"/>
      <c r="HR1189" s="23"/>
      <c r="HS1189" s="23"/>
      <c r="HT1189" s="23"/>
      <c r="HU1189" s="23"/>
      <c r="HV1189" s="23"/>
      <c r="HW1189" s="23"/>
      <c r="HX1189" s="23"/>
      <c r="HY1189" s="23"/>
      <c r="HZ1189" s="23"/>
      <c r="IA1189" s="23"/>
      <c r="IB1189" s="23"/>
      <c r="IC1189" s="23"/>
      <c r="ID1189" s="23"/>
      <c r="IE1189" s="23"/>
      <c r="IF1189" s="23"/>
      <c r="IG1189" s="23"/>
      <c r="IH1189" s="23"/>
      <c r="II1189" s="23"/>
      <c r="IJ1189" s="23"/>
      <c r="IK1189" s="23"/>
      <c r="IL1189" s="23"/>
      <c r="IM1189" s="23"/>
      <c r="IN1189" s="23"/>
      <c r="IO1189" s="23"/>
      <c r="IP1189" s="23"/>
      <c r="IQ1189" s="23"/>
    </row>
    <row r="1190" spans="1:251" s="50" customFormat="1" ht="18.75" customHeight="1" thickTop="1" thickBot="1">
      <c r="A1190" s="38"/>
      <c r="B1190" s="164" t="s">
        <v>105</v>
      </c>
      <c r="C1190" s="191"/>
      <c r="D1190" s="191"/>
      <c r="E1190" s="191"/>
      <c r="F1190" s="191"/>
      <c r="G1190" s="191"/>
      <c r="H1190" s="191"/>
      <c r="I1190" s="191"/>
      <c r="J1190" s="191"/>
      <c r="K1190" s="191"/>
      <c r="L1190" s="191"/>
      <c r="M1190" s="191"/>
      <c r="N1190" s="191"/>
      <c r="O1190" s="191"/>
      <c r="P1190" s="191"/>
      <c r="Q1190" s="191"/>
      <c r="R1190" s="191"/>
      <c r="S1190" s="191"/>
      <c r="T1190" s="191"/>
      <c r="U1190" s="191"/>
      <c r="V1190" s="191"/>
      <c r="W1190" s="191"/>
      <c r="X1190" s="191"/>
      <c r="Y1190" s="191"/>
      <c r="Z1190" s="192"/>
      <c r="AA1190" s="167">
        <f>SUM(AA1182:AA1189)</f>
        <v>4283115</v>
      </c>
      <c r="AB1190" s="168"/>
      <c r="AC1190" s="168"/>
      <c r="AD1190" s="168"/>
      <c r="AE1190" s="168"/>
      <c r="AF1190" s="168"/>
      <c r="AG1190" s="168"/>
      <c r="AH1190" s="168"/>
      <c r="AI1190" s="169"/>
      <c r="AJ1190" s="167">
        <f>SUM(AJ1182:AJ1189)</f>
        <v>7897165</v>
      </c>
      <c r="AK1190" s="168"/>
      <c r="AL1190" s="168"/>
      <c r="AM1190" s="168"/>
      <c r="AN1190" s="168"/>
      <c r="AO1190" s="168"/>
      <c r="AP1190" s="168"/>
      <c r="AQ1190" s="168"/>
      <c r="AR1190" s="169"/>
      <c r="AS1190" s="167"/>
      <c r="AT1190" s="168"/>
      <c r="AU1190" s="168"/>
      <c r="AV1190" s="168"/>
      <c r="AW1190" s="168"/>
      <c r="AX1190" s="170"/>
      <c r="AY1190" s="23"/>
      <c r="AZ1190" s="23"/>
      <c r="BA1190" s="23"/>
      <c r="BB1190" s="23"/>
      <c r="BC1190" s="23"/>
      <c r="BD1190" s="23"/>
      <c r="BE1190" s="23"/>
      <c r="BF1190" s="23"/>
      <c r="BG1190" s="23"/>
      <c r="BH1190" s="23"/>
      <c r="BI1190" s="23"/>
      <c r="BJ1190" s="23"/>
      <c r="BK1190" s="23"/>
      <c r="BL1190" s="23"/>
      <c r="BM1190" s="23"/>
      <c r="BN1190" s="23"/>
      <c r="BO1190" s="23"/>
      <c r="BP1190" s="23"/>
      <c r="BQ1190" s="23"/>
      <c r="BR1190" s="23"/>
      <c r="BS1190" s="23"/>
      <c r="BT1190" s="23"/>
      <c r="BU1190" s="23"/>
      <c r="BV1190" s="23"/>
      <c r="BW1190" s="23"/>
      <c r="BX1190" s="23"/>
      <c r="BY1190" s="23"/>
      <c r="BZ1190" s="23"/>
      <c r="CA1190" s="23"/>
      <c r="CB1190" s="23"/>
      <c r="CC1190" s="23"/>
      <c r="CD1190" s="23"/>
      <c r="CE1190" s="23"/>
      <c r="CF1190" s="23"/>
      <c r="CG1190" s="23"/>
      <c r="CH1190" s="23"/>
      <c r="CI1190" s="23"/>
      <c r="CJ1190" s="23"/>
      <c r="CK1190" s="23"/>
      <c r="CL1190" s="23"/>
      <c r="CM1190" s="23"/>
      <c r="CN1190" s="23"/>
      <c r="CO1190" s="23"/>
      <c r="CP1190" s="23"/>
      <c r="CQ1190" s="23"/>
      <c r="CR1190" s="23"/>
      <c r="CS1190" s="23"/>
      <c r="CT1190" s="23"/>
      <c r="CU1190" s="23"/>
      <c r="CV1190" s="23"/>
      <c r="CW1190" s="23"/>
      <c r="CX1190" s="23"/>
      <c r="CY1190" s="23"/>
      <c r="CZ1190" s="23"/>
      <c r="DA1190" s="23"/>
      <c r="DB1190" s="23"/>
      <c r="DC1190" s="23"/>
      <c r="DD1190" s="23"/>
      <c r="DE1190" s="23"/>
      <c r="DF1190" s="23"/>
      <c r="DG1190" s="23"/>
      <c r="DH1190" s="23"/>
      <c r="DI1190" s="23"/>
      <c r="DJ1190" s="23"/>
      <c r="DK1190" s="23"/>
      <c r="DL1190" s="23"/>
      <c r="DM1190" s="23"/>
      <c r="DN1190" s="23"/>
      <c r="DO1190" s="23"/>
      <c r="DP1190" s="23"/>
      <c r="DQ1190" s="23"/>
      <c r="DR1190" s="23"/>
      <c r="DS1190" s="23"/>
      <c r="DT1190" s="23"/>
      <c r="DU1190" s="23"/>
      <c r="DV1190" s="23"/>
      <c r="DW1190" s="23"/>
      <c r="DX1190" s="23"/>
      <c r="DY1190" s="23"/>
      <c r="DZ1190" s="23"/>
      <c r="EA1190" s="23"/>
      <c r="EB1190" s="23"/>
      <c r="EC1190" s="23"/>
      <c r="ED1190" s="23"/>
      <c r="EE1190" s="23"/>
      <c r="EF1190" s="23"/>
      <c r="EG1190" s="23"/>
      <c r="EH1190" s="23"/>
      <c r="EI1190" s="23"/>
      <c r="EJ1190" s="23"/>
      <c r="EK1190" s="23"/>
      <c r="EL1190" s="23"/>
      <c r="EM1190" s="23"/>
      <c r="EN1190" s="23"/>
      <c r="EO1190" s="23"/>
      <c r="EP1190" s="23"/>
      <c r="EQ1190" s="23"/>
      <c r="ER1190" s="23"/>
      <c r="ES1190" s="23"/>
      <c r="ET1190" s="23"/>
      <c r="EU1190" s="23"/>
      <c r="EV1190" s="23"/>
      <c r="EW1190" s="23"/>
      <c r="EX1190" s="23"/>
      <c r="EY1190" s="23"/>
      <c r="EZ1190" s="23"/>
      <c r="FA1190" s="23"/>
      <c r="FB1190" s="23"/>
      <c r="FC1190" s="23"/>
      <c r="FD1190" s="23"/>
      <c r="FE1190" s="23"/>
      <c r="FF1190" s="23"/>
      <c r="FG1190" s="23"/>
      <c r="FH1190" s="23"/>
      <c r="FI1190" s="23"/>
      <c r="FJ1190" s="23"/>
      <c r="FK1190" s="23"/>
      <c r="FL1190" s="23"/>
      <c r="FM1190" s="23"/>
      <c r="FN1190" s="23"/>
      <c r="FO1190" s="23"/>
      <c r="FP1190" s="23"/>
      <c r="FQ1190" s="23"/>
      <c r="FR1190" s="23"/>
      <c r="FS1190" s="23"/>
      <c r="FT1190" s="23"/>
      <c r="FU1190" s="23"/>
      <c r="FV1190" s="23"/>
      <c r="FW1190" s="23"/>
      <c r="FX1190" s="23"/>
      <c r="FY1190" s="23"/>
      <c r="FZ1190" s="23"/>
      <c r="GA1190" s="23"/>
      <c r="GB1190" s="23"/>
      <c r="GC1190" s="23"/>
      <c r="GD1190" s="23"/>
      <c r="GE1190" s="23"/>
      <c r="GF1190" s="23"/>
      <c r="GG1190" s="23"/>
      <c r="GH1190" s="23"/>
      <c r="GI1190" s="23"/>
      <c r="GJ1190" s="23"/>
      <c r="GK1190" s="23"/>
      <c r="GL1190" s="23"/>
      <c r="GM1190" s="23"/>
      <c r="GN1190" s="23"/>
      <c r="GO1190" s="23"/>
      <c r="GP1190" s="23"/>
      <c r="GQ1190" s="23"/>
      <c r="GR1190" s="23"/>
      <c r="GS1190" s="23"/>
      <c r="GT1190" s="23"/>
      <c r="GU1190" s="23"/>
      <c r="GV1190" s="23"/>
      <c r="GW1190" s="23"/>
      <c r="GX1190" s="23"/>
      <c r="GY1190" s="23"/>
      <c r="GZ1190" s="23"/>
      <c r="HA1190" s="23"/>
      <c r="HB1190" s="23"/>
      <c r="HC1190" s="23"/>
      <c r="HD1190" s="23"/>
      <c r="HE1190" s="23"/>
      <c r="HF1190" s="23"/>
      <c r="HG1190" s="23"/>
      <c r="HH1190" s="23"/>
      <c r="HI1190" s="23"/>
      <c r="HJ1190" s="23"/>
      <c r="HK1190" s="23"/>
      <c r="HL1190" s="23"/>
      <c r="HM1190" s="23"/>
      <c r="HN1190" s="23"/>
      <c r="HO1190" s="23"/>
      <c r="HP1190" s="23"/>
      <c r="HQ1190" s="23"/>
      <c r="HR1190" s="23"/>
      <c r="HS1190" s="23"/>
      <c r="HT1190" s="23"/>
      <c r="HU1190" s="23"/>
      <c r="HV1190" s="23"/>
      <c r="HW1190" s="23"/>
      <c r="HX1190" s="23"/>
      <c r="HY1190" s="23"/>
      <c r="HZ1190" s="23"/>
      <c r="IA1190" s="23"/>
      <c r="IB1190" s="23"/>
      <c r="IC1190" s="23"/>
      <c r="ID1190" s="23"/>
      <c r="IE1190" s="23"/>
      <c r="IF1190" s="23"/>
      <c r="IG1190" s="23"/>
      <c r="IH1190" s="23"/>
      <c r="II1190" s="23"/>
      <c r="IJ1190" s="23"/>
      <c r="IK1190" s="23"/>
      <c r="IL1190" s="23"/>
      <c r="IM1190" s="23"/>
      <c r="IN1190" s="23"/>
      <c r="IO1190" s="23"/>
      <c r="IP1190" s="23"/>
      <c r="IQ1190" s="23"/>
    </row>
    <row r="1191" spans="1:251" s="23" customFormat="1">
      <c r="A1191"/>
      <c r="B1191"/>
      <c r="C1191"/>
      <c r="D1191"/>
      <c r="E1191"/>
      <c r="F1191"/>
      <c r="G1191"/>
      <c r="H1191"/>
      <c r="I1191"/>
      <c r="J1191"/>
      <c r="K1191"/>
      <c r="L1191"/>
      <c r="M1191"/>
      <c r="N1191"/>
      <c r="O1191"/>
      <c r="P1191"/>
      <c r="Q1191"/>
      <c r="R1191"/>
      <c r="S1191"/>
      <c r="T1191"/>
      <c r="U1191"/>
      <c r="V1191"/>
      <c r="W1191"/>
      <c r="X1191"/>
      <c r="Y1191"/>
      <c r="Z1191"/>
      <c r="AA1191"/>
      <c r="AB1191"/>
      <c r="AC1191"/>
      <c r="AD1191"/>
      <c r="AE1191"/>
      <c r="AF1191"/>
      <c r="AG1191"/>
      <c r="AH1191"/>
      <c r="AI1191"/>
      <c r="AJ1191"/>
      <c r="AK1191"/>
      <c r="AL1191"/>
      <c r="AM1191"/>
      <c r="AN1191"/>
      <c r="AO1191"/>
      <c r="AP1191"/>
      <c r="AQ1191"/>
      <c r="AR1191"/>
      <c r="AS1191"/>
      <c r="AT1191"/>
      <c r="AU1191"/>
      <c r="AV1191"/>
      <c r="AW1191"/>
      <c r="AX1191"/>
      <c r="AY1191"/>
    </row>
    <row r="1192" spans="1:251" s="23" customFormat="1" ht="19.2">
      <c r="A1192" s="22" t="s">
        <v>86</v>
      </c>
      <c r="AW1192" s="24"/>
      <c r="AX1192" s="25"/>
      <c r="AY1192" s="24"/>
    </row>
    <row r="1193" spans="1:251" s="23" customFormat="1" ht="13.2"/>
    <row r="1194" spans="1:251" s="23" customFormat="1" ht="18" customHeight="1">
      <c r="A1194" s="26"/>
      <c r="B1194" s="115" t="s">
        <v>87</v>
      </c>
      <c r="C1194" s="153"/>
      <c r="D1194" s="153"/>
      <c r="E1194" s="153"/>
      <c r="F1194" s="153"/>
      <c r="G1194" s="153"/>
      <c r="H1194" s="153"/>
      <c r="I1194" s="153"/>
      <c r="J1194" s="153"/>
      <c r="K1194" s="153"/>
      <c r="L1194" s="153"/>
      <c r="M1194" s="153"/>
      <c r="N1194" s="153"/>
      <c r="O1194" s="153"/>
      <c r="P1194" s="153"/>
      <c r="Q1194" s="153"/>
      <c r="R1194" s="153"/>
      <c r="S1194" s="153"/>
      <c r="T1194" s="153"/>
      <c r="U1194" s="153"/>
      <c r="V1194" s="153"/>
      <c r="W1194" s="153"/>
      <c r="X1194" s="153"/>
      <c r="Y1194" s="153"/>
      <c r="Z1194" s="153"/>
      <c r="AA1194" s="153"/>
      <c r="AB1194" s="153"/>
      <c r="AC1194" s="153"/>
      <c r="AD1194" s="153"/>
      <c r="AE1194" s="153"/>
      <c r="AF1194" s="153"/>
      <c r="AG1194" s="153"/>
      <c r="AH1194" s="153"/>
      <c r="AI1194" s="153"/>
      <c r="AJ1194" s="153"/>
      <c r="AK1194" s="153"/>
      <c r="AL1194" s="153"/>
      <c r="AM1194" s="153"/>
      <c r="AN1194" s="153"/>
      <c r="AO1194" s="153"/>
      <c r="AP1194" s="153"/>
      <c r="AQ1194" s="153"/>
      <c r="AR1194" s="153"/>
      <c r="AS1194" s="153"/>
      <c r="AT1194" s="153"/>
      <c r="AU1194" s="153"/>
      <c r="AV1194" s="153"/>
      <c r="AW1194" s="153"/>
      <c r="AX1194" s="153"/>
      <c r="AY1194" s="26"/>
    </row>
    <row r="1195" spans="1:251" s="23" customFormat="1" ht="13.2">
      <c r="Z1195" s="27"/>
      <c r="AD1195" s="27"/>
      <c r="AE1195" s="27"/>
      <c r="AF1195" s="27"/>
      <c r="AG1195" s="27"/>
      <c r="AH1195" s="27"/>
      <c r="AI1195" s="27"/>
      <c r="AO1195" s="27"/>
    </row>
    <row r="1196" spans="1:251" s="23" customFormat="1" ht="13.8" thickBot="1">
      <c r="Z1196" s="27"/>
      <c r="AD1196" s="27"/>
      <c r="AE1196" s="27"/>
      <c r="AF1196" s="27"/>
      <c r="AG1196" s="27"/>
      <c r="AH1196" s="27"/>
      <c r="AI1196" s="27"/>
      <c r="AO1196" s="27"/>
      <c r="DI1196" s="28"/>
    </row>
    <row r="1197" spans="1:251" ht="24.6" customHeight="1" thickBot="1">
      <c r="A1197" s="116" t="s">
        <v>88</v>
      </c>
      <c r="B1197" s="117"/>
      <c r="C1197" s="117"/>
      <c r="D1197" s="117"/>
      <c r="E1197" s="117"/>
      <c r="F1197" s="117"/>
      <c r="G1197" s="117"/>
      <c r="H1197" s="117"/>
      <c r="I1197" s="117"/>
      <c r="J1197" s="117"/>
      <c r="K1197" s="118"/>
      <c r="L1197" s="154">
        <v>35</v>
      </c>
      <c r="M1197" s="154"/>
      <c r="N1197" s="154"/>
      <c r="O1197" s="155"/>
      <c r="P1197" s="122" t="s">
        <v>89</v>
      </c>
      <c r="Q1197" s="120"/>
      <c r="R1197" s="120"/>
      <c r="S1197" s="120"/>
      <c r="T1197" s="120"/>
      <c r="U1197" s="123"/>
      <c r="V1197" s="156" t="s">
        <v>203</v>
      </c>
      <c r="W1197" s="156"/>
      <c r="X1197" s="156"/>
      <c r="Y1197" s="156"/>
      <c r="Z1197" s="156"/>
      <c r="AA1197" s="156"/>
      <c r="AB1197" s="156"/>
      <c r="AC1197" s="156"/>
      <c r="AD1197" s="156"/>
      <c r="AE1197" s="156"/>
      <c r="AF1197" s="156"/>
      <c r="AG1197" s="156"/>
      <c r="AH1197" s="156"/>
      <c r="AI1197" s="156"/>
      <c r="AJ1197" s="156"/>
      <c r="AK1197" s="156"/>
      <c r="AL1197" s="156"/>
      <c r="AM1197" s="156"/>
      <c r="AN1197" s="156"/>
      <c r="AO1197" s="156"/>
      <c r="AP1197" s="156"/>
      <c r="AQ1197" s="156"/>
      <c r="AR1197" s="156"/>
      <c r="AS1197" s="156"/>
      <c r="AT1197" s="156"/>
      <c r="AU1197" s="156"/>
      <c r="AV1197" s="156"/>
      <c r="AW1197" s="156"/>
      <c r="AX1197" s="157"/>
      <c r="AY1197" s="23"/>
    </row>
    <row r="1198" spans="1:251" ht="14.4" customHeight="1">
      <c r="A1198" s="29"/>
      <c r="B1198" s="29"/>
      <c r="C1198" s="29"/>
      <c r="D1198" s="29"/>
      <c r="E1198" s="29"/>
      <c r="F1198" s="29"/>
      <c r="G1198" s="29"/>
      <c r="H1198" s="29"/>
      <c r="I1198" s="29"/>
      <c r="J1198" s="29"/>
      <c r="K1198" s="29"/>
      <c r="L1198" s="30"/>
      <c r="M1198" s="30"/>
      <c r="N1198" s="30"/>
      <c r="O1198" s="30"/>
      <c r="P1198" s="29"/>
      <c r="Q1198" s="29"/>
      <c r="R1198" s="29"/>
      <c r="S1198" s="29"/>
      <c r="T1198" s="29"/>
      <c r="U1198" s="29"/>
      <c r="V1198" s="31"/>
      <c r="W1198" s="31"/>
      <c r="X1198" s="31"/>
      <c r="Y1198" s="31"/>
      <c r="Z1198" s="31"/>
      <c r="AA1198" s="31"/>
      <c r="AB1198" s="31"/>
      <c r="AC1198" s="31"/>
      <c r="AD1198" s="31"/>
      <c r="AE1198" s="31"/>
      <c r="AF1198" s="31"/>
      <c r="AG1198" s="31"/>
      <c r="AH1198" s="31"/>
      <c r="AI1198" s="31"/>
      <c r="AJ1198" s="31"/>
      <c r="AK1198" s="31"/>
      <c r="AL1198" s="31"/>
      <c r="AM1198" s="31"/>
      <c r="AN1198" s="31"/>
      <c r="AO1198" s="31"/>
      <c r="AP1198" s="31"/>
      <c r="AQ1198" s="31"/>
      <c r="AR1198" s="31"/>
      <c r="AS1198" s="31"/>
      <c r="AT1198" s="31"/>
      <c r="AU1198" s="31"/>
      <c r="AV1198" s="31"/>
      <c r="AW1198" s="31"/>
      <c r="AX1198" s="31"/>
      <c r="AY1198" s="23"/>
    </row>
    <row r="1199" spans="1:251" ht="15" customHeight="1" thickBot="1">
      <c r="A1199" s="32"/>
      <c r="B1199" s="33" t="s">
        <v>91</v>
      </c>
      <c r="C1199" s="34"/>
      <c r="D1199" s="34"/>
      <c r="E1199" s="34"/>
      <c r="F1199" s="34"/>
      <c r="G1199" s="34"/>
      <c r="H1199" s="34"/>
      <c r="I1199" s="34"/>
      <c r="J1199" s="34"/>
      <c r="K1199" s="34"/>
      <c r="L1199" s="35"/>
      <c r="M1199" s="35"/>
      <c r="N1199" s="35"/>
      <c r="O1199" s="35"/>
      <c r="P1199" s="34"/>
      <c r="Q1199" s="34"/>
      <c r="R1199" s="34"/>
      <c r="S1199" s="34"/>
      <c r="T1199" s="34"/>
      <c r="U1199" s="34"/>
      <c r="V1199" s="33"/>
      <c r="W1199" s="33"/>
      <c r="X1199" s="33"/>
      <c r="Y1199" s="33"/>
      <c r="Z1199" s="33"/>
      <c r="AA1199" s="33"/>
      <c r="AB1199" s="33"/>
      <c r="AC1199" s="33"/>
      <c r="AD1199" s="33"/>
      <c r="AE1199" s="33"/>
      <c r="AF1199" s="33"/>
      <c r="AG1199" s="33"/>
      <c r="AH1199" s="33"/>
      <c r="AI1199" s="33"/>
      <c r="AJ1199" s="33"/>
      <c r="AK1199" s="33"/>
      <c r="AL1199" s="33"/>
      <c r="AM1199" s="33"/>
      <c r="AN1199" s="33"/>
      <c r="AO1199" s="33"/>
      <c r="AP1199" s="33"/>
      <c r="AQ1199" s="33"/>
      <c r="AR1199" s="33"/>
      <c r="AS1199" s="33"/>
      <c r="AT1199" s="33"/>
      <c r="AU1199" s="33"/>
      <c r="AV1199" s="33"/>
      <c r="AW1199" s="33"/>
      <c r="AX1199" s="33"/>
      <c r="AY1199" s="23"/>
    </row>
    <row r="1200" spans="1:251" ht="14.4" customHeight="1">
      <c r="A1200" s="34"/>
      <c r="B1200" s="36"/>
      <c r="C1200" s="29"/>
      <c r="D1200" s="29"/>
      <c r="E1200" s="29"/>
      <c r="F1200" s="29"/>
      <c r="G1200" s="29"/>
      <c r="H1200" s="29"/>
      <c r="I1200" s="29"/>
      <c r="J1200" s="29"/>
      <c r="K1200" s="29"/>
      <c r="L1200" s="30"/>
      <c r="M1200" s="30"/>
      <c r="N1200" s="30"/>
      <c r="O1200" s="30"/>
      <c r="P1200" s="29"/>
      <c r="Q1200" s="29"/>
      <c r="R1200" s="29"/>
      <c r="S1200" s="29"/>
      <c r="T1200" s="29"/>
      <c r="U1200" s="29"/>
      <c r="V1200" s="31"/>
      <c r="W1200" s="31"/>
      <c r="X1200" s="31"/>
      <c r="Y1200" s="31"/>
      <c r="Z1200" s="31"/>
      <c r="AA1200" s="31"/>
      <c r="AB1200" s="31"/>
      <c r="AC1200" s="31"/>
      <c r="AD1200" s="31"/>
      <c r="AE1200" s="31"/>
      <c r="AF1200" s="31"/>
      <c r="AG1200" s="31"/>
      <c r="AH1200" s="31"/>
      <c r="AI1200" s="31"/>
      <c r="AJ1200" s="31"/>
      <c r="AK1200" s="31"/>
      <c r="AL1200" s="31"/>
      <c r="AM1200" s="31"/>
      <c r="AN1200" s="31"/>
      <c r="AO1200" s="31"/>
      <c r="AP1200" s="31"/>
      <c r="AQ1200" s="31"/>
      <c r="AR1200" s="31"/>
      <c r="AS1200" s="31"/>
      <c r="AT1200" s="31"/>
      <c r="AU1200" s="31"/>
      <c r="AV1200" s="31"/>
      <c r="AW1200" s="31"/>
      <c r="AX1200" s="37"/>
      <c r="AY1200" s="23"/>
    </row>
    <row r="1201" spans="1:51" ht="10.8" customHeight="1">
      <c r="A1201" s="34"/>
      <c r="B1201" s="127" t="s">
        <v>204</v>
      </c>
      <c r="C1201" s="128"/>
      <c r="D1201" s="128"/>
      <c r="E1201" s="128"/>
      <c r="F1201" s="128"/>
      <c r="G1201" s="128"/>
      <c r="H1201" s="128"/>
      <c r="I1201" s="128"/>
      <c r="J1201" s="128"/>
      <c r="K1201" s="128"/>
      <c r="L1201" s="128"/>
      <c r="M1201" s="128"/>
      <c r="N1201" s="128"/>
      <c r="O1201" s="128"/>
      <c r="P1201" s="128"/>
      <c r="Q1201" s="128"/>
      <c r="R1201" s="128"/>
      <c r="S1201" s="128"/>
      <c r="T1201" s="128"/>
      <c r="U1201" s="128"/>
      <c r="V1201" s="128"/>
      <c r="W1201" s="128"/>
      <c r="X1201" s="128"/>
      <c r="Y1201" s="128"/>
      <c r="Z1201" s="128"/>
      <c r="AA1201" s="128"/>
      <c r="AB1201" s="128"/>
      <c r="AC1201" s="128"/>
      <c r="AD1201" s="128"/>
      <c r="AE1201" s="128"/>
      <c r="AF1201" s="128"/>
      <c r="AG1201" s="128"/>
      <c r="AH1201" s="128"/>
      <c r="AI1201" s="128"/>
      <c r="AJ1201" s="128"/>
      <c r="AK1201" s="128"/>
      <c r="AL1201" s="128"/>
      <c r="AM1201" s="128"/>
      <c r="AN1201" s="128"/>
      <c r="AO1201" s="128"/>
      <c r="AP1201" s="128"/>
      <c r="AQ1201" s="128"/>
      <c r="AR1201" s="128"/>
      <c r="AS1201" s="128"/>
      <c r="AT1201" s="128"/>
      <c r="AU1201" s="128"/>
      <c r="AV1201" s="128"/>
      <c r="AW1201" s="128"/>
      <c r="AX1201" s="129"/>
      <c r="AY1201" s="23"/>
    </row>
    <row r="1202" spans="1:51" ht="10.8" customHeight="1">
      <c r="A1202" s="34"/>
      <c r="B1202" s="127"/>
      <c r="C1202" s="128"/>
      <c r="D1202" s="128"/>
      <c r="E1202" s="128"/>
      <c r="F1202" s="128"/>
      <c r="G1202" s="128"/>
      <c r="H1202" s="128"/>
      <c r="I1202" s="128"/>
      <c r="J1202" s="128"/>
      <c r="K1202" s="128"/>
      <c r="L1202" s="128"/>
      <c r="M1202" s="128"/>
      <c r="N1202" s="128"/>
      <c r="O1202" s="128"/>
      <c r="P1202" s="128"/>
      <c r="Q1202" s="128"/>
      <c r="R1202" s="128"/>
      <c r="S1202" s="128"/>
      <c r="T1202" s="128"/>
      <c r="U1202" s="128"/>
      <c r="V1202" s="128"/>
      <c r="W1202" s="128"/>
      <c r="X1202" s="128"/>
      <c r="Y1202" s="128"/>
      <c r="Z1202" s="128"/>
      <c r="AA1202" s="128"/>
      <c r="AB1202" s="128"/>
      <c r="AC1202" s="128"/>
      <c r="AD1202" s="128"/>
      <c r="AE1202" s="128"/>
      <c r="AF1202" s="128"/>
      <c r="AG1202" s="128"/>
      <c r="AH1202" s="128"/>
      <c r="AI1202" s="128"/>
      <c r="AJ1202" s="128"/>
      <c r="AK1202" s="128"/>
      <c r="AL1202" s="128"/>
      <c r="AM1202" s="128"/>
      <c r="AN1202" s="128"/>
      <c r="AO1202" s="128"/>
      <c r="AP1202" s="128"/>
      <c r="AQ1202" s="128"/>
      <c r="AR1202" s="128"/>
      <c r="AS1202" s="128"/>
      <c r="AT1202" s="128"/>
      <c r="AU1202" s="128"/>
      <c r="AV1202" s="128"/>
      <c r="AW1202" s="128"/>
      <c r="AX1202" s="129"/>
      <c r="AY1202" s="23"/>
    </row>
    <row r="1203" spans="1:51" ht="10.8" customHeight="1">
      <c r="A1203" s="34"/>
      <c r="B1203" s="127"/>
      <c r="C1203" s="128"/>
      <c r="D1203" s="128"/>
      <c r="E1203" s="128"/>
      <c r="F1203" s="128"/>
      <c r="G1203" s="128"/>
      <c r="H1203" s="128"/>
      <c r="I1203" s="128"/>
      <c r="J1203" s="128"/>
      <c r="K1203" s="128"/>
      <c r="L1203" s="128"/>
      <c r="M1203" s="128"/>
      <c r="N1203" s="128"/>
      <c r="O1203" s="128"/>
      <c r="P1203" s="128"/>
      <c r="Q1203" s="128"/>
      <c r="R1203" s="128"/>
      <c r="S1203" s="128"/>
      <c r="T1203" s="128"/>
      <c r="U1203" s="128"/>
      <c r="V1203" s="128"/>
      <c r="W1203" s="128"/>
      <c r="X1203" s="128"/>
      <c r="Y1203" s="128"/>
      <c r="Z1203" s="128"/>
      <c r="AA1203" s="128"/>
      <c r="AB1203" s="128"/>
      <c r="AC1203" s="128"/>
      <c r="AD1203" s="128"/>
      <c r="AE1203" s="128"/>
      <c r="AF1203" s="128"/>
      <c r="AG1203" s="128"/>
      <c r="AH1203" s="128"/>
      <c r="AI1203" s="128"/>
      <c r="AJ1203" s="128"/>
      <c r="AK1203" s="128"/>
      <c r="AL1203" s="128"/>
      <c r="AM1203" s="128"/>
      <c r="AN1203" s="128"/>
      <c r="AO1203" s="128"/>
      <c r="AP1203" s="128"/>
      <c r="AQ1203" s="128"/>
      <c r="AR1203" s="128"/>
      <c r="AS1203" s="128"/>
      <c r="AT1203" s="128"/>
      <c r="AU1203" s="128"/>
      <c r="AV1203" s="128"/>
      <c r="AW1203" s="128"/>
      <c r="AX1203" s="129"/>
      <c r="AY1203" s="23"/>
    </row>
    <row r="1204" spans="1:51" ht="10.8" customHeight="1">
      <c r="A1204" s="34"/>
      <c r="B1204" s="127"/>
      <c r="C1204" s="128"/>
      <c r="D1204" s="128"/>
      <c r="E1204" s="128"/>
      <c r="F1204" s="128"/>
      <c r="G1204" s="128"/>
      <c r="H1204" s="128"/>
      <c r="I1204" s="128"/>
      <c r="J1204" s="128"/>
      <c r="K1204" s="128"/>
      <c r="L1204" s="128"/>
      <c r="M1204" s="128"/>
      <c r="N1204" s="128"/>
      <c r="O1204" s="128"/>
      <c r="P1204" s="128"/>
      <c r="Q1204" s="128"/>
      <c r="R1204" s="128"/>
      <c r="S1204" s="128"/>
      <c r="T1204" s="128"/>
      <c r="U1204" s="128"/>
      <c r="V1204" s="128"/>
      <c r="W1204" s="128"/>
      <c r="X1204" s="128"/>
      <c r="Y1204" s="128"/>
      <c r="Z1204" s="128"/>
      <c r="AA1204" s="128"/>
      <c r="AB1204" s="128"/>
      <c r="AC1204" s="128"/>
      <c r="AD1204" s="128"/>
      <c r="AE1204" s="128"/>
      <c r="AF1204" s="128"/>
      <c r="AG1204" s="128"/>
      <c r="AH1204" s="128"/>
      <c r="AI1204" s="128"/>
      <c r="AJ1204" s="128"/>
      <c r="AK1204" s="128"/>
      <c r="AL1204" s="128"/>
      <c r="AM1204" s="128"/>
      <c r="AN1204" s="128"/>
      <c r="AO1204" s="128"/>
      <c r="AP1204" s="128"/>
      <c r="AQ1204" s="128"/>
      <c r="AR1204" s="128"/>
      <c r="AS1204" s="128"/>
      <c r="AT1204" s="128"/>
      <c r="AU1204" s="128"/>
      <c r="AV1204" s="128"/>
      <c r="AW1204" s="128"/>
      <c r="AX1204" s="129"/>
      <c r="AY1204" s="23"/>
    </row>
    <row r="1205" spans="1:51" ht="10.8" customHeight="1">
      <c r="A1205" s="34"/>
      <c r="B1205" s="127"/>
      <c r="C1205" s="128"/>
      <c r="D1205" s="128"/>
      <c r="E1205" s="128"/>
      <c r="F1205" s="128"/>
      <c r="G1205" s="128"/>
      <c r="H1205" s="128"/>
      <c r="I1205" s="128"/>
      <c r="J1205" s="128"/>
      <c r="K1205" s="128"/>
      <c r="L1205" s="128"/>
      <c r="M1205" s="128"/>
      <c r="N1205" s="128"/>
      <c r="O1205" s="128"/>
      <c r="P1205" s="128"/>
      <c r="Q1205" s="128"/>
      <c r="R1205" s="128"/>
      <c r="S1205" s="128"/>
      <c r="T1205" s="128"/>
      <c r="U1205" s="128"/>
      <c r="V1205" s="128"/>
      <c r="W1205" s="128"/>
      <c r="X1205" s="128"/>
      <c r="Y1205" s="128"/>
      <c r="Z1205" s="128"/>
      <c r="AA1205" s="128"/>
      <c r="AB1205" s="128"/>
      <c r="AC1205" s="128"/>
      <c r="AD1205" s="128"/>
      <c r="AE1205" s="128"/>
      <c r="AF1205" s="128"/>
      <c r="AG1205" s="128"/>
      <c r="AH1205" s="128"/>
      <c r="AI1205" s="128"/>
      <c r="AJ1205" s="128"/>
      <c r="AK1205" s="128"/>
      <c r="AL1205" s="128"/>
      <c r="AM1205" s="128"/>
      <c r="AN1205" s="128"/>
      <c r="AO1205" s="128"/>
      <c r="AP1205" s="128"/>
      <c r="AQ1205" s="128"/>
      <c r="AR1205" s="128"/>
      <c r="AS1205" s="128"/>
      <c r="AT1205" s="128"/>
      <c r="AU1205" s="128"/>
      <c r="AV1205" s="128"/>
      <c r="AW1205" s="128"/>
      <c r="AX1205" s="129"/>
      <c r="AY1205" s="23"/>
    </row>
    <row r="1206" spans="1:51" ht="10.8" customHeight="1">
      <c r="A1206" s="34"/>
      <c r="B1206" s="127"/>
      <c r="C1206" s="128"/>
      <c r="D1206" s="128"/>
      <c r="E1206" s="128"/>
      <c r="F1206" s="128"/>
      <c r="G1206" s="128"/>
      <c r="H1206" s="128"/>
      <c r="I1206" s="128"/>
      <c r="J1206" s="128"/>
      <c r="K1206" s="128"/>
      <c r="L1206" s="128"/>
      <c r="M1206" s="128"/>
      <c r="N1206" s="128"/>
      <c r="O1206" s="128"/>
      <c r="P1206" s="128"/>
      <c r="Q1206" s="128"/>
      <c r="R1206" s="128"/>
      <c r="S1206" s="128"/>
      <c r="T1206" s="128"/>
      <c r="U1206" s="128"/>
      <c r="V1206" s="128"/>
      <c r="W1206" s="128"/>
      <c r="X1206" s="128"/>
      <c r="Y1206" s="128"/>
      <c r="Z1206" s="128"/>
      <c r="AA1206" s="128"/>
      <c r="AB1206" s="128"/>
      <c r="AC1206" s="128"/>
      <c r="AD1206" s="128"/>
      <c r="AE1206" s="128"/>
      <c r="AF1206" s="128"/>
      <c r="AG1206" s="128"/>
      <c r="AH1206" s="128"/>
      <c r="AI1206" s="128"/>
      <c r="AJ1206" s="128"/>
      <c r="AK1206" s="128"/>
      <c r="AL1206" s="128"/>
      <c r="AM1206" s="128"/>
      <c r="AN1206" s="128"/>
      <c r="AO1206" s="128"/>
      <c r="AP1206" s="128"/>
      <c r="AQ1206" s="128"/>
      <c r="AR1206" s="128"/>
      <c r="AS1206" s="128"/>
      <c r="AT1206" s="128"/>
      <c r="AU1206" s="128"/>
      <c r="AV1206" s="128"/>
      <c r="AW1206" s="128"/>
      <c r="AX1206" s="129"/>
      <c r="AY1206" s="23"/>
    </row>
    <row r="1207" spans="1:51" ht="10.8" customHeight="1">
      <c r="A1207" s="34"/>
      <c r="B1207" s="127"/>
      <c r="C1207" s="128"/>
      <c r="D1207" s="128"/>
      <c r="E1207" s="128"/>
      <c r="F1207" s="128"/>
      <c r="G1207" s="128"/>
      <c r="H1207" s="128"/>
      <c r="I1207" s="128"/>
      <c r="J1207" s="128"/>
      <c r="K1207" s="128"/>
      <c r="L1207" s="128"/>
      <c r="M1207" s="128"/>
      <c r="N1207" s="128"/>
      <c r="O1207" s="128"/>
      <c r="P1207" s="128"/>
      <c r="Q1207" s="128"/>
      <c r="R1207" s="128"/>
      <c r="S1207" s="128"/>
      <c r="T1207" s="128"/>
      <c r="U1207" s="128"/>
      <c r="V1207" s="128"/>
      <c r="W1207" s="128"/>
      <c r="X1207" s="128"/>
      <c r="Y1207" s="128"/>
      <c r="Z1207" s="128"/>
      <c r="AA1207" s="128"/>
      <c r="AB1207" s="128"/>
      <c r="AC1207" s="128"/>
      <c r="AD1207" s="128"/>
      <c r="AE1207" s="128"/>
      <c r="AF1207" s="128"/>
      <c r="AG1207" s="128"/>
      <c r="AH1207" s="128"/>
      <c r="AI1207" s="128"/>
      <c r="AJ1207" s="128"/>
      <c r="AK1207" s="128"/>
      <c r="AL1207" s="128"/>
      <c r="AM1207" s="128"/>
      <c r="AN1207" s="128"/>
      <c r="AO1207" s="128"/>
      <c r="AP1207" s="128"/>
      <c r="AQ1207" s="128"/>
      <c r="AR1207" s="128"/>
      <c r="AS1207" s="128"/>
      <c r="AT1207" s="128"/>
      <c r="AU1207" s="128"/>
      <c r="AV1207" s="128"/>
      <c r="AW1207" s="128"/>
      <c r="AX1207" s="129"/>
      <c r="AY1207" s="23"/>
    </row>
    <row r="1208" spans="1:51" ht="10.8" customHeight="1">
      <c r="A1208" s="34"/>
      <c r="B1208" s="127"/>
      <c r="C1208" s="128"/>
      <c r="D1208" s="128"/>
      <c r="E1208" s="128"/>
      <c r="F1208" s="128"/>
      <c r="G1208" s="128"/>
      <c r="H1208" s="128"/>
      <c r="I1208" s="128"/>
      <c r="J1208" s="128"/>
      <c r="K1208" s="128"/>
      <c r="L1208" s="128"/>
      <c r="M1208" s="128"/>
      <c r="N1208" s="128"/>
      <c r="O1208" s="128"/>
      <c r="P1208" s="128"/>
      <c r="Q1208" s="128"/>
      <c r="R1208" s="128"/>
      <c r="S1208" s="128"/>
      <c r="T1208" s="128"/>
      <c r="U1208" s="128"/>
      <c r="V1208" s="128"/>
      <c r="W1208" s="128"/>
      <c r="X1208" s="128"/>
      <c r="Y1208" s="128"/>
      <c r="Z1208" s="128"/>
      <c r="AA1208" s="128"/>
      <c r="AB1208" s="128"/>
      <c r="AC1208" s="128"/>
      <c r="AD1208" s="128"/>
      <c r="AE1208" s="128"/>
      <c r="AF1208" s="128"/>
      <c r="AG1208" s="128"/>
      <c r="AH1208" s="128"/>
      <c r="AI1208" s="128"/>
      <c r="AJ1208" s="128"/>
      <c r="AK1208" s="128"/>
      <c r="AL1208" s="128"/>
      <c r="AM1208" s="128"/>
      <c r="AN1208" s="128"/>
      <c r="AO1208" s="128"/>
      <c r="AP1208" s="128"/>
      <c r="AQ1208" s="128"/>
      <c r="AR1208" s="128"/>
      <c r="AS1208" s="128"/>
      <c r="AT1208" s="128"/>
      <c r="AU1208" s="128"/>
      <c r="AV1208" s="128"/>
      <c r="AW1208" s="128"/>
      <c r="AX1208" s="129"/>
      <c r="AY1208" s="23"/>
    </row>
    <row r="1209" spans="1:51" ht="10.8" customHeight="1">
      <c r="A1209" s="34"/>
      <c r="B1209" s="127"/>
      <c r="C1209" s="128"/>
      <c r="D1209" s="128"/>
      <c r="E1209" s="128"/>
      <c r="F1209" s="128"/>
      <c r="G1209" s="128"/>
      <c r="H1209" s="128"/>
      <c r="I1209" s="128"/>
      <c r="J1209" s="128"/>
      <c r="K1209" s="128"/>
      <c r="L1209" s="128"/>
      <c r="M1209" s="128"/>
      <c r="N1209" s="128"/>
      <c r="O1209" s="128"/>
      <c r="P1209" s="128"/>
      <c r="Q1209" s="128"/>
      <c r="R1209" s="128"/>
      <c r="S1209" s="128"/>
      <c r="T1209" s="128"/>
      <c r="U1209" s="128"/>
      <c r="V1209" s="128"/>
      <c r="W1209" s="128"/>
      <c r="X1209" s="128"/>
      <c r="Y1209" s="128"/>
      <c r="Z1209" s="128"/>
      <c r="AA1209" s="128"/>
      <c r="AB1209" s="128"/>
      <c r="AC1209" s="128"/>
      <c r="AD1209" s="128"/>
      <c r="AE1209" s="128"/>
      <c r="AF1209" s="128"/>
      <c r="AG1209" s="128"/>
      <c r="AH1209" s="128"/>
      <c r="AI1209" s="128"/>
      <c r="AJ1209" s="128"/>
      <c r="AK1209" s="128"/>
      <c r="AL1209" s="128"/>
      <c r="AM1209" s="128"/>
      <c r="AN1209" s="128"/>
      <c r="AO1209" s="128"/>
      <c r="AP1209" s="128"/>
      <c r="AQ1209" s="128"/>
      <c r="AR1209" s="128"/>
      <c r="AS1209" s="128"/>
      <c r="AT1209" s="128"/>
      <c r="AU1209" s="128"/>
      <c r="AV1209" s="128"/>
      <c r="AW1209" s="128"/>
      <c r="AX1209" s="129"/>
      <c r="AY1209" s="23"/>
    </row>
    <row r="1210" spans="1:51" ht="10.8" customHeight="1">
      <c r="A1210" s="34"/>
      <c r="B1210" s="127"/>
      <c r="C1210" s="128"/>
      <c r="D1210" s="128"/>
      <c r="E1210" s="128"/>
      <c r="F1210" s="128"/>
      <c r="G1210" s="128"/>
      <c r="H1210" s="128"/>
      <c r="I1210" s="128"/>
      <c r="J1210" s="128"/>
      <c r="K1210" s="128"/>
      <c r="L1210" s="128"/>
      <c r="M1210" s="128"/>
      <c r="N1210" s="128"/>
      <c r="O1210" s="128"/>
      <c r="P1210" s="128"/>
      <c r="Q1210" s="128"/>
      <c r="R1210" s="128"/>
      <c r="S1210" s="128"/>
      <c r="T1210" s="128"/>
      <c r="U1210" s="128"/>
      <c r="V1210" s="128"/>
      <c r="W1210" s="128"/>
      <c r="X1210" s="128"/>
      <c r="Y1210" s="128"/>
      <c r="Z1210" s="128"/>
      <c r="AA1210" s="128"/>
      <c r="AB1210" s="128"/>
      <c r="AC1210" s="128"/>
      <c r="AD1210" s="128"/>
      <c r="AE1210" s="128"/>
      <c r="AF1210" s="128"/>
      <c r="AG1210" s="128"/>
      <c r="AH1210" s="128"/>
      <c r="AI1210" s="128"/>
      <c r="AJ1210" s="128"/>
      <c r="AK1210" s="128"/>
      <c r="AL1210" s="128"/>
      <c r="AM1210" s="128"/>
      <c r="AN1210" s="128"/>
      <c r="AO1210" s="128"/>
      <c r="AP1210" s="128"/>
      <c r="AQ1210" s="128"/>
      <c r="AR1210" s="128"/>
      <c r="AS1210" s="128"/>
      <c r="AT1210" s="128"/>
      <c r="AU1210" s="128"/>
      <c r="AV1210" s="128"/>
      <c r="AW1210" s="128"/>
      <c r="AX1210" s="129"/>
      <c r="AY1210" s="23"/>
    </row>
    <row r="1211" spans="1:51" ht="15" customHeight="1" thickBot="1">
      <c r="A1211" s="38"/>
      <c r="B1211" s="39"/>
      <c r="C1211" s="40"/>
      <c r="D1211" s="40"/>
      <c r="E1211" s="40"/>
      <c r="F1211" s="40"/>
      <c r="G1211" s="40"/>
      <c r="H1211" s="40"/>
      <c r="I1211" s="40"/>
      <c r="J1211" s="40"/>
      <c r="K1211" s="40"/>
      <c r="L1211" s="40"/>
      <c r="M1211" s="40"/>
      <c r="N1211" s="40"/>
      <c r="O1211" s="40"/>
      <c r="P1211" s="40"/>
      <c r="Q1211" s="40"/>
      <c r="R1211" s="40"/>
      <c r="S1211" s="40"/>
      <c r="T1211" s="40"/>
      <c r="U1211" s="40"/>
      <c r="V1211" s="40"/>
      <c r="W1211" s="40"/>
      <c r="X1211" s="40"/>
      <c r="Y1211" s="40"/>
      <c r="Z1211" s="40"/>
      <c r="AA1211" s="40"/>
      <c r="AB1211" s="40"/>
      <c r="AC1211" s="40"/>
      <c r="AD1211" s="40"/>
      <c r="AE1211" s="40"/>
      <c r="AF1211" s="40"/>
      <c r="AG1211" s="40"/>
      <c r="AH1211" s="40"/>
      <c r="AI1211" s="40"/>
      <c r="AJ1211" s="40"/>
      <c r="AK1211" s="40"/>
      <c r="AL1211" s="40"/>
      <c r="AM1211" s="40"/>
      <c r="AN1211" s="40"/>
      <c r="AO1211" s="40"/>
      <c r="AP1211" s="40"/>
      <c r="AQ1211" s="40"/>
      <c r="AR1211" s="40"/>
      <c r="AS1211" s="40"/>
      <c r="AT1211" s="40"/>
      <c r="AU1211" s="40"/>
      <c r="AV1211" s="40"/>
      <c r="AW1211" s="40"/>
      <c r="AX1211" s="41"/>
      <c r="AY1211" s="23"/>
    </row>
    <row r="1212" spans="1:51" s="23" customFormat="1" ht="13.2">
      <c r="B1212" s="42"/>
    </row>
    <row r="1213" spans="1:51" s="23" customFormat="1" ht="14.4">
      <c r="B1213" s="33" t="s">
        <v>93</v>
      </c>
      <c r="C1213" s="34"/>
      <c r="D1213" s="34"/>
      <c r="E1213" s="34"/>
      <c r="F1213" s="34"/>
      <c r="G1213" s="34"/>
      <c r="H1213" s="34"/>
      <c r="I1213" s="34"/>
      <c r="J1213" s="34"/>
      <c r="K1213" s="34"/>
      <c r="L1213" s="35"/>
      <c r="M1213" s="35"/>
      <c r="N1213" s="35"/>
      <c r="O1213" s="35"/>
      <c r="P1213" s="34"/>
      <c r="Q1213" s="34"/>
      <c r="R1213" s="34"/>
      <c r="S1213" s="34"/>
      <c r="T1213" s="34"/>
      <c r="U1213" s="34"/>
      <c r="V1213" s="33"/>
      <c r="W1213" s="33"/>
      <c r="X1213" s="33"/>
      <c r="Y1213" s="33"/>
      <c r="Z1213" s="33"/>
      <c r="AA1213" s="33"/>
      <c r="AB1213" s="33"/>
      <c r="AC1213" s="33"/>
      <c r="AD1213" s="33"/>
      <c r="AE1213" s="33"/>
      <c r="AF1213" s="33"/>
      <c r="AG1213" s="33"/>
      <c r="AH1213" s="33"/>
      <c r="AI1213" s="33"/>
      <c r="AJ1213" s="33"/>
      <c r="AK1213" s="33"/>
      <c r="AL1213" s="33"/>
      <c r="AM1213" s="33"/>
      <c r="AN1213" s="33"/>
      <c r="AO1213" s="33"/>
      <c r="AP1213" s="33"/>
      <c r="AQ1213" s="33"/>
      <c r="AR1213" s="33"/>
      <c r="AS1213" s="33"/>
      <c r="AT1213" s="33"/>
      <c r="AU1213" s="33"/>
      <c r="AV1213" s="33"/>
      <c r="AW1213" s="33"/>
      <c r="AX1213" s="33"/>
    </row>
    <row r="1214" spans="1:51" s="23" customFormat="1" ht="15" thickBot="1">
      <c r="B1214" s="33"/>
      <c r="C1214" s="34"/>
      <c r="D1214" s="34"/>
      <c r="E1214" s="34"/>
      <c r="F1214" s="34"/>
      <c r="G1214" s="34"/>
      <c r="H1214" s="34"/>
      <c r="I1214" s="34"/>
      <c r="J1214" s="34"/>
      <c r="K1214" s="34"/>
      <c r="L1214" s="35"/>
      <c r="M1214" s="35"/>
      <c r="N1214" s="35"/>
      <c r="O1214" s="35"/>
      <c r="P1214" s="34"/>
      <c r="Q1214" s="34"/>
      <c r="R1214" s="34"/>
      <c r="S1214" s="34"/>
      <c r="T1214" s="34"/>
      <c r="U1214" s="34"/>
      <c r="V1214" s="33"/>
      <c r="W1214" s="33"/>
      <c r="X1214" s="33"/>
      <c r="Y1214" s="33"/>
      <c r="Z1214" s="33"/>
      <c r="AA1214" s="33"/>
      <c r="AB1214" s="33"/>
      <c r="AC1214" s="33"/>
      <c r="AD1214" s="33"/>
      <c r="AE1214" s="33"/>
      <c r="AF1214" s="33"/>
      <c r="AG1214" s="33"/>
      <c r="AH1214" s="33"/>
      <c r="AI1214" s="33"/>
      <c r="AJ1214" s="33"/>
      <c r="AK1214" s="33"/>
      <c r="AL1214" s="33"/>
      <c r="AM1214" s="33"/>
      <c r="AN1214" s="33"/>
      <c r="AO1214" s="33"/>
      <c r="AP1214" s="33"/>
      <c r="AQ1214" s="33"/>
      <c r="AR1214" s="33"/>
      <c r="AS1214" s="33"/>
      <c r="AT1214" s="33"/>
      <c r="AU1214" s="33"/>
      <c r="AV1214" s="33"/>
      <c r="AW1214" s="33"/>
      <c r="AX1214" s="43" t="s">
        <v>94</v>
      </c>
    </row>
    <row r="1215" spans="1:51">
      <c r="A1215" s="34"/>
      <c r="B1215" s="139" t="s">
        <v>95</v>
      </c>
      <c r="C1215" s="140"/>
      <c r="D1215" s="140"/>
      <c r="E1215" s="140"/>
      <c r="F1215" s="140"/>
      <c r="G1215" s="140"/>
      <c r="H1215" s="140"/>
      <c r="I1215" s="140"/>
      <c r="J1215" s="140"/>
      <c r="K1215" s="140"/>
      <c r="L1215" s="140"/>
      <c r="M1215" s="140"/>
      <c r="N1215" s="140"/>
      <c r="O1215" s="140"/>
      <c r="P1215" s="140"/>
      <c r="Q1215" s="140"/>
      <c r="R1215" s="140"/>
      <c r="S1215" s="140"/>
      <c r="T1215" s="140"/>
      <c r="U1215" s="140"/>
      <c r="V1215" s="140"/>
      <c r="W1215" s="140"/>
      <c r="X1215" s="140"/>
      <c r="Y1215" s="140"/>
      <c r="Z1215" s="141"/>
      <c r="AA1215" s="145" t="s">
        <v>116</v>
      </c>
      <c r="AB1215" s="203"/>
      <c r="AC1215" s="203"/>
      <c r="AD1215" s="203"/>
      <c r="AE1215" s="203"/>
      <c r="AF1215" s="203"/>
      <c r="AG1215" s="203"/>
      <c r="AH1215" s="203"/>
      <c r="AI1215" s="204"/>
      <c r="AJ1215" s="145" t="s">
        <v>117</v>
      </c>
      <c r="AK1215" s="203"/>
      <c r="AL1215" s="203"/>
      <c r="AM1215" s="203"/>
      <c r="AN1215" s="203"/>
      <c r="AO1215" s="203"/>
      <c r="AP1215" s="203"/>
      <c r="AQ1215" s="203"/>
      <c r="AR1215" s="204"/>
      <c r="AS1215" s="145" t="s">
        <v>98</v>
      </c>
      <c r="AT1215" s="203"/>
      <c r="AU1215" s="203"/>
      <c r="AV1215" s="203"/>
      <c r="AW1215" s="203"/>
      <c r="AX1215" s="209"/>
      <c r="AY1215" s="23"/>
    </row>
    <row r="1216" spans="1:51">
      <c r="A1216" s="34"/>
      <c r="B1216" s="142"/>
      <c r="C1216" s="143"/>
      <c r="D1216" s="143"/>
      <c r="E1216" s="143"/>
      <c r="F1216" s="143"/>
      <c r="G1216" s="143"/>
      <c r="H1216" s="143"/>
      <c r="I1216" s="143"/>
      <c r="J1216" s="143"/>
      <c r="K1216" s="143"/>
      <c r="L1216" s="143"/>
      <c r="M1216" s="143"/>
      <c r="N1216" s="143"/>
      <c r="O1216" s="143"/>
      <c r="P1216" s="143"/>
      <c r="Q1216" s="143"/>
      <c r="R1216" s="143"/>
      <c r="S1216" s="143"/>
      <c r="T1216" s="143"/>
      <c r="U1216" s="143"/>
      <c r="V1216" s="143"/>
      <c r="W1216" s="143"/>
      <c r="X1216" s="143"/>
      <c r="Y1216" s="143"/>
      <c r="Z1216" s="144"/>
      <c r="AA1216" s="208"/>
      <c r="AB1216" s="206"/>
      <c r="AC1216" s="206"/>
      <c r="AD1216" s="206"/>
      <c r="AE1216" s="206"/>
      <c r="AF1216" s="206"/>
      <c r="AG1216" s="206"/>
      <c r="AH1216" s="206"/>
      <c r="AI1216" s="207"/>
      <c r="AJ1216" s="208"/>
      <c r="AK1216" s="206"/>
      <c r="AL1216" s="206"/>
      <c r="AM1216" s="206"/>
      <c r="AN1216" s="206"/>
      <c r="AO1216" s="206"/>
      <c r="AP1216" s="206"/>
      <c r="AQ1216" s="206"/>
      <c r="AR1216" s="207"/>
      <c r="AS1216" s="208"/>
      <c r="AT1216" s="206"/>
      <c r="AU1216" s="206"/>
      <c r="AV1216" s="206"/>
      <c r="AW1216" s="206"/>
      <c r="AX1216" s="210"/>
      <c r="AY1216" s="23"/>
    </row>
    <row r="1217" spans="1:51">
      <c r="A1217" s="34"/>
      <c r="B1217" s="46"/>
      <c r="C1217" s="130" t="s">
        <v>205</v>
      </c>
      <c r="D1217" s="130"/>
      <c r="E1217" s="130"/>
      <c r="F1217" s="130"/>
      <c r="G1217" s="130"/>
      <c r="H1217" s="130"/>
      <c r="I1217" s="130"/>
      <c r="J1217" s="130"/>
      <c r="K1217" s="130"/>
      <c r="L1217" s="130"/>
      <c r="M1217" s="130"/>
      <c r="N1217" s="130"/>
      <c r="O1217" s="130"/>
      <c r="P1217" s="130"/>
      <c r="Q1217" s="130"/>
      <c r="R1217" s="130"/>
      <c r="S1217" s="130"/>
      <c r="T1217" s="130"/>
      <c r="U1217" s="130"/>
      <c r="V1217" s="130"/>
      <c r="W1217" s="130"/>
      <c r="X1217" s="130"/>
      <c r="Y1217" s="130"/>
      <c r="Z1217" s="131"/>
      <c r="AA1217" s="132">
        <v>208700</v>
      </c>
      <c r="AB1217" s="196"/>
      <c r="AC1217" s="196"/>
      <c r="AD1217" s="196"/>
      <c r="AE1217" s="196"/>
      <c r="AF1217" s="196"/>
      <c r="AG1217" s="196"/>
      <c r="AH1217" s="196"/>
      <c r="AI1217" s="197"/>
      <c r="AJ1217" s="132">
        <v>301517</v>
      </c>
      <c r="AK1217" s="196"/>
      <c r="AL1217" s="196"/>
      <c r="AM1217" s="196"/>
      <c r="AN1217" s="196"/>
      <c r="AO1217" s="196"/>
      <c r="AP1217" s="196"/>
      <c r="AQ1217" s="196"/>
      <c r="AR1217" s="197"/>
      <c r="AS1217" s="132"/>
      <c r="AT1217" s="196"/>
      <c r="AU1217" s="196"/>
      <c r="AV1217" s="196"/>
      <c r="AW1217" s="196"/>
      <c r="AX1217" s="202"/>
      <c r="AY1217" s="23"/>
    </row>
    <row r="1218" spans="1:51">
      <c r="A1218" s="34"/>
      <c r="B1218" s="47"/>
      <c r="C1218" s="130" t="s">
        <v>206</v>
      </c>
      <c r="D1218" s="130"/>
      <c r="E1218" s="130"/>
      <c r="F1218" s="130"/>
      <c r="G1218" s="130"/>
      <c r="H1218" s="130"/>
      <c r="I1218" s="130"/>
      <c r="J1218" s="130"/>
      <c r="K1218" s="130"/>
      <c r="L1218" s="130"/>
      <c r="M1218" s="130"/>
      <c r="N1218" s="130"/>
      <c r="O1218" s="130"/>
      <c r="P1218" s="130"/>
      <c r="Q1218" s="130"/>
      <c r="R1218" s="130"/>
      <c r="S1218" s="130"/>
      <c r="T1218" s="130"/>
      <c r="U1218" s="130"/>
      <c r="V1218" s="130"/>
      <c r="W1218" s="130"/>
      <c r="X1218" s="130"/>
      <c r="Y1218" s="130"/>
      <c r="Z1218" s="131"/>
      <c r="AA1218" s="132">
        <v>43826</v>
      </c>
      <c r="AB1218" s="196"/>
      <c r="AC1218" s="196"/>
      <c r="AD1218" s="196"/>
      <c r="AE1218" s="196"/>
      <c r="AF1218" s="196"/>
      <c r="AG1218" s="196"/>
      <c r="AH1218" s="196"/>
      <c r="AI1218" s="197"/>
      <c r="AJ1218" s="132">
        <v>20199</v>
      </c>
      <c r="AK1218" s="196"/>
      <c r="AL1218" s="196"/>
      <c r="AM1218" s="196"/>
      <c r="AN1218" s="196"/>
      <c r="AO1218" s="196"/>
      <c r="AP1218" s="196"/>
      <c r="AQ1218" s="196"/>
      <c r="AR1218" s="197"/>
      <c r="AS1218" s="132"/>
      <c r="AT1218" s="196"/>
      <c r="AU1218" s="196"/>
      <c r="AV1218" s="196"/>
      <c r="AW1218" s="196"/>
      <c r="AX1218" s="202"/>
      <c r="AY1218" s="23"/>
    </row>
    <row r="1219" spans="1:51">
      <c r="A1219" s="34"/>
      <c r="B1219" s="47"/>
      <c r="C1219" s="130"/>
      <c r="D1219" s="130"/>
      <c r="E1219" s="130"/>
      <c r="F1219" s="130"/>
      <c r="G1219" s="130"/>
      <c r="H1219" s="130"/>
      <c r="I1219" s="130"/>
      <c r="J1219" s="130"/>
      <c r="K1219" s="130"/>
      <c r="L1219" s="130"/>
      <c r="M1219" s="130"/>
      <c r="N1219" s="130"/>
      <c r="O1219" s="130"/>
      <c r="P1219" s="130"/>
      <c r="Q1219" s="130"/>
      <c r="R1219" s="130"/>
      <c r="S1219" s="130"/>
      <c r="T1219" s="130"/>
      <c r="U1219" s="130"/>
      <c r="V1219" s="130"/>
      <c r="W1219" s="130"/>
      <c r="X1219" s="130"/>
      <c r="Y1219" s="130"/>
      <c r="Z1219" s="131"/>
      <c r="AA1219" s="132"/>
      <c r="AB1219" s="200"/>
      <c r="AC1219" s="200"/>
      <c r="AD1219" s="200"/>
      <c r="AE1219" s="200"/>
      <c r="AF1219" s="200"/>
      <c r="AG1219" s="200"/>
      <c r="AH1219" s="200"/>
      <c r="AI1219" s="201"/>
      <c r="AJ1219" s="132"/>
      <c r="AK1219" s="196"/>
      <c r="AL1219" s="196"/>
      <c r="AM1219" s="196"/>
      <c r="AN1219" s="196"/>
      <c r="AO1219" s="196"/>
      <c r="AP1219" s="196"/>
      <c r="AQ1219" s="196"/>
      <c r="AR1219" s="197"/>
      <c r="AS1219" s="132"/>
      <c r="AT1219" s="196"/>
      <c r="AU1219" s="196"/>
      <c r="AV1219" s="196"/>
      <c r="AW1219" s="196"/>
      <c r="AX1219" s="202"/>
      <c r="AY1219" s="23"/>
    </row>
    <row r="1220" spans="1:51">
      <c r="A1220" s="34"/>
      <c r="B1220" s="47"/>
      <c r="C1220" s="130"/>
      <c r="D1220" s="130"/>
      <c r="E1220" s="130"/>
      <c r="F1220" s="130"/>
      <c r="G1220" s="130"/>
      <c r="H1220" s="130"/>
      <c r="I1220" s="130"/>
      <c r="J1220" s="130"/>
      <c r="K1220" s="130"/>
      <c r="L1220" s="130"/>
      <c r="M1220" s="130"/>
      <c r="N1220" s="130"/>
      <c r="O1220" s="130"/>
      <c r="P1220" s="130"/>
      <c r="Q1220" s="130"/>
      <c r="R1220" s="130"/>
      <c r="S1220" s="130"/>
      <c r="T1220" s="130"/>
      <c r="U1220" s="130"/>
      <c r="V1220" s="130"/>
      <c r="W1220" s="130"/>
      <c r="X1220" s="130"/>
      <c r="Y1220" s="130"/>
      <c r="Z1220" s="131"/>
      <c r="AA1220" s="132"/>
      <c r="AB1220" s="200"/>
      <c r="AC1220" s="200"/>
      <c r="AD1220" s="200"/>
      <c r="AE1220" s="200"/>
      <c r="AF1220" s="200"/>
      <c r="AG1220" s="200"/>
      <c r="AH1220" s="200"/>
      <c r="AI1220" s="201"/>
      <c r="AJ1220" s="132"/>
      <c r="AK1220" s="196"/>
      <c r="AL1220" s="196"/>
      <c r="AM1220" s="196"/>
      <c r="AN1220" s="196"/>
      <c r="AO1220" s="196"/>
      <c r="AP1220" s="196"/>
      <c r="AQ1220" s="196"/>
      <c r="AR1220" s="197"/>
      <c r="AS1220" s="132"/>
      <c r="AT1220" s="196"/>
      <c r="AU1220" s="196"/>
      <c r="AV1220" s="196"/>
      <c r="AW1220" s="196"/>
      <c r="AX1220" s="202"/>
      <c r="AY1220" s="23"/>
    </row>
    <row r="1221" spans="1:51">
      <c r="A1221" s="34"/>
      <c r="B1221" s="48"/>
      <c r="C1221" s="130"/>
      <c r="D1221" s="130"/>
      <c r="E1221" s="130"/>
      <c r="F1221" s="130"/>
      <c r="G1221" s="130"/>
      <c r="H1221" s="130"/>
      <c r="I1221" s="130"/>
      <c r="J1221" s="130"/>
      <c r="K1221" s="130"/>
      <c r="L1221" s="130"/>
      <c r="M1221" s="130"/>
      <c r="N1221" s="130"/>
      <c r="O1221" s="130"/>
      <c r="P1221" s="130"/>
      <c r="Q1221" s="130"/>
      <c r="R1221" s="130"/>
      <c r="S1221" s="130"/>
      <c r="T1221" s="130"/>
      <c r="U1221" s="130"/>
      <c r="V1221" s="130"/>
      <c r="W1221" s="130"/>
      <c r="X1221" s="130"/>
      <c r="Y1221" s="130"/>
      <c r="Z1221" s="131"/>
      <c r="AA1221" s="132"/>
      <c r="AB1221" s="200"/>
      <c r="AC1221" s="200"/>
      <c r="AD1221" s="200"/>
      <c r="AE1221" s="200"/>
      <c r="AF1221" s="200"/>
      <c r="AG1221" s="200"/>
      <c r="AH1221" s="200"/>
      <c r="AI1221" s="201"/>
      <c r="AJ1221" s="132"/>
      <c r="AK1221" s="196"/>
      <c r="AL1221" s="196"/>
      <c r="AM1221" s="196"/>
      <c r="AN1221" s="196"/>
      <c r="AO1221" s="196"/>
      <c r="AP1221" s="196"/>
      <c r="AQ1221" s="196"/>
      <c r="AR1221" s="197"/>
      <c r="AS1221" s="136"/>
      <c r="AT1221" s="198"/>
      <c r="AU1221" s="198"/>
      <c r="AV1221" s="198"/>
      <c r="AW1221" s="198"/>
      <c r="AX1221" s="199"/>
      <c r="AY1221" s="23"/>
    </row>
    <row r="1222" spans="1:51">
      <c r="A1222" s="34"/>
      <c r="B1222" s="47"/>
      <c r="C1222" s="130"/>
      <c r="D1222" s="130"/>
      <c r="E1222" s="130"/>
      <c r="F1222" s="130"/>
      <c r="G1222" s="130"/>
      <c r="H1222" s="130"/>
      <c r="I1222" s="130"/>
      <c r="J1222" s="130"/>
      <c r="K1222" s="130"/>
      <c r="L1222" s="130"/>
      <c r="M1222" s="130"/>
      <c r="N1222" s="130"/>
      <c r="O1222" s="130"/>
      <c r="P1222" s="130"/>
      <c r="Q1222" s="130"/>
      <c r="R1222" s="130"/>
      <c r="S1222" s="130"/>
      <c r="T1222" s="130"/>
      <c r="U1222" s="130"/>
      <c r="V1222" s="130"/>
      <c r="W1222" s="130"/>
      <c r="X1222" s="130"/>
      <c r="Y1222" s="130"/>
      <c r="Z1222" s="131"/>
      <c r="AA1222" s="132"/>
      <c r="AB1222" s="200"/>
      <c r="AC1222" s="200"/>
      <c r="AD1222" s="200"/>
      <c r="AE1222" s="200"/>
      <c r="AF1222" s="200"/>
      <c r="AG1222" s="200"/>
      <c r="AH1222" s="200"/>
      <c r="AI1222" s="201"/>
      <c r="AJ1222" s="132"/>
      <c r="AK1222" s="196"/>
      <c r="AL1222" s="196"/>
      <c r="AM1222" s="196"/>
      <c r="AN1222" s="196"/>
      <c r="AO1222" s="196"/>
      <c r="AP1222" s="196"/>
      <c r="AQ1222" s="196"/>
      <c r="AR1222" s="197"/>
      <c r="AS1222" s="132"/>
      <c r="AT1222" s="196"/>
      <c r="AU1222" s="196"/>
      <c r="AV1222" s="196"/>
      <c r="AW1222" s="196"/>
      <c r="AX1222" s="202"/>
      <c r="AY1222" s="23"/>
    </row>
    <row r="1223" spans="1:51">
      <c r="A1223" s="34"/>
      <c r="B1223" s="48"/>
      <c r="C1223" s="130"/>
      <c r="D1223" s="130"/>
      <c r="E1223" s="130"/>
      <c r="F1223" s="130"/>
      <c r="G1223" s="130"/>
      <c r="H1223" s="130"/>
      <c r="I1223" s="130"/>
      <c r="J1223" s="130"/>
      <c r="K1223" s="130"/>
      <c r="L1223" s="130"/>
      <c r="M1223" s="130"/>
      <c r="N1223" s="130"/>
      <c r="O1223" s="130"/>
      <c r="P1223" s="130"/>
      <c r="Q1223" s="130"/>
      <c r="R1223" s="130"/>
      <c r="S1223" s="130"/>
      <c r="T1223" s="130"/>
      <c r="U1223" s="130"/>
      <c r="V1223" s="130"/>
      <c r="W1223" s="130"/>
      <c r="X1223" s="130"/>
      <c r="Y1223" s="130"/>
      <c r="Z1223" s="131"/>
      <c r="AA1223" s="132"/>
      <c r="AB1223" s="200"/>
      <c r="AC1223" s="200"/>
      <c r="AD1223" s="200"/>
      <c r="AE1223" s="200"/>
      <c r="AF1223" s="200"/>
      <c r="AG1223" s="200"/>
      <c r="AH1223" s="200"/>
      <c r="AI1223" s="201"/>
      <c r="AJ1223" s="132"/>
      <c r="AK1223" s="133"/>
      <c r="AL1223" s="133"/>
      <c r="AM1223" s="133"/>
      <c r="AN1223" s="133"/>
      <c r="AO1223" s="133"/>
      <c r="AP1223" s="133"/>
      <c r="AQ1223" s="133"/>
      <c r="AR1223" s="134"/>
      <c r="AS1223" s="132"/>
      <c r="AT1223" s="196"/>
      <c r="AU1223" s="196"/>
      <c r="AV1223" s="196"/>
      <c r="AW1223" s="196"/>
      <c r="AX1223" s="202"/>
      <c r="AY1223" s="23"/>
    </row>
    <row r="1224" spans="1:51" ht="18.600000000000001" thickBot="1">
      <c r="A1224" s="34"/>
      <c r="B1224" s="49"/>
      <c r="C1224" s="158"/>
      <c r="D1224" s="158"/>
      <c r="E1224" s="158"/>
      <c r="F1224" s="158"/>
      <c r="G1224" s="158"/>
      <c r="H1224" s="158"/>
      <c r="I1224" s="158"/>
      <c r="J1224" s="158"/>
      <c r="K1224" s="158"/>
      <c r="L1224" s="158"/>
      <c r="M1224" s="158"/>
      <c r="N1224" s="158"/>
      <c r="O1224" s="158"/>
      <c r="P1224" s="158"/>
      <c r="Q1224" s="158"/>
      <c r="R1224" s="158"/>
      <c r="S1224" s="158"/>
      <c r="T1224" s="158"/>
      <c r="U1224" s="158"/>
      <c r="V1224" s="158"/>
      <c r="W1224" s="158"/>
      <c r="X1224" s="158"/>
      <c r="Y1224" s="158"/>
      <c r="Z1224" s="159"/>
      <c r="AA1224" s="160"/>
      <c r="AB1224" s="211"/>
      <c r="AC1224" s="211"/>
      <c r="AD1224" s="211"/>
      <c r="AE1224" s="211"/>
      <c r="AF1224" s="211"/>
      <c r="AG1224" s="211"/>
      <c r="AH1224" s="211"/>
      <c r="AI1224" s="212"/>
      <c r="AJ1224" s="160"/>
      <c r="AK1224" s="161"/>
      <c r="AL1224" s="161"/>
      <c r="AM1224" s="161"/>
      <c r="AN1224" s="161"/>
      <c r="AO1224" s="161"/>
      <c r="AP1224" s="161"/>
      <c r="AQ1224" s="161"/>
      <c r="AR1224" s="162"/>
      <c r="AS1224" s="188"/>
      <c r="AT1224" s="213"/>
      <c r="AU1224" s="213"/>
      <c r="AV1224" s="213"/>
      <c r="AW1224" s="213"/>
      <c r="AX1224" s="214"/>
      <c r="AY1224" s="23"/>
    </row>
    <row r="1225" spans="1:51" ht="19.2" thickTop="1" thickBot="1">
      <c r="A1225" s="38"/>
      <c r="B1225" s="164" t="s">
        <v>105</v>
      </c>
      <c r="C1225" s="191"/>
      <c r="D1225" s="191"/>
      <c r="E1225" s="191"/>
      <c r="F1225" s="191"/>
      <c r="G1225" s="191"/>
      <c r="H1225" s="191"/>
      <c r="I1225" s="191"/>
      <c r="J1225" s="191"/>
      <c r="K1225" s="191"/>
      <c r="L1225" s="191"/>
      <c r="M1225" s="191"/>
      <c r="N1225" s="191"/>
      <c r="O1225" s="191"/>
      <c r="P1225" s="191"/>
      <c r="Q1225" s="191"/>
      <c r="R1225" s="191"/>
      <c r="S1225" s="191"/>
      <c r="T1225" s="191"/>
      <c r="U1225" s="191"/>
      <c r="V1225" s="191"/>
      <c r="W1225" s="191"/>
      <c r="X1225" s="191"/>
      <c r="Y1225" s="191"/>
      <c r="Z1225" s="192"/>
      <c r="AA1225" s="167">
        <f>SUM(AA1217:AI1224)</f>
        <v>252526</v>
      </c>
      <c r="AB1225" s="215"/>
      <c r="AC1225" s="215"/>
      <c r="AD1225" s="215"/>
      <c r="AE1225" s="215"/>
      <c r="AF1225" s="215"/>
      <c r="AG1225" s="215"/>
      <c r="AH1225" s="215"/>
      <c r="AI1225" s="216"/>
      <c r="AJ1225" s="167">
        <f>SUM(AJ1217:AR1224)</f>
        <v>321716</v>
      </c>
      <c r="AK1225" s="215"/>
      <c r="AL1225" s="215"/>
      <c r="AM1225" s="215"/>
      <c r="AN1225" s="215"/>
      <c r="AO1225" s="215"/>
      <c r="AP1225" s="215"/>
      <c r="AQ1225" s="215"/>
      <c r="AR1225" s="216"/>
      <c r="AS1225" s="167"/>
      <c r="AT1225" s="215"/>
      <c r="AU1225" s="215"/>
      <c r="AV1225" s="215"/>
      <c r="AW1225" s="215"/>
      <c r="AX1225" s="217"/>
      <c r="AY1225" s="23"/>
    </row>
    <row r="1226" spans="1:51">
      <c r="A1226" s="23"/>
      <c r="B1226" s="23"/>
      <c r="C1226" s="23"/>
      <c r="D1226" s="23"/>
      <c r="E1226" s="56"/>
      <c r="F1226" s="56"/>
      <c r="G1226" s="56"/>
      <c r="H1226" s="56"/>
      <c r="I1226" s="56"/>
      <c r="J1226" s="56"/>
      <c r="K1226" s="56"/>
      <c r="L1226" s="56"/>
      <c r="M1226" s="56"/>
      <c r="N1226" s="56"/>
      <c r="O1226" s="56"/>
      <c r="P1226" s="56"/>
      <c r="Q1226" s="56"/>
      <c r="R1226" s="56"/>
      <c r="S1226" s="56"/>
      <c r="T1226" s="56"/>
      <c r="U1226" s="56"/>
      <c r="V1226" s="56"/>
      <c r="W1226" s="56"/>
      <c r="X1226" s="56"/>
      <c r="Y1226" s="56"/>
      <c r="Z1226" s="56"/>
      <c r="AA1226" s="56"/>
      <c r="AB1226" s="56"/>
      <c r="AC1226" s="56"/>
      <c r="AD1226" s="56"/>
      <c r="AE1226" s="56"/>
      <c r="AF1226" s="56"/>
      <c r="AG1226" s="56"/>
      <c r="AH1226" s="56"/>
      <c r="AI1226" s="56"/>
      <c r="AJ1226" s="56"/>
      <c r="AK1226" s="56"/>
      <c r="AL1226" s="56"/>
      <c r="AM1226" s="56"/>
      <c r="AN1226" s="56"/>
      <c r="AO1226" s="56"/>
      <c r="AP1226" s="56"/>
      <c r="AQ1226" s="56"/>
      <c r="AR1226" s="56"/>
      <c r="AS1226" s="56"/>
      <c r="AT1226" s="56"/>
      <c r="AU1226" s="56"/>
      <c r="AV1226" s="56"/>
      <c r="AW1226" s="56"/>
      <c r="AX1226" s="56"/>
      <c r="AY1226" s="23"/>
    </row>
  </sheetData>
  <mergeCells count="1609">
    <mergeCell ref="C1084:Z1084"/>
    <mergeCell ref="AA1084:AI1084"/>
    <mergeCell ref="AJ1084:AR1084"/>
    <mergeCell ref="AS1084:AX1084"/>
    <mergeCell ref="B1085:Z1085"/>
    <mergeCell ref="AA1085:AI1085"/>
    <mergeCell ref="AJ1085:AR1085"/>
    <mergeCell ref="AS1085:AX1085"/>
    <mergeCell ref="C1079:Z1079"/>
    <mergeCell ref="AA1079:AI1079"/>
    <mergeCell ref="AJ1079:AR1079"/>
    <mergeCell ref="AS1079:AX1079"/>
    <mergeCell ref="C1080:Z1080"/>
    <mergeCell ref="AA1080:AI1080"/>
    <mergeCell ref="AJ1080:AR1080"/>
    <mergeCell ref="AS1080:AX1080"/>
    <mergeCell ref="C1081:Z1081"/>
    <mergeCell ref="AA1081:AI1081"/>
    <mergeCell ref="AJ1081:AR1081"/>
    <mergeCell ref="AS1081:AX1081"/>
    <mergeCell ref="C1082:Z1082"/>
    <mergeCell ref="AA1082:AI1082"/>
    <mergeCell ref="AJ1082:AR1082"/>
    <mergeCell ref="AS1082:AX1082"/>
    <mergeCell ref="C1083:Z1083"/>
    <mergeCell ref="AA1083:AI1083"/>
    <mergeCell ref="AJ1083:AR1083"/>
    <mergeCell ref="AS1083:AX1083"/>
    <mergeCell ref="A1057:K1057"/>
    <mergeCell ref="L1057:O1057"/>
    <mergeCell ref="P1057:U1057"/>
    <mergeCell ref="V1057:AX1057"/>
    <mergeCell ref="B1061:AX1070"/>
    <mergeCell ref="B1075:Z1076"/>
    <mergeCell ref="AA1075:AI1076"/>
    <mergeCell ref="AJ1075:AR1076"/>
    <mergeCell ref="AS1075:AX1076"/>
    <mergeCell ref="C1077:Z1077"/>
    <mergeCell ref="AA1077:AI1077"/>
    <mergeCell ref="AJ1077:AR1077"/>
    <mergeCell ref="AS1077:AX1077"/>
    <mergeCell ref="C1078:Z1078"/>
    <mergeCell ref="AA1078:AI1078"/>
    <mergeCell ref="AJ1078:AR1078"/>
    <mergeCell ref="AS1078:AX1078"/>
    <mergeCell ref="C627:Z627"/>
    <mergeCell ref="AA627:AI627"/>
    <mergeCell ref="AJ627:AR627"/>
    <mergeCell ref="AS627:AX627"/>
    <mergeCell ref="C628:Z628"/>
    <mergeCell ref="AA628:AI628"/>
    <mergeCell ref="AJ628:AR628"/>
    <mergeCell ref="AS628:AX628"/>
    <mergeCell ref="C629:Z629"/>
    <mergeCell ref="AA629:AI629"/>
    <mergeCell ref="AJ629:AR629"/>
    <mergeCell ref="AS629:AX629"/>
    <mergeCell ref="B630:Z630"/>
    <mergeCell ref="AA630:AI630"/>
    <mergeCell ref="AJ630:AR630"/>
    <mergeCell ref="AS630:AX630"/>
    <mergeCell ref="B1054:AX1054"/>
    <mergeCell ref="C662:Z662"/>
    <mergeCell ref="AA662:AI662"/>
    <mergeCell ref="AJ662:AR662"/>
    <mergeCell ref="AS662:AX662"/>
    <mergeCell ref="C663:Z663"/>
    <mergeCell ref="AA663:AI663"/>
    <mergeCell ref="AJ663:AR663"/>
    <mergeCell ref="AS663:AX663"/>
    <mergeCell ref="C664:Z664"/>
    <mergeCell ref="AA664:AI664"/>
    <mergeCell ref="AJ664:AR664"/>
    <mergeCell ref="AS664:AX664"/>
    <mergeCell ref="B665:Z665"/>
    <mergeCell ref="AA665:AI665"/>
    <mergeCell ref="AJ665:AR665"/>
    <mergeCell ref="AS665:AX665"/>
    <mergeCell ref="B599:AX599"/>
    <mergeCell ref="A602:K602"/>
    <mergeCell ref="L602:O602"/>
    <mergeCell ref="P602:U602"/>
    <mergeCell ref="V602:AX602"/>
    <mergeCell ref="B606:AX615"/>
    <mergeCell ref="B620:Z621"/>
    <mergeCell ref="AA620:AI621"/>
    <mergeCell ref="AJ620:AR621"/>
    <mergeCell ref="AS620:AX621"/>
    <mergeCell ref="C622:Z622"/>
    <mergeCell ref="AA622:AI622"/>
    <mergeCell ref="AJ622:AR622"/>
    <mergeCell ref="AS622:AX622"/>
    <mergeCell ref="C623:Z623"/>
    <mergeCell ref="AA623:AI623"/>
    <mergeCell ref="C657:Z657"/>
    <mergeCell ref="AA657:AI657"/>
    <mergeCell ref="AJ657:AR657"/>
    <mergeCell ref="AS657:AX657"/>
    <mergeCell ref="C658:Z658"/>
    <mergeCell ref="AA658:AI658"/>
    <mergeCell ref="AJ658:AR658"/>
    <mergeCell ref="AS658:AX658"/>
    <mergeCell ref="C659:Z659"/>
    <mergeCell ref="AA659:AI659"/>
    <mergeCell ref="AJ659:AR659"/>
    <mergeCell ref="AS659:AX659"/>
    <mergeCell ref="C660:Z660"/>
    <mergeCell ref="AA660:AI660"/>
    <mergeCell ref="AJ660:AR660"/>
    <mergeCell ref="AS660:AX660"/>
    <mergeCell ref="C661:Z661"/>
    <mergeCell ref="AA661:AI661"/>
    <mergeCell ref="AJ661:AR661"/>
    <mergeCell ref="AS661:AX661"/>
    <mergeCell ref="C453:Z453"/>
    <mergeCell ref="AA453:AI453"/>
    <mergeCell ref="AJ453:AR453"/>
    <mergeCell ref="AS453:AX453"/>
    <mergeCell ref="B454:Z454"/>
    <mergeCell ref="AA454:AI454"/>
    <mergeCell ref="AJ454:AR454"/>
    <mergeCell ref="AS454:AX454"/>
    <mergeCell ref="B634:AX634"/>
    <mergeCell ref="A637:K637"/>
    <mergeCell ref="L637:O637"/>
    <mergeCell ref="P637:U637"/>
    <mergeCell ref="V637:AX637"/>
    <mergeCell ref="B641:AX650"/>
    <mergeCell ref="B655:Z656"/>
    <mergeCell ref="AA655:AI656"/>
    <mergeCell ref="AJ655:AR656"/>
    <mergeCell ref="AS655:AX656"/>
    <mergeCell ref="AJ623:AR623"/>
    <mergeCell ref="AS623:AX623"/>
    <mergeCell ref="C624:Z624"/>
    <mergeCell ref="AA624:AI624"/>
    <mergeCell ref="AJ624:AR624"/>
    <mergeCell ref="AS624:AX624"/>
    <mergeCell ref="C625:Z625"/>
    <mergeCell ref="AA625:AI625"/>
    <mergeCell ref="AJ625:AR625"/>
    <mergeCell ref="AS625:AX625"/>
    <mergeCell ref="C626:Z626"/>
    <mergeCell ref="AA626:AI626"/>
    <mergeCell ref="AJ626:AR626"/>
    <mergeCell ref="AS626:AX626"/>
    <mergeCell ref="C448:Z448"/>
    <mergeCell ref="AA448:AI448"/>
    <mergeCell ref="AJ448:AR448"/>
    <mergeCell ref="AS448:AX448"/>
    <mergeCell ref="C449:Z449"/>
    <mergeCell ref="AA449:AI449"/>
    <mergeCell ref="AJ449:AR449"/>
    <mergeCell ref="AS449:AX449"/>
    <mergeCell ref="C450:Z450"/>
    <mergeCell ref="AA450:AI450"/>
    <mergeCell ref="AJ450:AR450"/>
    <mergeCell ref="AS450:AX450"/>
    <mergeCell ref="C451:Z451"/>
    <mergeCell ref="AA451:AI451"/>
    <mergeCell ref="AJ451:AR451"/>
    <mergeCell ref="AS451:AX451"/>
    <mergeCell ref="C452:Z452"/>
    <mergeCell ref="AA452:AI452"/>
    <mergeCell ref="AJ452:AR452"/>
    <mergeCell ref="AS452:AX452"/>
    <mergeCell ref="C594:Z594"/>
    <mergeCell ref="AA594:AI594"/>
    <mergeCell ref="AJ594:AR594"/>
    <mergeCell ref="AS594:AX594"/>
    <mergeCell ref="B595:Z595"/>
    <mergeCell ref="AA595:AI595"/>
    <mergeCell ref="AJ595:AR595"/>
    <mergeCell ref="A426:K426"/>
    <mergeCell ref="L426:O426"/>
    <mergeCell ref="P426:U426"/>
    <mergeCell ref="V426:AX426"/>
    <mergeCell ref="B430:AX439"/>
    <mergeCell ref="B444:Z445"/>
    <mergeCell ref="AA444:AI445"/>
    <mergeCell ref="AJ444:AR445"/>
    <mergeCell ref="AS444:AX445"/>
    <mergeCell ref="C446:Z446"/>
    <mergeCell ref="AA446:AI446"/>
    <mergeCell ref="AJ446:AR446"/>
    <mergeCell ref="AS446:AX446"/>
    <mergeCell ref="C447:Z447"/>
    <mergeCell ref="AA447:AI447"/>
    <mergeCell ref="AJ447:AR447"/>
    <mergeCell ref="AS447:AX447"/>
    <mergeCell ref="C171:Z171"/>
    <mergeCell ref="AA171:AI171"/>
    <mergeCell ref="AJ171:AR171"/>
    <mergeCell ref="AS171:AX171"/>
    <mergeCell ref="C172:Z172"/>
    <mergeCell ref="AA172:AI172"/>
    <mergeCell ref="AJ172:AR172"/>
    <mergeCell ref="AS172:AX172"/>
    <mergeCell ref="C173:Z173"/>
    <mergeCell ref="AA173:AI173"/>
    <mergeCell ref="AJ173:AR173"/>
    <mergeCell ref="AS173:AX173"/>
    <mergeCell ref="B174:Z174"/>
    <mergeCell ref="AA174:AI174"/>
    <mergeCell ref="AJ174:AR174"/>
    <mergeCell ref="AS174:AX174"/>
    <mergeCell ref="B423:AX423"/>
    <mergeCell ref="C418:Z418"/>
    <mergeCell ref="AA418:AI418"/>
    <mergeCell ref="AJ418:AR418"/>
    <mergeCell ref="AS418:AX418"/>
    <mergeCell ref="B419:Z419"/>
    <mergeCell ref="AA419:AI419"/>
    <mergeCell ref="AJ419:AR419"/>
    <mergeCell ref="AS419:AX419"/>
    <mergeCell ref="C416:Z416"/>
    <mergeCell ref="AA416:AI416"/>
    <mergeCell ref="AJ416:AR416"/>
    <mergeCell ref="AS416:AX416"/>
    <mergeCell ref="C417:Z417"/>
    <mergeCell ref="AA417:AI417"/>
    <mergeCell ref="AJ417:AR417"/>
    <mergeCell ref="AA166:AI166"/>
    <mergeCell ref="AJ166:AR166"/>
    <mergeCell ref="AS166:AX166"/>
    <mergeCell ref="C167:Z167"/>
    <mergeCell ref="AA167:AI167"/>
    <mergeCell ref="AJ167:AR167"/>
    <mergeCell ref="AS167:AX167"/>
    <mergeCell ref="C168:Z168"/>
    <mergeCell ref="AA168:AI168"/>
    <mergeCell ref="AJ168:AR168"/>
    <mergeCell ref="AS168:AX168"/>
    <mergeCell ref="C169:Z169"/>
    <mergeCell ref="AA169:AI169"/>
    <mergeCell ref="AJ169:AR169"/>
    <mergeCell ref="AS169:AX169"/>
    <mergeCell ref="C170:Z170"/>
    <mergeCell ref="AA170:AI170"/>
    <mergeCell ref="AJ170:AR170"/>
    <mergeCell ref="AS170:AX170"/>
    <mergeCell ref="C101:Z101"/>
    <mergeCell ref="AA101:AI101"/>
    <mergeCell ref="AJ101:AR101"/>
    <mergeCell ref="AS101:AX101"/>
    <mergeCell ref="C102:Z102"/>
    <mergeCell ref="AA102:AI102"/>
    <mergeCell ref="AJ102:AR102"/>
    <mergeCell ref="AS102:AX102"/>
    <mergeCell ref="C103:Z103"/>
    <mergeCell ref="AA103:AI103"/>
    <mergeCell ref="AJ103:AR103"/>
    <mergeCell ref="AS103:AX103"/>
    <mergeCell ref="B104:Z104"/>
    <mergeCell ref="AA104:AI104"/>
    <mergeCell ref="AJ104:AR104"/>
    <mergeCell ref="AS104:AX104"/>
    <mergeCell ref="B143:AX143"/>
    <mergeCell ref="C136:Z136"/>
    <mergeCell ref="AA136:AI136"/>
    <mergeCell ref="AJ136:AR136"/>
    <mergeCell ref="AS136:AX136"/>
    <mergeCell ref="C137:Z137"/>
    <mergeCell ref="AA137:AI137"/>
    <mergeCell ref="AJ137:AR137"/>
    <mergeCell ref="AS137:AX137"/>
    <mergeCell ref="C134:Z134"/>
    <mergeCell ref="AA134:AI134"/>
    <mergeCell ref="AJ134:AR134"/>
    <mergeCell ref="AS134:AX134"/>
    <mergeCell ref="C135:Z135"/>
    <mergeCell ref="AA135:AI135"/>
    <mergeCell ref="C96:Z96"/>
    <mergeCell ref="AA96:AI96"/>
    <mergeCell ref="AJ96:AR96"/>
    <mergeCell ref="AS96:AX96"/>
    <mergeCell ref="C97:Z97"/>
    <mergeCell ref="AA97:AI97"/>
    <mergeCell ref="AJ97:AR97"/>
    <mergeCell ref="AS97:AX97"/>
    <mergeCell ref="C98:Z98"/>
    <mergeCell ref="AA98:AI98"/>
    <mergeCell ref="AJ98:AR98"/>
    <mergeCell ref="AS98:AX98"/>
    <mergeCell ref="C99:Z99"/>
    <mergeCell ref="AA99:AI99"/>
    <mergeCell ref="AJ99:AR99"/>
    <mergeCell ref="AS99:AX99"/>
    <mergeCell ref="C100:Z100"/>
    <mergeCell ref="AA100:AI100"/>
    <mergeCell ref="AJ100:AR100"/>
    <mergeCell ref="AS100:AX100"/>
    <mergeCell ref="C1224:Z1224"/>
    <mergeCell ref="AA1224:AI1224"/>
    <mergeCell ref="AJ1224:AR1224"/>
    <mergeCell ref="AS1224:AX1224"/>
    <mergeCell ref="B1225:Z1225"/>
    <mergeCell ref="AA1225:AI1225"/>
    <mergeCell ref="AJ1225:AR1225"/>
    <mergeCell ref="AS1225:AX1225"/>
    <mergeCell ref="C1222:Z1222"/>
    <mergeCell ref="AA1222:AI1222"/>
    <mergeCell ref="AJ1222:AR1222"/>
    <mergeCell ref="AS1222:AX1222"/>
    <mergeCell ref="C1223:Z1223"/>
    <mergeCell ref="AA1223:AI1223"/>
    <mergeCell ref="AJ1223:AR1223"/>
    <mergeCell ref="AS1223:AX1223"/>
    <mergeCell ref="C1220:Z1220"/>
    <mergeCell ref="AA1220:AI1220"/>
    <mergeCell ref="AJ1220:AR1220"/>
    <mergeCell ref="AS1220:AX1220"/>
    <mergeCell ref="C1221:Z1221"/>
    <mergeCell ref="AA1221:AI1221"/>
    <mergeCell ref="AJ1221:AR1221"/>
    <mergeCell ref="AS1221:AX1221"/>
    <mergeCell ref="C1218:Z1218"/>
    <mergeCell ref="AA1218:AI1218"/>
    <mergeCell ref="AJ1218:AR1218"/>
    <mergeCell ref="AS1218:AX1218"/>
    <mergeCell ref="C1219:Z1219"/>
    <mergeCell ref="AA1219:AI1219"/>
    <mergeCell ref="AJ1219:AR1219"/>
    <mergeCell ref="AS1219:AX1219"/>
    <mergeCell ref="B1215:Z1216"/>
    <mergeCell ref="AA1215:AI1216"/>
    <mergeCell ref="AJ1215:AR1216"/>
    <mergeCell ref="AS1215:AX1216"/>
    <mergeCell ref="C1217:Z1217"/>
    <mergeCell ref="AA1217:AI1217"/>
    <mergeCell ref="AJ1217:AR1217"/>
    <mergeCell ref="AS1217:AX1217"/>
    <mergeCell ref="B1194:AX1194"/>
    <mergeCell ref="A1197:K1197"/>
    <mergeCell ref="L1197:O1197"/>
    <mergeCell ref="P1197:U1197"/>
    <mergeCell ref="V1197:AX1197"/>
    <mergeCell ref="B1201:AX1210"/>
    <mergeCell ref="C1189:Z1189"/>
    <mergeCell ref="AA1189:AI1189"/>
    <mergeCell ref="AJ1189:AR1189"/>
    <mergeCell ref="AS1189:AX1189"/>
    <mergeCell ref="B1190:Z1190"/>
    <mergeCell ref="AA1190:AI1190"/>
    <mergeCell ref="AJ1190:AR1190"/>
    <mergeCell ref="AS1190:AX1190"/>
    <mergeCell ref="C1187:Z1187"/>
    <mergeCell ref="AA1187:AI1187"/>
    <mergeCell ref="AJ1187:AR1187"/>
    <mergeCell ref="AS1187:AX1187"/>
    <mergeCell ref="C1188:Z1188"/>
    <mergeCell ref="AA1188:AI1188"/>
    <mergeCell ref="AJ1188:AR1188"/>
    <mergeCell ref="AS1188:AX1188"/>
    <mergeCell ref="C1185:Z1185"/>
    <mergeCell ref="AA1185:AI1185"/>
    <mergeCell ref="AJ1185:AR1185"/>
    <mergeCell ref="AS1185:AX1185"/>
    <mergeCell ref="C1186:Z1186"/>
    <mergeCell ref="AA1186:AI1186"/>
    <mergeCell ref="AJ1186:AR1186"/>
    <mergeCell ref="AS1186:AX1186"/>
    <mergeCell ref="C1183:Z1183"/>
    <mergeCell ref="AA1183:AI1183"/>
    <mergeCell ref="AJ1183:AR1183"/>
    <mergeCell ref="AS1183:AX1183"/>
    <mergeCell ref="C1184:Z1184"/>
    <mergeCell ref="AA1184:AI1184"/>
    <mergeCell ref="AJ1184:AR1184"/>
    <mergeCell ref="AS1184:AX1184"/>
    <mergeCell ref="B1180:Z1181"/>
    <mergeCell ref="AA1180:AI1181"/>
    <mergeCell ref="AJ1180:AR1181"/>
    <mergeCell ref="AS1180:AX1181"/>
    <mergeCell ref="C1182:Z1182"/>
    <mergeCell ref="AA1182:AI1182"/>
    <mergeCell ref="AJ1182:AR1182"/>
    <mergeCell ref="AS1182:AX1182"/>
    <mergeCell ref="B1159:AX1159"/>
    <mergeCell ref="A1162:K1162"/>
    <mergeCell ref="L1162:O1162"/>
    <mergeCell ref="P1162:U1162"/>
    <mergeCell ref="V1162:AX1162"/>
    <mergeCell ref="B1166:AX1175"/>
    <mergeCell ref="C1154:Y1154"/>
    <mergeCell ref="AA1154:AI1154"/>
    <mergeCell ref="AJ1154:AR1154"/>
    <mergeCell ref="AS1154:AX1154"/>
    <mergeCell ref="B1155:Z1155"/>
    <mergeCell ref="AA1155:AI1155"/>
    <mergeCell ref="AJ1155:AR1155"/>
    <mergeCell ref="AS1155:AX1155"/>
    <mergeCell ref="C1152:Y1152"/>
    <mergeCell ref="AA1152:AI1152"/>
    <mergeCell ref="AJ1152:AR1152"/>
    <mergeCell ref="AS1152:AX1152"/>
    <mergeCell ref="C1153:Y1153"/>
    <mergeCell ref="AA1153:AI1153"/>
    <mergeCell ref="AJ1153:AR1153"/>
    <mergeCell ref="AS1153:AX1153"/>
    <mergeCell ref="C1150:Y1150"/>
    <mergeCell ref="AA1150:AI1150"/>
    <mergeCell ref="AJ1150:AR1150"/>
    <mergeCell ref="AS1150:AX1150"/>
    <mergeCell ref="C1151:Y1151"/>
    <mergeCell ref="AA1151:AI1151"/>
    <mergeCell ref="AJ1151:AR1151"/>
    <mergeCell ref="AS1151:AX1151"/>
    <mergeCell ref="C1148:Y1148"/>
    <mergeCell ref="AA1148:AI1148"/>
    <mergeCell ref="AJ1148:AR1148"/>
    <mergeCell ref="AS1148:AX1148"/>
    <mergeCell ref="C1149:Y1149"/>
    <mergeCell ref="AA1149:AI1149"/>
    <mergeCell ref="AJ1149:AR1149"/>
    <mergeCell ref="AS1149:AX1149"/>
    <mergeCell ref="B1145:Z1146"/>
    <mergeCell ref="AA1145:AI1146"/>
    <mergeCell ref="AJ1145:AR1146"/>
    <mergeCell ref="AS1145:AX1146"/>
    <mergeCell ref="C1147:Y1147"/>
    <mergeCell ref="AA1147:AI1147"/>
    <mergeCell ref="AJ1147:AR1147"/>
    <mergeCell ref="AS1147:AX1147"/>
    <mergeCell ref="B1124:AX1124"/>
    <mergeCell ref="A1127:K1127"/>
    <mergeCell ref="L1127:O1127"/>
    <mergeCell ref="P1127:U1127"/>
    <mergeCell ref="V1127:AX1127"/>
    <mergeCell ref="B1131:AX1140"/>
    <mergeCell ref="C1119:Z1119"/>
    <mergeCell ref="AA1119:AI1119"/>
    <mergeCell ref="AJ1119:AR1119"/>
    <mergeCell ref="AS1119:AX1119"/>
    <mergeCell ref="B1120:Z1120"/>
    <mergeCell ref="AA1120:AI1120"/>
    <mergeCell ref="AJ1120:AR1120"/>
    <mergeCell ref="AS1120:AX1120"/>
    <mergeCell ref="C1117:Z1117"/>
    <mergeCell ref="AA1117:AI1117"/>
    <mergeCell ref="AJ1117:AR1117"/>
    <mergeCell ref="AS1117:AX1117"/>
    <mergeCell ref="C1118:Z1118"/>
    <mergeCell ref="AA1118:AI1118"/>
    <mergeCell ref="AJ1118:AR1118"/>
    <mergeCell ref="AS1118:AX1118"/>
    <mergeCell ref="C1115:Z1115"/>
    <mergeCell ref="AA1115:AI1115"/>
    <mergeCell ref="AJ1115:AR1115"/>
    <mergeCell ref="AS1115:AX1115"/>
    <mergeCell ref="C1116:Z1116"/>
    <mergeCell ref="AA1116:AI1116"/>
    <mergeCell ref="AJ1116:AR1116"/>
    <mergeCell ref="AS1116:AX1116"/>
    <mergeCell ref="C1113:Z1113"/>
    <mergeCell ref="AA1113:AI1113"/>
    <mergeCell ref="AJ1113:AR1113"/>
    <mergeCell ref="AS1113:AX1113"/>
    <mergeCell ref="C1114:Z1114"/>
    <mergeCell ref="AA1114:AI1114"/>
    <mergeCell ref="AJ1114:AR1114"/>
    <mergeCell ref="AS1114:AX1114"/>
    <mergeCell ref="B1110:Z1111"/>
    <mergeCell ref="AA1110:AI1111"/>
    <mergeCell ref="AJ1110:AR1111"/>
    <mergeCell ref="AS1110:AX1111"/>
    <mergeCell ref="C1112:Z1112"/>
    <mergeCell ref="AA1112:AI1112"/>
    <mergeCell ref="AJ1112:AR1112"/>
    <mergeCell ref="AS1112:AX1112"/>
    <mergeCell ref="B1089:AX1089"/>
    <mergeCell ref="A1092:K1092"/>
    <mergeCell ref="L1092:O1092"/>
    <mergeCell ref="P1092:U1092"/>
    <mergeCell ref="V1092:AX1092"/>
    <mergeCell ref="B1096:AX1105"/>
    <mergeCell ref="C1049:Z1049"/>
    <mergeCell ref="AA1049:AI1049"/>
    <mergeCell ref="AJ1049:AR1049"/>
    <mergeCell ref="AS1049:AX1049"/>
    <mergeCell ref="B1050:Z1050"/>
    <mergeCell ref="AA1050:AI1050"/>
    <mergeCell ref="AJ1050:AR1050"/>
    <mergeCell ref="AS1050:AX1050"/>
    <mergeCell ref="C1047:Z1047"/>
    <mergeCell ref="AA1047:AI1047"/>
    <mergeCell ref="AJ1047:AR1047"/>
    <mergeCell ref="AS1047:AX1047"/>
    <mergeCell ref="C1048:Z1048"/>
    <mergeCell ref="AA1048:AI1048"/>
    <mergeCell ref="AJ1048:AR1048"/>
    <mergeCell ref="AS1048:AX1048"/>
    <mergeCell ref="C1045:Z1045"/>
    <mergeCell ref="AA1045:AI1045"/>
    <mergeCell ref="AJ1045:AR1045"/>
    <mergeCell ref="AS1045:AX1045"/>
    <mergeCell ref="C1046:Z1046"/>
    <mergeCell ref="AA1046:AI1046"/>
    <mergeCell ref="AJ1046:AR1046"/>
    <mergeCell ref="AS1046:AX1046"/>
    <mergeCell ref="C1043:Z1043"/>
    <mergeCell ref="AA1043:AI1043"/>
    <mergeCell ref="AJ1043:AR1043"/>
    <mergeCell ref="AS1043:AX1043"/>
    <mergeCell ref="C1044:Z1044"/>
    <mergeCell ref="AA1044:AI1044"/>
    <mergeCell ref="AJ1044:AR1044"/>
    <mergeCell ref="AS1044:AX1044"/>
    <mergeCell ref="B1040:Z1041"/>
    <mergeCell ref="AA1040:AI1041"/>
    <mergeCell ref="AJ1040:AR1041"/>
    <mergeCell ref="AS1040:AX1041"/>
    <mergeCell ref="C1042:Z1042"/>
    <mergeCell ref="AA1042:AI1042"/>
    <mergeCell ref="AJ1042:AR1042"/>
    <mergeCell ref="AS1042:AX1042"/>
    <mergeCell ref="B1019:AX1019"/>
    <mergeCell ref="A1022:K1022"/>
    <mergeCell ref="L1022:O1022"/>
    <mergeCell ref="P1022:U1022"/>
    <mergeCell ref="V1022:AX1022"/>
    <mergeCell ref="B1026:AX1035"/>
    <mergeCell ref="C1014:Z1014"/>
    <mergeCell ref="AA1014:AI1014"/>
    <mergeCell ref="AJ1014:AR1014"/>
    <mergeCell ref="AS1014:AX1014"/>
    <mergeCell ref="B1015:Z1015"/>
    <mergeCell ref="AA1015:AI1015"/>
    <mergeCell ref="AJ1015:AR1015"/>
    <mergeCell ref="AS1015:AX1015"/>
    <mergeCell ref="C1012:Z1012"/>
    <mergeCell ref="AA1012:AI1012"/>
    <mergeCell ref="AJ1012:AR1012"/>
    <mergeCell ref="AS1012:AX1012"/>
    <mergeCell ref="C1013:Z1013"/>
    <mergeCell ref="AA1013:AI1013"/>
    <mergeCell ref="AJ1013:AR1013"/>
    <mergeCell ref="AS1013:AX1013"/>
    <mergeCell ref="C1010:Z1010"/>
    <mergeCell ref="AA1010:AI1010"/>
    <mergeCell ref="AJ1010:AR1010"/>
    <mergeCell ref="AS1010:AX1010"/>
    <mergeCell ref="C1011:Z1011"/>
    <mergeCell ref="AA1011:AI1011"/>
    <mergeCell ref="AJ1011:AR1011"/>
    <mergeCell ref="AS1011:AX1011"/>
    <mergeCell ref="C1008:Z1008"/>
    <mergeCell ref="AA1008:AI1008"/>
    <mergeCell ref="AJ1008:AR1008"/>
    <mergeCell ref="AS1008:AX1008"/>
    <mergeCell ref="C1009:Z1009"/>
    <mergeCell ref="AA1009:AI1009"/>
    <mergeCell ref="AJ1009:AR1009"/>
    <mergeCell ref="AS1009:AX1009"/>
    <mergeCell ref="B1005:Z1006"/>
    <mergeCell ref="AA1005:AI1006"/>
    <mergeCell ref="AJ1005:AR1006"/>
    <mergeCell ref="AS1005:AX1006"/>
    <mergeCell ref="C1007:Z1007"/>
    <mergeCell ref="AA1007:AI1007"/>
    <mergeCell ref="AJ1007:AR1007"/>
    <mergeCell ref="AS1007:AX1007"/>
    <mergeCell ref="B984:AX984"/>
    <mergeCell ref="A987:K987"/>
    <mergeCell ref="L987:O987"/>
    <mergeCell ref="P987:U987"/>
    <mergeCell ref="V987:AX987"/>
    <mergeCell ref="B991:AX1000"/>
    <mergeCell ref="C979:Z979"/>
    <mergeCell ref="AA979:AI979"/>
    <mergeCell ref="AJ979:AR979"/>
    <mergeCell ref="AS979:AX979"/>
    <mergeCell ref="B980:Z980"/>
    <mergeCell ref="AA980:AI980"/>
    <mergeCell ref="AJ980:AR980"/>
    <mergeCell ref="AS980:AX980"/>
    <mergeCell ref="C977:Z977"/>
    <mergeCell ref="AA977:AI977"/>
    <mergeCell ref="AJ977:AR977"/>
    <mergeCell ref="AS977:AX977"/>
    <mergeCell ref="C978:Z978"/>
    <mergeCell ref="AA978:AI978"/>
    <mergeCell ref="AJ978:AR978"/>
    <mergeCell ref="AS978:AX978"/>
    <mergeCell ref="C975:Z975"/>
    <mergeCell ref="AA975:AI975"/>
    <mergeCell ref="AJ975:AR975"/>
    <mergeCell ref="AS975:AX975"/>
    <mergeCell ref="C976:Z976"/>
    <mergeCell ref="AA976:AI976"/>
    <mergeCell ref="AJ976:AR976"/>
    <mergeCell ref="AS976:AX976"/>
    <mergeCell ref="C973:Z973"/>
    <mergeCell ref="AA973:AI973"/>
    <mergeCell ref="AJ973:AR973"/>
    <mergeCell ref="AS973:AX973"/>
    <mergeCell ref="AA974:AI974"/>
    <mergeCell ref="AJ974:AR974"/>
    <mergeCell ref="AS974:AX974"/>
    <mergeCell ref="B970:Z971"/>
    <mergeCell ref="AA970:AI971"/>
    <mergeCell ref="AJ970:AR971"/>
    <mergeCell ref="AS970:AX971"/>
    <mergeCell ref="C972:Z972"/>
    <mergeCell ref="AA972:AI972"/>
    <mergeCell ref="AJ972:AR972"/>
    <mergeCell ref="AS972:AX972"/>
    <mergeCell ref="B949:AX949"/>
    <mergeCell ref="A952:K952"/>
    <mergeCell ref="L952:O952"/>
    <mergeCell ref="P952:U952"/>
    <mergeCell ref="V952:AX952"/>
    <mergeCell ref="B956:AX965"/>
    <mergeCell ref="C944:Y944"/>
    <mergeCell ref="AA944:AI944"/>
    <mergeCell ref="AJ944:AR944"/>
    <mergeCell ref="AS944:AX944"/>
    <mergeCell ref="B945:Z945"/>
    <mergeCell ref="AA945:AI945"/>
    <mergeCell ref="AJ945:AR945"/>
    <mergeCell ref="AS945:AX945"/>
    <mergeCell ref="C942:Y942"/>
    <mergeCell ref="AA942:AI942"/>
    <mergeCell ref="AJ942:AR942"/>
    <mergeCell ref="AS942:AX942"/>
    <mergeCell ref="C943:Y943"/>
    <mergeCell ref="AA943:AI943"/>
    <mergeCell ref="AJ943:AR943"/>
    <mergeCell ref="AS943:AX943"/>
    <mergeCell ref="C940:Y940"/>
    <mergeCell ref="AA940:AI940"/>
    <mergeCell ref="AJ940:AR940"/>
    <mergeCell ref="AS940:AX940"/>
    <mergeCell ref="C941:Y941"/>
    <mergeCell ref="AA941:AI941"/>
    <mergeCell ref="AJ941:AR941"/>
    <mergeCell ref="AS941:AX941"/>
    <mergeCell ref="C938:Y938"/>
    <mergeCell ref="AA938:AI938"/>
    <mergeCell ref="AJ938:AR938"/>
    <mergeCell ref="AS938:AX938"/>
    <mergeCell ref="C939:Y939"/>
    <mergeCell ref="AA939:AI939"/>
    <mergeCell ref="AJ939:AR939"/>
    <mergeCell ref="AS939:AX939"/>
    <mergeCell ref="B935:Z936"/>
    <mergeCell ref="AA935:AI936"/>
    <mergeCell ref="AJ935:AR936"/>
    <mergeCell ref="AS935:AX936"/>
    <mergeCell ref="C937:Y937"/>
    <mergeCell ref="AA937:AI937"/>
    <mergeCell ref="AJ937:AR937"/>
    <mergeCell ref="AS937:AX937"/>
    <mergeCell ref="B914:AX914"/>
    <mergeCell ref="A917:K917"/>
    <mergeCell ref="L917:O917"/>
    <mergeCell ref="P917:U917"/>
    <mergeCell ref="V917:AX917"/>
    <mergeCell ref="B921:AX930"/>
    <mergeCell ref="C909:Z909"/>
    <mergeCell ref="AA909:AI909"/>
    <mergeCell ref="AJ909:AR909"/>
    <mergeCell ref="AS909:AX909"/>
    <mergeCell ref="B910:Z910"/>
    <mergeCell ref="AA910:AI910"/>
    <mergeCell ref="AJ910:AR910"/>
    <mergeCell ref="AS910:AX910"/>
    <mergeCell ref="C907:Z907"/>
    <mergeCell ref="AA907:AI907"/>
    <mergeCell ref="AJ907:AR907"/>
    <mergeCell ref="AS907:AX907"/>
    <mergeCell ref="C908:Z908"/>
    <mergeCell ref="AA908:AI908"/>
    <mergeCell ref="AJ908:AR908"/>
    <mergeCell ref="AS908:AX908"/>
    <mergeCell ref="C905:Z905"/>
    <mergeCell ref="AA905:AI905"/>
    <mergeCell ref="AJ905:AR905"/>
    <mergeCell ref="AS905:AX905"/>
    <mergeCell ref="C906:Z906"/>
    <mergeCell ref="AA906:AI906"/>
    <mergeCell ref="AJ906:AR906"/>
    <mergeCell ref="AS906:AX906"/>
    <mergeCell ref="C903:Z903"/>
    <mergeCell ref="AA903:AI903"/>
    <mergeCell ref="AJ903:AR903"/>
    <mergeCell ref="AS903:AX903"/>
    <mergeCell ref="C904:Z904"/>
    <mergeCell ref="AA904:AI904"/>
    <mergeCell ref="AJ904:AR904"/>
    <mergeCell ref="AS904:AX904"/>
    <mergeCell ref="B900:Z901"/>
    <mergeCell ref="AA900:AI901"/>
    <mergeCell ref="AJ900:AR901"/>
    <mergeCell ref="AS900:AX901"/>
    <mergeCell ref="C902:Z902"/>
    <mergeCell ref="AA902:AI902"/>
    <mergeCell ref="AJ902:AR902"/>
    <mergeCell ref="AS902:AX902"/>
    <mergeCell ref="B879:AX879"/>
    <mergeCell ref="A882:K882"/>
    <mergeCell ref="L882:O882"/>
    <mergeCell ref="P882:U882"/>
    <mergeCell ref="V882:AX882"/>
    <mergeCell ref="B886:AX895"/>
    <mergeCell ref="C874:Z874"/>
    <mergeCell ref="AA874:AI874"/>
    <mergeCell ref="AJ874:AR874"/>
    <mergeCell ref="AS874:AX874"/>
    <mergeCell ref="B875:Z875"/>
    <mergeCell ref="AA875:AI875"/>
    <mergeCell ref="AJ875:AR875"/>
    <mergeCell ref="AS875:AX875"/>
    <mergeCell ref="C872:Z872"/>
    <mergeCell ref="AA872:AI872"/>
    <mergeCell ref="AJ872:AR872"/>
    <mergeCell ref="AS872:AX872"/>
    <mergeCell ref="C873:Z873"/>
    <mergeCell ref="AA873:AI873"/>
    <mergeCell ref="AJ873:AR873"/>
    <mergeCell ref="AS873:AX873"/>
    <mergeCell ref="C870:Z870"/>
    <mergeCell ref="AA870:AI870"/>
    <mergeCell ref="AJ870:AR870"/>
    <mergeCell ref="AS870:AX870"/>
    <mergeCell ref="C871:Z871"/>
    <mergeCell ref="AA871:AI871"/>
    <mergeCell ref="AJ871:AR871"/>
    <mergeCell ref="AS871:AX871"/>
    <mergeCell ref="C868:Z868"/>
    <mergeCell ref="AA868:AI868"/>
    <mergeCell ref="AJ868:AR868"/>
    <mergeCell ref="AS868:AX868"/>
    <mergeCell ref="C869:Z869"/>
    <mergeCell ref="AA869:AI869"/>
    <mergeCell ref="AJ869:AR869"/>
    <mergeCell ref="AS869:AX869"/>
    <mergeCell ref="B865:Z866"/>
    <mergeCell ref="AA865:AI866"/>
    <mergeCell ref="AJ865:AR866"/>
    <mergeCell ref="AS865:AX866"/>
    <mergeCell ref="C867:Z867"/>
    <mergeCell ref="AA867:AI867"/>
    <mergeCell ref="AJ867:AR867"/>
    <mergeCell ref="AS867:AX867"/>
    <mergeCell ref="B844:AX844"/>
    <mergeCell ref="A847:K847"/>
    <mergeCell ref="L847:O847"/>
    <mergeCell ref="P847:U847"/>
    <mergeCell ref="V847:AX847"/>
    <mergeCell ref="B851:AX860"/>
    <mergeCell ref="C839:Z839"/>
    <mergeCell ref="AA839:AI839"/>
    <mergeCell ref="AJ839:AR839"/>
    <mergeCell ref="AS839:AX839"/>
    <mergeCell ref="B840:Z840"/>
    <mergeCell ref="AA840:AI840"/>
    <mergeCell ref="AJ840:AR840"/>
    <mergeCell ref="AS840:AX840"/>
    <mergeCell ref="C837:Z837"/>
    <mergeCell ref="AA837:AI837"/>
    <mergeCell ref="AJ837:AR837"/>
    <mergeCell ref="AS837:AX837"/>
    <mergeCell ref="C838:Z838"/>
    <mergeCell ref="AA838:AI838"/>
    <mergeCell ref="AJ838:AR838"/>
    <mergeCell ref="AS838:AX838"/>
    <mergeCell ref="C835:Z835"/>
    <mergeCell ref="AA835:AI835"/>
    <mergeCell ref="AJ835:AR835"/>
    <mergeCell ref="AS835:AX835"/>
    <mergeCell ref="C836:Z836"/>
    <mergeCell ref="AA836:AI836"/>
    <mergeCell ref="AJ836:AR836"/>
    <mergeCell ref="AS836:AX836"/>
    <mergeCell ref="C833:Z833"/>
    <mergeCell ref="AA833:AI833"/>
    <mergeCell ref="AJ833:AR833"/>
    <mergeCell ref="AS833:AX833"/>
    <mergeCell ref="C834:Z834"/>
    <mergeCell ref="AA834:AI834"/>
    <mergeCell ref="AJ834:AR834"/>
    <mergeCell ref="AS834:AX834"/>
    <mergeCell ref="B830:Z831"/>
    <mergeCell ref="AA830:AI831"/>
    <mergeCell ref="AJ830:AR831"/>
    <mergeCell ref="AS830:AX831"/>
    <mergeCell ref="C832:Z832"/>
    <mergeCell ref="AA832:AI832"/>
    <mergeCell ref="AJ832:AR832"/>
    <mergeCell ref="AS832:AX832"/>
    <mergeCell ref="B809:AX809"/>
    <mergeCell ref="A812:K812"/>
    <mergeCell ref="L812:O812"/>
    <mergeCell ref="P812:U812"/>
    <mergeCell ref="V812:AX812"/>
    <mergeCell ref="B816:AX825"/>
    <mergeCell ref="C804:Y804"/>
    <mergeCell ref="AA804:AI804"/>
    <mergeCell ref="AJ804:AR804"/>
    <mergeCell ref="AS804:AX804"/>
    <mergeCell ref="B805:Z805"/>
    <mergeCell ref="AA805:AI805"/>
    <mergeCell ref="AJ805:AR805"/>
    <mergeCell ref="AS805:AX805"/>
    <mergeCell ref="C802:Y802"/>
    <mergeCell ref="AA802:AI802"/>
    <mergeCell ref="AJ802:AR802"/>
    <mergeCell ref="AS802:AX802"/>
    <mergeCell ref="C803:Y803"/>
    <mergeCell ref="AA803:AI803"/>
    <mergeCell ref="AJ803:AR803"/>
    <mergeCell ref="AS803:AX803"/>
    <mergeCell ref="C800:Y800"/>
    <mergeCell ref="AA800:AI800"/>
    <mergeCell ref="AJ800:AR800"/>
    <mergeCell ref="AS800:AX800"/>
    <mergeCell ref="C801:Y801"/>
    <mergeCell ref="AA801:AI801"/>
    <mergeCell ref="AJ801:AR801"/>
    <mergeCell ref="AS801:AX801"/>
    <mergeCell ref="C798:Y798"/>
    <mergeCell ref="AA798:AI798"/>
    <mergeCell ref="AJ798:AR798"/>
    <mergeCell ref="AS798:AX798"/>
    <mergeCell ref="C799:Y799"/>
    <mergeCell ref="AA799:AI799"/>
    <mergeCell ref="AJ799:AR799"/>
    <mergeCell ref="AS799:AX799"/>
    <mergeCell ref="B795:Z796"/>
    <mergeCell ref="AA795:AI796"/>
    <mergeCell ref="AJ795:AR796"/>
    <mergeCell ref="AS795:AX796"/>
    <mergeCell ref="C797:Y797"/>
    <mergeCell ref="AA797:AI797"/>
    <mergeCell ref="AJ797:AR797"/>
    <mergeCell ref="AS797:AX797"/>
    <mergeCell ref="B774:AX774"/>
    <mergeCell ref="A777:K777"/>
    <mergeCell ref="L777:O777"/>
    <mergeCell ref="P777:U777"/>
    <mergeCell ref="V777:AX777"/>
    <mergeCell ref="B781:AX790"/>
    <mergeCell ref="C769:Z769"/>
    <mergeCell ref="AA769:AI769"/>
    <mergeCell ref="AJ769:AR769"/>
    <mergeCell ref="AS769:AX769"/>
    <mergeCell ref="B770:Z770"/>
    <mergeCell ref="AA770:AI770"/>
    <mergeCell ref="AJ770:AR770"/>
    <mergeCell ref="AS770:AX770"/>
    <mergeCell ref="C767:Z767"/>
    <mergeCell ref="AA767:AI767"/>
    <mergeCell ref="AJ767:AR767"/>
    <mergeCell ref="AS767:AX767"/>
    <mergeCell ref="C768:Z768"/>
    <mergeCell ref="AA768:AI768"/>
    <mergeCell ref="AJ768:AR768"/>
    <mergeCell ref="AS768:AX768"/>
    <mergeCell ref="C765:Z765"/>
    <mergeCell ref="AA765:AI765"/>
    <mergeCell ref="AJ765:AR765"/>
    <mergeCell ref="AS765:AX765"/>
    <mergeCell ref="C766:Z766"/>
    <mergeCell ref="AA766:AI766"/>
    <mergeCell ref="AJ766:AR766"/>
    <mergeCell ref="AS766:AX766"/>
    <mergeCell ref="C763:Z763"/>
    <mergeCell ref="AA763:AI763"/>
    <mergeCell ref="AJ763:AR763"/>
    <mergeCell ref="AS763:AX763"/>
    <mergeCell ref="C764:Z764"/>
    <mergeCell ref="AA764:AI764"/>
    <mergeCell ref="AJ764:AR764"/>
    <mergeCell ref="AS764:AX764"/>
    <mergeCell ref="B760:Z761"/>
    <mergeCell ref="AA760:AI761"/>
    <mergeCell ref="AJ760:AR761"/>
    <mergeCell ref="AS760:AX761"/>
    <mergeCell ref="C762:Z762"/>
    <mergeCell ref="AA762:AI762"/>
    <mergeCell ref="AJ762:AR762"/>
    <mergeCell ref="AS762:AX762"/>
    <mergeCell ref="B739:AX739"/>
    <mergeCell ref="A742:K742"/>
    <mergeCell ref="L742:O742"/>
    <mergeCell ref="P742:U742"/>
    <mergeCell ref="V742:AX742"/>
    <mergeCell ref="B746:AX755"/>
    <mergeCell ref="C734:Z734"/>
    <mergeCell ref="AA734:AI734"/>
    <mergeCell ref="AJ734:AR734"/>
    <mergeCell ref="AS734:AX734"/>
    <mergeCell ref="B735:Z735"/>
    <mergeCell ref="AA735:AI735"/>
    <mergeCell ref="AJ735:AR735"/>
    <mergeCell ref="AS735:AX735"/>
    <mergeCell ref="C732:Z732"/>
    <mergeCell ref="AA732:AI732"/>
    <mergeCell ref="AJ732:AR732"/>
    <mergeCell ref="AS732:AX732"/>
    <mergeCell ref="C733:Z733"/>
    <mergeCell ref="AA733:AI733"/>
    <mergeCell ref="AJ733:AR733"/>
    <mergeCell ref="AS733:AX733"/>
    <mergeCell ref="C730:Z730"/>
    <mergeCell ref="AA730:AI730"/>
    <mergeCell ref="AJ730:AR730"/>
    <mergeCell ref="AS730:AX730"/>
    <mergeCell ref="C731:Z731"/>
    <mergeCell ref="AA731:AI731"/>
    <mergeCell ref="AJ731:AR731"/>
    <mergeCell ref="AS731:AX731"/>
    <mergeCell ref="C728:Z728"/>
    <mergeCell ref="AA728:AI728"/>
    <mergeCell ref="AJ728:AR728"/>
    <mergeCell ref="AS728:AX728"/>
    <mergeCell ref="C729:Z729"/>
    <mergeCell ref="AA729:AI729"/>
    <mergeCell ref="AJ729:AR729"/>
    <mergeCell ref="AS729:AX729"/>
    <mergeCell ref="B725:Z726"/>
    <mergeCell ref="AA725:AI726"/>
    <mergeCell ref="AJ725:AR726"/>
    <mergeCell ref="AS725:AX726"/>
    <mergeCell ref="C727:Z727"/>
    <mergeCell ref="AA727:AI727"/>
    <mergeCell ref="AJ727:AR727"/>
    <mergeCell ref="AS727:AX727"/>
    <mergeCell ref="B704:AX704"/>
    <mergeCell ref="A707:K707"/>
    <mergeCell ref="L707:O707"/>
    <mergeCell ref="P707:U707"/>
    <mergeCell ref="V707:AX707"/>
    <mergeCell ref="B711:AX720"/>
    <mergeCell ref="C699:Y699"/>
    <mergeCell ref="AA699:AI699"/>
    <mergeCell ref="AJ699:AR699"/>
    <mergeCell ref="AS699:AX699"/>
    <mergeCell ref="B700:Z700"/>
    <mergeCell ref="AA700:AI700"/>
    <mergeCell ref="AJ700:AR700"/>
    <mergeCell ref="AS700:AX700"/>
    <mergeCell ref="C697:Y697"/>
    <mergeCell ref="AA697:AI697"/>
    <mergeCell ref="AJ697:AR697"/>
    <mergeCell ref="AS697:AX697"/>
    <mergeCell ref="C698:Y698"/>
    <mergeCell ref="AA698:AI698"/>
    <mergeCell ref="AJ698:AR698"/>
    <mergeCell ref="AS698:AX698"/>
    <mergeCell ref="C695:Y695"/>
    <mergeCell ref="AA695:AI695"/>
    <mergeCell ref="AJ695:AR695"/>
    <mergeCell ref="AS695:AX695"/>
    <mergeCell ref="C696:Y696"/>
    <mergeCell ref="AA696:AI696"/>
    <mergeCell ref="AJ696:AR696"/>
    <mergeCell ref="AS696:AX696"/>
    <mergeCell ref="C693:Y693"/>
    <mergeCell ref="AA693:AI693"/>
    <mergeCell ref="AJ693:AR693"/>
    <mergeCell ref="AS693:AX693"/>
    <mergeCell ref="C694:Y694"/>
    <mergeCell ref="AA694:AI694"/>
    <mergeCell ref="AJ694:AR694"/>
    <mergeCell ref="AS694:AX694"/>
    <mergeCell ref="B690:Z691"/>
    <mergeCell ref="AA690:AI691"/>
    <mergeCell ref="AJ690:AR691"/>
    <mergeCell ref="AS690:AX691"/>
    <mergeCell ref="C692:Y692"/>
    <mergeCell ref="AA692:AI692"/>
    <mergeCell ref="AJ692:AR692"/>
    <mergeCell ref="AS692:AX692"/>
    <mergeCell ref="B669:AX669"/>
    <mergeCell ref="A672:K672"/>
    <mergeCell ref="L672:O672"/>
    <mergeCell ref="P672:U672"/>
    <mergeCell ref="V672:AX672"/>
    <mergeCell ref="B676:AX685"/>
    <mergeCell ref="AS595:AX595"/>
    <mergeCell ref="C592:Z592"/>
    <mergeCell ref="AA592:AI592"/>
    <mergeCell ref="AJ592:AR592"/>
    <mergeCell ref="AS592:AX592"/>
    <mergeCell ref="C593:Z593"/>
    <mergeCell ref="AA593:AI593"/>
    <mergeCell ref="AJ593:AR593"/>
    <mergeCell ref="AS593:AX593"/>
    <mergeCell ref="C590:Z590"/>
    <mergeCell ref="AA590:AI590"/>
    <mergeCell ref="AJ590:AR590"/>
    <mergeCell ref="AS590:AX590"/>
    <mergeCell ref="C591:Z591"/>
    <mergeCell ref="AA591:AI591"/>
    <mergeCell ref="AJ591:AR591"/>
    <mergeCell ref="AS591:AX591"/>
    <mergeCell ref="C588:Z588"/>
    <mergeCell ref="AA588:AI588"/>
    <mergeCell ref="AJ588:AR588"/>
    <mergeCell ref="AS588:AX588"/>
    <mergeCell ref="C589:Z589"/>
    <mergeCell ref="AA589:AI589"/>
    <mergeCell ref="AJ589:AR589"/>
    <mergeCell ref="AS589:AX589"/>
    <mergeCell ref="B585:Z586"/>
    <mergeCell ref="AA585:AI586"/>
    <mergeCell ref="AJ585:AR586"/>
    <mergeCell ref="AS585:AX586"/>
    <mergeCell ref="C587:Z587"/>
    <mergeCell ref="AA587:AI587"/>
    <mergeCell ref="AJ587:AR587"/>
    <mergeCell ref="AS587:AX587"/>
    <mergeCell ref="B564:AX564"/>
    <mergeCell ref="A567:K567"/>
    <mergeCell ref="L567:O567"/>
    <mergeCell ref="P567:U567"/>
    <mergeCell ref="V567:AX567"/>
    <mergeCell ref="B571:AX580"/>
    <mergeCell ref="C559:Z559"/>
    <mergeCell ref="AA559:AI559"/>
    <mergeCell ref="AJ559:AR559"/>
    <mergeCell ref="AS559:AX559"/>
    <mergeCell ref="B560:Z560"/>
    <mergeCell ref="AA560:AI560"/>
    <mergeCell ref="AJ560:AR560"/>
    <mergeCell ref="AS560:AX560"/>
    <mergeCell ref="C557:Z557"/>
    <mergeCell ref="AA557:AI557"/>
    <mergeCell ref="AJ557:AR557"/>
    <mergeCell ref="AS557:AX557"/>
    <mergeCell ref="C558:Z558"/>
    <mergeCell ref="AA558:AI558"/>
    <mergeCell ref="AJ558:AR558"/>
    <mergeCell ref="AS558:AX558"/>
    <mergeCell ref="C555:Z555"/>
    <mergeCell ref="AA555:AI555"/>
    <mergeCell ref="AJ555:AR555"/>
    <mergeCell ref="AS555:AX555"/>
    <mergeCell ref="C556:Z556"/>
    <mergeCell ref="AA556:AI556"/>
    <mergeCell ref="AJ556:AR556"/>
    <mergeCell ref="AS556:AX556"/>
    <mergeCell ref="C553:Z553"/>
    <mergeCell ref="AA553:AI553"/>
    <mergeCell ref="AJ553:AR553"/>
    <mergeCell ref="AS553:AX553"/>
    <mergeCell ref="C554:Z554"/>
    <mergeCell ref="AA554:AI554"/>
    <mergeCell ref="AJ554:AR554"/>
    <mergeCell ref="AS554:AX554"/>
    <mergeCell ref="B550:Z551"/>
    <mergeCell ref="AA550:AI551"/>
    <mergeCell ref="AJ550:AR551"/>
    <mergeCell ref="AS550:AX551"/>
    <mergeCell ref="C552:Z552"/>
    <mergeCell ref="AA552:AI552"/>
    <mergeCell ref="AJ552:AR552"/>
    <mergeCell ref="AS552:AX552"/>
    <mergeCell ref="B529:AX529"/>
    <mergeCell ref="A532:K532"/>
    <mergeCell ref="L532:O532"/>
    <mergeCell ref="P532:U532"/>
    <mergeCell ref="V532:AX532"/>
    <mergeCell ref="B536:AX545"/>
    <mergeCell ref="C524:Z524"/>
    <mergeCell ref="AA524:AI524"/>
    <mergeCell ref="AJ524:AR524"/>
    <mergeCell ref="AS524:AX524"/>
    <mergeCell ref="B525:Z525"/>
    <mergeCell ref="AA525:AI525"/>
    <mergeCell ref="AJ525:AR525"/>
    <mergeCell ref="AS525:AX525"/>
    <mergeCell ref="C522:Z522"/>
    <mergeCell ref="AA522:AI522"/>
    <mergeCell ref="AJ522:AR522"/>
    <mergeCell ref="AS522:AX522"/>
    <mergeCell ref="C523:Z523"/>
    <mergeCell ref="AA523:AI523"/>
    <mergeCell ref="AJ523:AR523"/>
    <mergeCell ref="AS523:AX523"/>
    <mergeCell ref="C520:Z520"/>
    <mergeCell ref="AA520:AI520"/>
    <mergeCell ref="AJ520:AR520"/>
    <mergeCell ref="AS520:AX520"/>
    <mergeCell ref="C521:Z521"/>
    <mergeCell ref="AA521:AI521"/>
    <mergeCell ref="AJ521:AR521"/>
    <mergeCell ref="AS521:AX521"/>
    <mergeCell ref="C518:Z518"/>
    <mergeCell ref="AA518:AI518"/>
    <mergeCell ref="AJ518:AR518"/>
    <mergeCell ref="AS518:AX518"/>
    <mergeCell ref="C519:Z519"/>
    <mergeCell ref="AA519:AI519"/>
    <mergeCell ref="AJ519:AR519"/>
    <mergeCell ref="AS519:AX519"/>
    <mergeCell ref="B515:Z516"/>
    <mergeCell ref="AA515:AI516"/>
    <mergeCell ref="AJ515:AR516"/>
    <mergeCell ref="AS515:AX516"/>
    <mergeCell ref="C517:Z517"/>
    <mergeCell ref="AA517:AI517"/>
    <mergeCell ref="AJ517:AR517"/>
    <mergeCell ref="AS517:AX517"/>
    <mergeCell ref="B494:AX494"/>
    <mergeCell ref="A497:K497"/>
    <mergeCell ref="L497:O497"/>
    <mergeCell ref="P497:U497"/>
    <mergeCell ref="V497:AX497"/>
    <mergeCell ref="B501:AX510"/>
    <mergeCell ref="C489:Y489"/>
    <mergeCell ref="AA489:AI489"/>
    <mergeCell ref="AJ489:AR489"/>
    <mergeCell ref="AS489:AX489"/>
    <mergeCell ref="B490:Z490"/>
    <mergeCell ref="AA490:AI490"/>
    <mergeCell ref="AJ490:AR490"/>
    <mergeCell ref="AS490:AX490"/>
    <mergeCell ref="C487:Y487"/>
    <mergeCell ref="AA487:AI487"/>
    <mergeCell ref="AJ487:AR487"/>
    <mergeCell ref="AS487:AX487"/>
    <mergeCell ref="C488:Y488"/>
    <mergeCell ref="AA488:AI488"/>
    <mergeCell ref="AJ488:AR488"/>
    <mergeCell ref="AS488:AX488"/>
    <mergeCell ref="C485:Y485"/>
    <mergeCell ref="AA485:AI485"/>
    <mergeCell ref="AJ485:AR485"/>
    <mergeCell ref="AS485:AX485"/>
    <mergeCell ref="C486:Y486"/>
    <mergeCell ref="AA486:AI486"/>
    <mergeCell ref="AJ486:AR486"/>
    <mergeCell ref="AS486:AX486"/>
    <mergeCell ref="C483:Y483"/>
    <mergeCell ref="AA483:AI483"/>
    <mergeCell ref="AJ483:AR483"/>
    <mergeCell ref="AS483:AX483"/>
    <mergeCell ref="C484:Y484"/>
    <mergeCell ref="AA484:AI484"/>
    <mergeCell ref="AJ484:AR484"/>
    <mergeCell ref="AS484:AX484"/>
    <mergeCell ref="B480:Z481"/>
    <mergeCell ref="AA480:AI481"/>
    <mergeCell ref="AJ480:AR481"/>
    <mergeCell ref="AS480:AX481"/>
    <mergeCell ref="C482:Y482"/>
    <mergeCell ref="AA482:AI482"/>
    <mergeCell ref="AJ482:AR482"/>
    <mergeCell ref="AS482:AX482"/>
    <mergeCell ref="B458:AX458"/>
    <mergeCell ref="A461:K461"/>
    <mergeCell ref="L461:O461"/>
    <mergeCell ref="P461:U461"/>
    <mergeCell ref="V461:AX461"/>
    <mergeCell ref="B465:AX474"/>
    <mergeCell ref="AS417:AX417"/>
    <mergeCell ref="C414:Z414"/>
    <mergeCell ref="AA414:AI414"/>
    <mergeCell ref="AJ414:AR414"/>
    <mergeCell ref="AS414:AX414"/>
    <mergeCell ref="C415:Z415"/>
    <mergeCell ref="AA415:AI415"/>
    <mergeCell ref="AJ415:AR415"/>
    <mergeCell ref="AS415:AX415"/>
    <mergeCell ref="C412:Z412"/>
    <mergeCell ref="AA412:AI412"/>
    <mergeCell ref="AJ412:AR412"/>
    <mergeCell ref="AS412:AX412"/>
    <mergeCell ref="C413:Z413"/>
    <mergeCell ref="AA413:AI413"/>
    <mergeCell ref="AJ413:AR413"/>
    <mergeCell ref="AS413:AX413"/>
    <mergeCell ref="B409:Z410"/>
    <mergeCell ref="AA409:AI410"/>
    <mergeCell ref="AJ409:AR410"/>
    <mergeCell ref="AS409:AX410"/>
    <mergeCell ref="C411:Z411"/>
    <mergeCell ref="AA411:AI411"/>
    <mergeCell ref="AJ411:AR411"/>
    <mergeCell ref="AS411:AX411"/>
    <mergeCell ref="B388:AX388"/>
    <mergeCell ref="A391:K391"/>
    <mergeCell ref="L391:O391"/>
    <mergeCell ref="P391:U391"/>
    <mergeCell ref="V391:AX391"/>
    <mergeCell ref="B395:AX404"/>
    <mergeCell ref="C383:Z383"/>
    <mergeCell ref="AA383:AI383"/>
    <mergeCell ref="AJ383:AR383"/>
    <mergeCell ref="AS383:AX383"/>
    <mergeCell ref="B384:Z384"/>
    <mergeCell ref="AA384:AI384"/>
    <mergeCell ref="AJ384:AR384"/>
    <mergeCell ref="AS384:AX384"/>
    <mergeCell ref="C381:Z381"/>
    <mergeCell ref="AA381:AI381"/>
    <mergeCell ref="AJ381:AR381"/>
    <mergeCell ref="AS381:AX381"/>
    <mergeCell ref="C382:Z382"/>
    <mergeCell ref="AA382:AI382"/>
    <mergeCell ref="AJ382:AR382"/>
    <mergeCell ref="AS382:AX382"/>
    <mergeCell ref="C379:Z379"/>
    <mergeCell ref="AA379:AI379"/>
    <mergeCell ref="AJ379:AR379"/>
    <mergeCell ref="AS379:AX379"/>
    <mergeCell ref="C380:Z380"/>
    <mergeCell ref="AA380:AI380"/>
    <mergeCell ref="AJ380:AR380"/>
    <mergeCell ref="AS380:AX380"/>
    <mergeCell ref="C377:Z377"/>
    <mergeCell ref="AA377:AI377"/>
    <mergeCell ref="AJ377:AR377"/>
    <mergeCell ref="AS377:AX377"/>
    <mergeCell ref="C378:Z378"/>
    <mergeCell ref="AA378:AI378"/>
    <mergeCell ref="AJ378:AR378"/>
    <mergeCell ref="AS378:AX378"/>
    <mergeCell ref="B374:Z375"/>
    <mergeCell ref="AA374:AI375"/>
    <mergeCell ref="AJ374:AR375"/>
    <mergeCell ref="AS374:AX375"/>
    <mergeCell ref="C376:Z376"/>
    <mergeCell ref="AA376:AI376"/>
    <mergeCell ref="AJ376:AR376"/>
    <mergeCell ref="AS376:AX376"/>
    <mergeCell ref="B353:AX353"/>
    <mergeCell ref="A356:K356"/>
    <mergeCell ref="L356:O356"/>
    <mergeCell ref="P356:U356"/>
    <mergeCell ref="V356:AX356"/>
    <mergeCell ref="B360:AX369"/>
    <mergeCell ref="C348:Z348"/>
    <mergeCell ref="AA348:AI348"/>
    <mergeCell ref="AJ348:AR348"/>
    <mergeCell ref="AS348:AX348"/>
    <mergeCell ref="B349:Z349"/>
    <mergeCell ref="AA349:AI349"/>
    <mergeCell ref="AJ349:AR349"/>
    <mergeCell ref="AS349:AX349"/>
    <mergeCell ref="C346:Z346"/>
    <mergeCell ref="AA346:AI346"/>
    <mergeCell ref="AJ346:AR346"/>
    <mergeCell ref="AS346:AX346"/>
    <mergeCell ref="C347:Z347"/>
    <mergeCell ref="AA347:AI347"/>
    <mergeCell ref="AJ347:AR347"/>
    <mergeCell ref="AS347:AX347"/>
    <mergeCell ref="C344:Z344"/>
    <mergeCell ref="AA344:AI344"/>
    <mergeCell ref="AJ344:AR344"/>
    <mergeCell ref="AS344:AX344"/>
    <mergeCell ref="C345:Z345"/>
    <mergeCell ref="AA345:AI345"/>
    <mergeCell ref="AJ345:AR345"/>
    <mergeCell ref="AS345:AX345"/>
    <mergeCell ref="C342:Z342"/>
    <mergeCell ref="AA342:AI342"/>
    <mergeCell ref="AJ342:AR342"/>
    <mergeCell ref="AS342:AX342"/>
    <mergeCell ref="C343:Z343"/>
    <mergeCell ref="AA343:AI343"/>
    <mergeCell ref="AJ343:AR343"/>
    <mergeCell ref="AS343:AX343"/>
    <mergeCell ref="B339:Z340"/>
    <mergeCell ref="AA339:AI340"/>
    <mergeCell ref="AJ339:AR340"/>
    <mergeCell ref="AS339:AX340"/>
    <mergeCell ref="C341:Z341"/>
    <mergeCell ref="AA341:AI341"/>
    <mergeCell ref="AJ341:AR341"/>
    <mergeCell ref="AS341:AX341"/>
    <mergeCell ref="B318:AX318"/>
    <mergeCell ref="A321:K321"/>
    <mergeCell ref="L321:O321"/>
    <mergeCell ref="P321:U321"/>
    <mergeCell ref="V321:AX321"/>
    <mergeCell ref="B325:AX334"/>
    <mergeCell ref="C313:Z313"/>
    <mergeCell ref="AA313:AI313"/>
    <mergeCell ref="AJ313:AR313"/>
    <mergeCell ref="AS313:AX313"/>
    <mergeCell ref="B314:Z314"/>
    <mergeCell ref="AA314:AI314"/>
    <mergeCell ref="AJ314:AR314"/>
    <mergeCell ref="AS314:AX314"/>
    <mergeCell ref="C311:Z311"/>
    <mergeCell ref="AA311:AI311"/>
    <mergeCell ref="AJ311:AR311"/>
    <mergeCell ref="AS311:AX311"/>
    <mergeCell ref="C312:Z312"/>
    <mergeCell ref="AA312:AI312"/>
    <mergeCell ref="AJ312:AR312"/>
    <mergeCell ref="AS312:AX312"/>
    <mergeCell ref="C309:Z309"/>
    <mergeCell ref="AA309:AI309"/>
    <mergeCell ref="AJ309:AR309"/>
    <mergeCell ref="AS309:AX309"/>
    <mergeCell ref="C310:Z310"/>
    <mergeCell ref="AA310:AI310"/>
    <mergeCell ref="AJ310:AR310"/>
    <mergeCell ref="AS310:AX310"/>
    <mergeCell ref="C307:Z307"/>
    <mergeCell ref="AA307:AI307"/>
    <mergeCell ref="AJ307:AR307"/>
    <mergeCell ref="AS307:AX307"/>
    <mergeCell ref="C308:Z308"/>
    <mergeCell ref="AA308:AI308"/>
    <mergeCell ref="AJ308:AR308"/>
    <mergeCell ref="AS308:AX308"/>
    <mergeCell ref="B304:Z305"/>
    <mergeCell ref="AA304:AI305"/>
    <mergeCell ref="AJ304:AR305"/>
    <mergeCell ref="AS304:AX305"/>
    <mergeCell ref="C306:Z306"/>
    <mergeCell ref="AA306:AI306"/>
    <mergeCell ref="AJ306:AR306"/>
    <mergeCell ref="AS306:AX306"/>
    <mergeCell ref="B283:AX283"/>
    <mergeCell ref="A286:K286"/>
    <mergeCell ref="L286:O286"/>
    <mergeCell ref="P286:U286"/>
    <mergeCell ref="V286:AX286"/>
    <mergeCell ref="B290:AX299"/>
    <mergeCell ref="C278:Y278"/>
    <mergeCell ref="AA278:AI278"/>
    <mergeCell ref="AJ278:AR278"/>
    <mergeCell ref="AS278:AX278"/>
    <mergeCell ref="B279:Z279"/>
    <mergeCell ref="AA279:AI279"/>
    <mergeCell ref="AJ279:AR279"/>
    <mergeCell ref="AS279:AX279"/>
    <mergeCell ref="C276:Y276"/>
    <mergeCell ref="AA276:AI276"/>
    <mergeCell ref="AJ276:AR276"/>
    <mergeCell ref="AS276:AX276"/>
    <mergeCell ref="C277:Y277"/>
    <mergeCell ref="AA277:AI277"/>
    <mergeCell ref="AJ277:AR277"/>
    <mergeCell ref="AS277:AX277"/>
    <mergeCell ref="C274:Y274"/>
    <mergeCell ref="AA274:AI274"/>
    <mergeCell ref="AJ274:AR274"/>
    <mergeCell ref="AS274:AX274"/>
    <mergeCell ref="C275:Y275"/>
    <mergeCell ref="AA275:AI275"/>
    <mergeCell ref="AJ275:AR275"/>
    <mergeCell ref="AS275:AX275"/>
    <mergeCell ref="C272:Y272"/>
    <mergeCell ref="AA272:AI272"/>
    <mergeCell ref="AJ272:AR272"/>
    <mergeCell ref="AS272:AX272"/>
    <mergeCell ref="C273:Y273"/>
    <mergeCell ref="AA273:AI273"/>
    <mergeCell ref="AJ273:AR273"/>
    <mergeCell ref="AS273:AX273"/>
    <mergeCell ref="B269:Z270"/>
    <mergeCell ref="AA269:AI270"/>
    <mergeCell ref="AJ269:AR270"/>
    <mergeCell ref="AS269:AX270"/>
    <mergeCell ref="C271:Y271"/>
    <mergeCell ref="AA271:AI271"/>
    <mergeCell ref="AJ271:AR271"/>
    <mergeCell ref="AS271:AX271"/>
    <mergeCell ref="B248:AX248"/>
    <mergeCell ref="A251:K251"/>
    <mergeCell ref="L251:O251"/>
    <mergeCell ref="P251:U251"/>
    <mergeCell ref="V251:AX251"/>
    <mergeCell ref="B255:AX264"/>
    <mergeCell ref="C243:Z243"/>
    <mergeCell ref="AA243:AI243"/>
    <mergeCell ref="AJ243:AR243"/>
    <mergeCell ref="AS243:AX243"/>
    <mergeCell ref="B244:Z244"/>
    <mergeCell ref="AA244:AI244"/>
    <mergeCell ref="AJ244:AR244"/>
    <mergeCell ref="AS244:AX244"/>
    <mergeCell ref="C241:Z241"/>
    <mergeCell ref="AA241:AI241"/>
    <mergeCell ref="AJ241:AR241"/>
    <mergeCell ref="AS241:AX241"/>
    <mergeCell ref="C242:Z242"/>
    <mergeCell ref="AA242:AI242"/>
    <mergeCell ref="AJ242:AR242"/>
    <mergeCell ref="AS242:AX242"/>
    <mergeCell ref="C239:Z239"/>
    <mergeCell ref="AA239:AI239"/>
    <mergeCell ref="AJ239:AR239"/>
    <mergeCell ref="AS239:AX239"/>
    <mergeCell ref="C240:Z240"/>
    <mergeCell ref="AA240:AI240"/>
    <mergeCell ref="AJ240:AR240"/>
    <mergeCell ref="AS240:AX240"/>
    <mergeCell ref="C237:Z237"/>
    <mergeCell ref="AA237:AI237"/>
    <mergeCell ref="AJ237:AR237"/>
    <mergeCell ref="AS237:AX237"/>
    <mergeCell ref="C238:Z238"/>
    <mergeCell ref="AA238:AI238"/>
    <mergeCell ref="AJ238:AR238"/>
    <mergeCell ref="AS238:AX238"/>
    <mergeCell ref="B234:Z235"/>
    <mergeCell ref="AA234:AI235"/>
    <mergeCell ref="AJ234:AR235"/>
    <mergeCell ref="AS234:AX235"/>
    <mergeCell ref="C236:Z236"/>
    <mergeCell ref="AA236:AI236"/>
    <mergeCell ref="AJ236:AR236"/>
    <mergeCell ref="AS236:AX236"/>
    <mergeCell ref="B213:AX213"/>
    <mergeCell ref="A216:K216"/>
    <mergeCell ref="L216:O216"/>
    <mergeCell ref="P216:U216"/>
    <mergeCell ref="V216:AX216"/>
    <mergeCell ref="B220:AX229"/>
    <mergeCell ref="C208:Z208"/>
    <mergeCell ref="AA208:AI208"/>
    <mergeCell ref="AJ208:AR208"/>
    <mergeCell ref="AS208:AX208"/>
    <mergeCell ref="B209:Z209"/>
    <mergeCell ref="AA209:AI209"/>
    <mergeCell ref="AJ209:AR209"/>
    <mergeCell ref="AS209:AX209"/>
    <mergeCell ref="C206:Z206"/>
    <mergeCell ref="AA206:AI206"/>
    <mergeCell ref="AJ206:AR206"/>
    <mergeCell ref="AS206:AX206"/>
    <mergeCell ref="C207:Z207"/>
    <mergeCell ref="AA207:AI207"/>
    <mergeCell ref="AJ207:AR207"/>
    <mergeCell ref="AS207:AX207"/>
    <mergeCell ref="C204:Z204"/>
    <mergeCell ref="AA204:AI204"/>
    <mergeCell ref="AJ204:AR204"/>
    <mergeCell ref="AS204:AX204"/>
    <mergeCell ref="C205:Z205"/>
    <mergeCell ref="AA205:AI205"/>
    <mergeCell ref="AJ205:AR205"/>
    <mergeCell ref="AS205:AX205"/>
    <mergeCell ref="C202:Z202"/>
    <mergeCell ref="AA202:AI202"/>
    <mergeCell ref="AJ202:AR202"/>
    <mergeCell ref="AS202:AX202"/>
    <mergeCell ref="C203:Z203"/>
    <mergeCell ref="AA203:AI203"/>
    <mergeCell ref="AJ203:AR203"/>
    <mergeCell ref="AS203:AX203"/>
    <mergeCell ref="B199:Z200"/>
    <mergeCell ref="AA199:AI200"/>
    <mergeCell ref="AJ199:AR200"/>
    <mergeCell ref="AS199:AX200"/>
    <mergeCell ref="C201:Z201"/>
    <mergeCell ref="AA201:AI201"/>
    <mergeCell ref="AJ201:AR201"/>
    <mergeCell ref="AS201:AX201"/>
    <mergeCell ref="B178:AX178"/>
    <mergeCell ref="A181:K181"/>
    <mergeCell ref="L181:O181"/>
    <mergeCell ref="P181:U181"/>
    <mergeCell ref="V181:AX181"/>
    <mergeCell ref="B185:AX194"/>
    <mergeCell ref="C138:Z138"/>
    <mergeCell ref="AA138:AI138"/>
    <mergeCell ref="AJ138:AR138"/>
    <mergeCell ref="AS138:AX138"/>
    <mergeCell ref="B139:Z139"/>
    <mergeCell ref="AA139:AI139"/>
    <mergeCell ref="AJ139:AR139"/>
    <mergeCell ref="AS139:AX139"/>
    <mergeCell ref="A146:K146"/>
    <mergeCell ref="L146:O146"/>
    <mergeCell ref="P146:U146"/>
    <mergeCell ref="V146:AX146"/>
    <mergeCell ref="B150:AX159"/>
    <mergeCell ref="B164:Z165"/>
    <mergeCell ref="AA164:AI165"/>
    <mergeCell ref="AJ164:AR165"/>
    <mergeCell ref="AS164:AX165"/>
    <mergeCell ref="C166:Z166"/>
    <mergeCell ref="AJ135:AR135"/>
    <mergeCell ref="AS135:AX135"/>
    <mergeCell ref="C132:Z132"/>
    <mergeCell ref="AA132:AI132"/>
    <mergeCell ref="AJ132:AR132"/>
    <mergeCell ref="AS132:AX132"/>
    <mergeCell ref="C133:Z133"/>
    <mergeCell ref="AA133:AI133"/>
    <mergeCell ref="AJ133:AR133"/>
    <mergeCell ref="AS133:AX133"/>
    <mergeCell ref="B129:Z130"/>
    <mergeCell ref="AA129:AI130"/>
    <mergeCell ref="AJ129:AR130"/>
    <mergeCell ref="AS129:AX130"/>
    <mergeCell ref="C131:Z131"/>
    <mergeCell ref="AA131:AI131"/>
    <mergeCell ref="AJ131:AR131"/>
    <mergeCell ref="AS131:AX131"/>
    <mergeCell ref="B108:AX108"/>
    <mergeCell ref="A111:K111"/>
    <mergeCell ref="L111:O111"/>
    <mergeCell ref="P111:U111"/>
    <mergeCell ref="V111:AX111"/>
    <mergeCell ref="B115:AX124"/>
    <mergeCell ref="C68:Z68"/>
    <mergeCell ref="AA68:AI68"/>
    <mergeCell ref="AJ68:AR68"/>
    <mergeCell ref="AS68:AX68"/>
    <mergeCell ref="B69:Z69"/>
    <mergeCell ref="AA69:AI69"/>
    <mergeCell ref="AJ69:AR69"/>
    <mergeCell ref="AS69:AX69"/>
    <mergeCell ref="C66:Z66"/>
    <mergeCell ref="AA66:AI66"/>
    <mergeCell ref="AJ66:AR66"/>
    <mergeCell ref="AS66:AX66"/>
    <mergeCell ref="C67:Z67"/>
    <mergeCell ref="AA67:AI67"/>
    <mergeCell ref="AJ67:AR67"/>
    <mergeCell ref="AS67:AX67"/>
    <mergeCell ref="B73:AX73"/>
    <mergeCell ref="A76:K76"/>
    <mergeCell ref="L76:O76"/>
    <mergeCell ref="P76:U76"/>
    <mergeCell ref="V76:AX76"/>
    <mergeCell ref="B80:AX89"/>
    <mergeCell ref="B94:Z95"/>
    <mergeCell ref="AA94:AI95"/>
    <mergeCell ref="AJ94:AR95"/>
    <mergeCell ref="AS94:AX95"/>
    <mergeCell ref="C64:Z64"/>
    <mergeCell ref="AA64:AI64"/>
    <mergeCell ref="AJ64:AR64"/>
    <mergeCell ref="AS64:AX64"/>
    <mergeCell ref="C65:Z65"/>
    <mergeCell ref="AA65:AI65"/>
    <mergeCell ref="AJ65:AR65"/>
    <mergeCell ref="AS65:AX65"/>
    <mergeCell ref="C62:Z62"/>
    <mergeCell ref="AA62:AI62"/>
    <mergeCell ref="AJ62:AR62"/>
    <mergeCell ref="AS62:AX62"/>
    <mergeCell ref="C63:Z63"/>
    <mergeCell ref="AA63:AI63"/>
    <mergeCell ref="AJ63:AR63"/>
    <mergeCell ref="AS63:AX63"/>
    <mergeCell ref="B59:Z60"/>
    <mergeCell ref="AA59:AI60"/>
    <mergeCell ref="AJ59:AR60"/>
    <mergeCell ref="AS59:AX60"/>
    <mergeCell ref="C61:Z61"/>
    <mergeCell ref="AA61:AI61"/>
    <mergeCell ref="AJ61:AR61"/>
    <mergeCell ref="AS61:AX61"/>
    <mergeCell ref="B38:AX38"/>
    <mergeCell ref="A41:K41"/>
    <mergeCell ref="L41:O41"/>
    <mergeCell ref="P41:U41"/>
    <mergeCell ref="V41:AX41"/>
    <mergeCell ref="B45:AX54"/>
    <mergeCell ref="C33:Z33"/>
    <mergeCell ref="AA33:AI33"/>
    <mergeCell ref="AJ33:AR33"/>
    <mergeCell ref="AS33:AX33"/>
    <mergeCell ref="B34:Z34"/>
    <mergeCell ref="AA34:AI34"/>
    <mergeCell ref="AJ34:AR34"/>
    <mergeCell ref="AS34:AX34"/>
    <mergeCell ref="C31:Z31"/>
    <mergeCell ref="AA31:AI31"/>
    <mergeCell ref="AJ31:AR31"/>
    <mergeCell ref="AS31:AX31"/>
    <mergeCell ref="C32:Z32"/>
    <mergeCell ref="AA32:AI32"/>
    <mergeCell ref="AJ32:AR32"/>
    <mergeCell ref="AS32:AX32"/>
    <mergeCell ref="B3:AX3"/>
    <mergeCell ref="A6:K6"/>
    <mergeCell ref="L6:O6"/>
    <mergeCell ref="P6:U6"/>
    <mergeCell ref="V6:AX6"/>
    <mergeCell ref="B10:AX19"/>
    <mergeCell ref="C29:Z29"/>
    <mergeCell ref="AA29:AI29"/>
    <mergeCell ref="AJ29:AR29"/>
    <mergeCell ref="AS29:AX29"/>
    <mergeCell ref="C30:Z30"/>
    <mergeCell ref="AA30:AI30"/>
    <mergeCell ref="AJ30:AR30"/>
    <mergeCell ref="AS30:AX30"/>
    <mergeCell ref="C27:Z27"/>
    <mergeCell ref="AA27:AI27"/>
    <mergeCell ref="AJ27:AR27"/>
    <mergeCell ref="AS27:AX27"/>
    <mergeCell ref="C28:Z28"/>
    <mergeCell ref="AA28:AI28"/>
    <mergeCell ref="AJ28:AR28"/>
    <mergeCell ref="AS28:AX28"/>
    <mergeCell ref="B24:Z25"/>
    <mergeCell ref="AA24:AI25"/>
    <mergeCell ref="AJ24:AR25"/>
    <mergeCell ref="AS24:AX25"/>
    <mergeCell ref="C26:Z26"/>
    <mergeCell ref="AA26:AI26"/>
    <mergeCell ref="AJ26:AR26"/>
    <mergeCell ref="AS26:AX26"/>
  </mergeCells>
  <phoneticPr fontId="4"/>
  <pageMargins left="0.7" right="0.7" top="0.75" bottom="0.75" header="0.3" footer="0.3"/>
  <pageSetup paperSize="9" scale="86" orientation="portrait" r:id="rId1"/>
  <rowBreaks count="34" manualBreakCount="34">
    <brk id="35" max="16383" man="1"/>
    <brk id="70" max="16383" man="1"/>
    <brk id="105" max="16383" man="1"/>
    <brk id="140" max="16383" man="1"/>
    <brk id="175" max="16383" man="1"/>
    <brk id="210" max="16383" man="1"/>
    <brk id="245" max="16383" man="1"/>
    <brk id="280" max="16383" man="1"/>
    <brk id="315" max="16383" man="1"/>
    <brk id="350" max="16383" man="1"/>
    <brk id="385" max="16383" man="1"/>
    <brk id="420" max="16383" man="1"/>
    <brk id="455" max="16383" man="1"/>
    <brk id="491" max="16383" man="1"/>
    <brk id="526" max="16383" man="1"/>
    <brk id="561" max="16383" man="1"/>
    <brk id="596" max="16383" man="1"/>
    <brk id="631" max="16383" man="1"/>
    <brk id="666" max="16383" man="1"/>
    <brk id="701" max="16383" man="1"/>
    <brk id="736" max="16383" man="1"/>
    <brk id="771" max="16383" man="1"/>
    <brk id="806" max="16383" man="1"/>
    <brk id="841" max="16383" man="1"/>
    <brk id="876" max="16383" man="1"/>
    <brk id="911" max="16383" man="1"/>
    <brk id="946" max="16383" man="1"/>
    <brk id="981" max="16383" man="1"/>
    <brk id="1016" max="16383" man="1"/>
    <brk id="1051" max="16383" man="1"/>
    <brk id="1086" max="16383" man="1"/>
    <brk id="1121" max="16383" man="1"/>
    <brk id="1156" max="16383" man="1"/>
    <brk id="1191"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3</vt:i4>
      </vt:variant>
    </vt:vector>
  </HeadingPairs>
  <TitlesOfParts>
    <vt:vector size="5" baseType="lpstr">
      <vt:lpstr>予算事業一覧</vt:lpstr>
      <vt:lpstr>事業概要説明資料</vt:lpstr>
      <vt:lpstr>事業概要説明資料!Print_Area</vt:lpstr>
      <vt:lpstr>予算事業一覧!Print_Area</vt:lpstr>
      <vt:lpstr>予算事業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6-02-12T06:04:01Z</dcterms:created>
  <dcterms:modified xsi:type="dcterms:W3CDTF">2026-02-12T06:04:52Z</dcterms:modified>
</cp:coreProperties>
</file>